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fileSharing readOnlyRecommended="1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93\01企画G\23_統計\厚生労働省\01_介護保険事業状況報告\02_月報HP\"/>
    </mc:Choice>
  </mc:AlternateContent>
  <bookViews>
    <workbookView xWindow="240" yWindow="72" windowWidth="14940" windowHeight="8556" tabRatio="853"/>
  </bookViews>
  <sheets>
    <sheet name="第１表" sheetId="1" r:id="rId1"/>
    <sheet name="第２-1表" sheetId="8" r:id="rId2"/>
    <sheet name="第２-2表" sheetId="19" r:id="rId3"/>
    <sheet name="第２-3表" sheetId="28" r:id="rId4"/>
    <sheet name="第３-1表" sheetId="9" r:id="rId5"/>
    <sheet name="第３-2-1表" sheetId="10" r:id="rId6"/>
    <sheet name="第３-2-2表" sheetId="21" r:id="rId7"/>
    <sheet name="第３-2-3表 " sheetId="29" r:id="rId8"/>
    <sheet name="第3-3-1表" sheetId="11" r:id="rId9"/>
    <sheet name="第3-3-2表" sheetId="22" r:id="rId10"/>
    <sheet name="第3-3-3表 " sheetId="30" r:id="rId11"/>
    <sheet name="第４-1表" sheetId="4" r:id="rId12"/>
    <sheet name="第4-2-1表" sheetId="13" r:id="rId13"/>
    <sheet name="第4-2-2表" sheetId="23" r:id="rId14"/>
    <sheet name="第4-2-3表" sheetId="31" r:id="rId15"/>
    <sheet name="第4-3-1表" sheetId="14" r:id="rId16"/>
    <sheet name="第4-3-2表" sheetId="24" r:id="rId17"/>
    <sheet name="第4-3-3表" sheetId="32" r:id="rId18"/>
    <sheet name="第5-1表" sheetId="5" r:id="rId19"/>
    <sheet name="第5-2表" sheetId="25" r:id="rId20"/>
    <sheet name="第5-3表" sheetId="33" r:id="rId21"/>
    <sheet name="第６-1表" sheetId="6" r:id="rId22"/>
    <sheet name="第６-2表" sheetId="26" r:id="rId23"/>
    <sheet name="第６-3表 " sheetId="34" r:id="rId24"/>
    <sheet name="第7表" sheetId="18" r:id="rId25"/>
  </sheets>
  <definedNames>
    <definedName name="_xlnm.Print_Area" localSheetId="0">第１表!$A$1:$J$41</definedName>
    <definedName name="_xlnm.Print_Area" localSheetId="1">'第２-1表'!$A$1:$KM$41</definedName>
    <definedName name="_xlnm.Print_Area" localSheetId="2">'第２-2表'!$A$1:$KM$41</definedName>
    <definedName name="_xlnm.Print_Area" localSheetId="3">'第２-3表'!$A$1:$KM$41</definedName>
    <definedName name="_xlnm.Print_Area" localSheetId="8">'第3-3-1表'!$B$1:$CW$40</definedName>
    <definedName name="_xlnm.Print_Area" localSheetId="9">'第3-3-2表'!$B$1:$CW$40</definedName>
    <definedName name="_xlnm.Print_Area" localSheetId="10">'第3-3-3表 '!$B$1:$CW$40</definedName>
    <definedName name="_xlnm.Print_Titles" localSheetId="1">'第２-1表'!$B:$B,'第２-1表'!$1:$2</definedName>
    <definedName name="_xlnm.Print_Titles" localSheetId="2">'第２-2表'!$B:$B,'第２-2表'!$1:$2</definedName>
    <definedName name="_xlnm.Print_Titles" localSheetId="3">'第２-3表'!$B:$B,'第２-3表'!$1:$2</definedName>
    <definedName name="_xlnm.Print_Titles" localSheetId="4">'第３-1表'!$B:$B</definedName>
    <definedName name="_xlnm.Print_Titles" localSheetId="5">'第３-2-1表'!$B:$B,'第３-2-1表'!$1:$2</definedName>
    <definedName name="_xlnm.Print_Titles" localSheetId="6">'第３-2-2表'!$B:$B,'第３-2-2表'!$1:$2</definedName>
    <definedName name="_xlnm.Print_Titles" localSheetId="7">'第３-2-3表 '!$B:$B,'第３-2-3表 '!$1:$2</definedName>
    <definedName name="_xlnm.Print_Titles" localSheetId="11">'第４-1表'!$B:$B</definedName>
    <definedName name="_xlnm.Print_Titles" localSheetId="18">'第5-1表'!$B:$B</definedName>
    <definedName name="_xlnm.Print_Titles" localSheetId="19">'第5-2表'!$B:$B</definedName>
    <definedName name="_xlnm.Print_Titles" localSheetId="20">'第5-3表'!$B:$B</definedName>
    <definedName name="_xlnm.Print_Titles" localSheetId="21">'第６-1表'!$B:$B</definedName>
    <definedName name="_xlnm.Print_Titles" localSheetId="22">'第６-2表'!$B:$B</definedName>
    <definedName name="_xlnm.Print_Titles" localSheetId="23">'第６-3表 '!$B:$B</definedName>
    <definedName name="_xlnm.Print_Titles" localSheetId="24">第7表!$B:$B</definedName>
  </definedNames>
  <calcPr calcId="162913"/>
</workbook>
</file>

<file path=xl/calcChain.xml><?xml version="1.0" encoding="utf-8"?>
<calcChain xmlns="http://schemas.openxmlformats.org/spreadsheetml/2006/main">
  <c r="I1" i="10" l="1"/>
  <c r="H4" i="1" l="1"/>
  <c r="F1" i="34" l="1"/>
  <c r="G1" i="34" s="1"/>
  <c r="E1" i="34"/>
  <c r="F1" i="6"/>
  <c r="G1" i="6" s="1"/>
  <c r="G1" i="33"/>
  <c r="H1" i="33" s="1"/>
  <c r="F1" i="33"/>
  <c r="H1" i="5"/>
  <c r="I1" i="5" s="1"/>
  <c r="F1" i="5"/>
  <c r="J1" i="30"/>
  <c r="G1" i="25" l="1"/>
  <c r="H1" i="25" s="1"/>
  <c r="F1" i="25"/>
  <c r="J1" i="32" l="1"/>
  <c r="K1" i="32" s="1"/>
  <c r="H1" i="32"/>
  <c r="K1" i="31"/>
  <c r="L1" i="31" s="1"/>
  <c r="I1" i="31"/>
  <c r="L1" i="30"/>
  <c r="M1" i="30" s="1"/>
  <c r="K1" i="29"/>
  <c r="L1" i="29" s="1"/>
  <c r="I1" i="29"/>
  <c r="H1" i="28"/>
  <c r="I1" i="28" s="1"/>
  <c r="F1" i="28"/>
  <c r="E1" i="18" l="1"/>
  <c r="E1" i="26"/>
  <c r="E1" i="6"/>
  <c r="H1" i="24"/>
  <c r="H1" i="14"/>
  <c r="I1" i="23"/>
  <c r="I1" i="13"/>
  <c r="H1" i="4"/>
  <c r="J1" i="22"/>
  <c r="J1" i="11"/>
  <c r="I1" i="21"/>
  <c r="G1" i="9"/>
  <c r="F1" i="19"/>
  <c r="F1" i="8"/>
  <c r="F1" i="18" l="1"/>
  <c r="F1" i="26"/>
  <c r="J1" i="24"/>
  <c r="J1" i="14"/>
  <c r="K1" i="23"/>
  <c r="K1" i="13"/>
  <c r="J1" i="4"/>
  <c r="L1" i="22"/>
  <c r="L1" i="11"/>
  <c r="K1" i="21"/>
  <c r="K1" i="10"/>
  <c r="I1" i="9"/>
  <c r="H1" i="19"/>
  <c r="I1" i="19" s="1"/>
  <c r="H1" i="8"/>
  <c r="I1" i="8" s="1"/>
  <c r="J1" i="9" l="1"/>
  <c r="G1" i="26"/>
  <c r="K1" i="24"/>
  <c r="L1" i="23"/>
  <c r="M1" i="22"/>
  <c r="L1" i="21"/>
  <c r="G1" i="18"/>
  <c r="K1" i="14"/>
  <c r="L1" i="13"/>
  <c r="M1" i="11"/>
  <c r="L1" i="10"/>
  <c r="K1" i="4"/>
</calcChain>
</file>

<file path=xl/sharedStrings.xml><?xml version="1.0" encoding="utf-8"?>
<sst xmlns="http://schemas.openxmlformats.org/spreadsheetml/2006/main" count="5569" uniqueCount="162">
  <si>
    <t>介護保険事業状況報告</t>
  </si>
  <si>
    <t>第1号被保険者数（人）</t>
  </si>
  <si>
    <t>当月末現在</t>
  </si>
  <si>
    <t>６５歳以上７５歳未満</t>
  </si>
  <si>
    <t>神奈川県</t>
  </si>
  <si>
    <t>横浜市</t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区分</t>
  </si>
  <si>
    <t>第１号被保険者</t>
  </si>
  <si>
    <t>第２号被保険者</t>
  </si>
  <si>
    <t>総数</t>
  </si>
  <si>
    <t>市町村名</t>
  </si>
  <si>
    <t>要支援１</t>
  </si>
  <si>
    <t>要支援２</t>
  </si>
  <si>
    <t>計</t>
  </si>
  <si>
    <t>経過的
要介護</t>
  </si>
  <si>
    <t>要介護１</t>
  </si>
  <si>
    <t>要介護２</t>
  </si>
  <si>
    <t>要介護３</t>
  </si>
  <si>
    <t>要介護４</t>
  </si>
  <si>
    <t>要介護５</t>
  </si>
  <si>
    <t>合計</t>
  </si>
  <si>
    <t>第１被保険者</t>
  </si>
  <si>
    <t>第２被保険者</t>
  </si>
  <si>
    <t>総　　　計</t>
  </si>
  <si>
    <t>施設介護サービス受給者数（人）</t>
  </si>
  <si>
    <t>介護老人福祉施設</t>
  </si>
  <si>
    <t>介護老人保健施設</t>
  </si>
  <si>
    <t>介護療養型医療施設</t>
  </si>
  <si>
    <t>総計</t>
  </si>
  <si>
    <t>予防給付</t>
  </si>
  <si>
    <t>介護給付</t>
  </si>
  <si>
    <t>居宅(介護予防)サービス</t>
  </si>
  <si>
    <t>訪問サービス</t>
  </si>
  <si>
    <t>通所サービス</t>
  </si>
  <si>
    <t>短期入所サービス</t>
  </si>
  <si>
    <t>福祉用具・住宅改修サービス</t>
  </si>
  <si>
    <t>特定施設入居者生活介護</t>
  </si>
  <si>
    <t>介護予防支援・居宅介護支援</t>
  </si>
  <si>
    <t>訪問介護</t>
  </si>
  <si>
    <t>訪問入浴介護</t>
  </si>
  <si>
    <t>訪問看護</t>
  </si>
  <si>
    <t>訪問リハビリテーション</t>
  </si>
  <si>
    <t>居宅療養管理指導</t>
  </si>
  <si>
    <t>通所介護</t>
  </si>
  <si>
    <t>通所リハビリテーション</t>
  </si>
  <si>
    <t>短期入所生活介護</t>
  </si>
  <si>
    <t>短期入所療養介護（介護老人保健施設）</t>
  </si>
  <si>
    <t>短期入所療養介護（介護療養型医療施設等）</t>
  </si>
  <si>
    <t>福祉用具貸与</t>
  </si>
  <si>
    <t>福祉用具購入費</t>
  </si>
  <si>
    <t>住宅改修費</t>
  </si>
  <si>
    <t>経過的要介護</t>
  </si>
  <si>
    <t>※　千円未満四捨五入処理のため、計は合わない。</t>
  </si>
  <si>
    <t>地域密着型(介護予防)サービス</t>
  </si>
  <si>
    <t>施設サービス</t>
  </si>
  <si>
    <t>　</t>
    <phoneticPr fontId="4"/>
  </si>
  <si>
    <t>夜間対応型訪問介護</t>
    <phoneticPr fontId="4"/>
  </si>
  <si>
    <t>小規模多機能型居宅介護</t>
    <phoneticPr fontId="4"/>
  </si>
  <si>
    <t>認知症対応型通所介護</t>
    <phoneticPr fontId="4"/>
  </si>
  <si>
    <t>認知症対応型共同生活介護</t>
    <phoneticPr fontId="4"/>
  </si>
  <si>
    <t>地域密着型特定施設入居者生活介護</t>
    <phoneticPr fontId="4"/>
  </si>
  <si>
    <t>地域密着型介護老人福祉施設入所者生活介護</t>
    <phoneticPr fontId="4"/>
  </si>
  <si>
    <t>定期巡回・随時対応型訪問介護看護</t>
    <phoneticPr fontId="4"/>
  </si>
  <si>
    <t>計</t>
    <phoneticPr fontId="4"/>
  </si>
  <si>
    <t>男</t>
    <rPh sb="0" eb="1">
      <t>オトコ</t>
    </rPh>
    <phoneticPr fontId="4"/>
  </si>
  <si>
    <t>６５歳以上７０歳未満</t>
    <phoneticPr fontId="4"/>
  </si>
  <si>
    <t>７０歳以上７５歳未満</t>
    <phoneticPr fontId="4"/>
  </si>
  <si>
    <t>７５歳以上８０歳未満</t>
    <phoneticPr fontId="4"/>
  </si>
  <si>
    <t>８０歳以上８５歳未満</t>
    <phoneticPr fontId="4"/>
  </si>
  <si>
    <t>９０歳以上</t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短期入所療養介護（介護療養型医療施設等）（日）</t>
  </si>
  <si>
    <t>短期入所生活介護（日）</t>
  </si>
  <si>
    <t>通所リハビリテーション（回）</t>
  </si>
  <si>
    <t>通所介護（回）</t>
  </si>
  <si>
    <t>訪問リハビリテーション（回）</t>
  </si>
  <si>
    <t>訪問看護（回）</t>
  </si>
  <si>
    <t>訪問入浴介護（回）</t>
  </si>
  <si>
    <t>訪問介護（回）</t>
  </si>
  <si>
    <t>認知症対応型通所介護</t>
  </si>
  <si>
    <t>定期巡回・随時対応型訪問介護看護</t>
    <phoneticPr fontId="4"/>
  </si>
  <si>
    <t>夜間対応型訪問介護</t>
    <phoneticPr fontId="4"/>
  </si>
  <si>
    <t>食費</t>
  </si>
  <si>
    <t>地域密着型介護老人福祉施設入所者生活介護</t>
  </si>
  <si>
    <t>居住費（滞在費）</t>
  </si>
  <si>
    <t>要支援１</t>
    <phoneticPr fontId="4"/>
  </si>
  <si>
    <t xml:space="preserve">要介護（要支援）認定者数（人） </t>
    <phoneticPr fontId="4"/>
  </si>
  <si>
    <t>居宅介護(介護予防)サービスのサービス別受給者数【現物給付分】</t>
    <rPh sb="25" eb="27">
      <t>ゲンブツ</t>
    </rPh>
    <rPh sb="27" eb="29">
      <t>キュウフ</t>
    </rPh>
    <rPh sb="29" eb="30">
      <t>ブン</t>
    </rPh>
    <phoneticPr fontId="4"/>
  </si>
  <si>
    <t>居宅介護(介護予防)サービスのサービス別利用回（日）数【現物給付分】</t>
    <rPh sb="28" eb="30">
      <t>ゲンブツ</t>
    </rPh>
    <rPh sb="30" eb="32">
      <t>キュウフ</t>
    </rPh>
    <rPh sb="32" eb="33">
      <t>ブン</t>
    </rPh>
    <phoneticPr fontId="4"/>
  </si>
  <si>
    <t>地域密着型(介護予防)サービスのサービス別受給者数【現物給付分】</t>
    <rPh sb="26" eb="28">
      <t>ゲンブツ</t>
    </rPh>
    <rPh sb="28" eb="30">
      <t>キュウフ</t>
    </rPh>
    <rPh sb="30" eb="31">
      <t>ブン</t>
    </rPh>
    <phoneticPr fontId="4"/>
  </si>
  <si>
    <t>地域密着型(介護予防)サービスの利用回数【現物給付分】</t>
    <phoneticPr fontId="4"/>
  </si>
  <si>
    <t>短期入所療養介護（介護老人保健施設）（日）</t>
    <phoneticPr fontId="4"/>
  </si>
  <si>
    <t>地域密着型（介護予防）サービス受給者数（人）</t>
    <phoneticPr fontId="4"/>
  </si>
  <si>
    <t>①総数</t>
    <rPh sb="1" eb="3">
      <t>ソウスウ</t>
    </rPh>
    <phoneticPr fontId="4"/>
  </si>
  <si>
    <t>②総数（再掲：第1号被保険者の2割負担対象者分）</t>
  </si>
  <si>
    <t>②総数（再掲：第1号被保険者の2割負担対象者分）</t>
    <rPh sb="1" eb="3">
      <t>ソウスウ</t>
    </rPh>
    <rPh sb="4" eb="6">
      <t>サイケイ</t>
    </rPh>
    <rPh sb="7" eb="8">
      <t>ダイ</t>
    </rPh>
    <rPh sb="9" eb="10">
      <t>ゴウ</t>
    </rPh>
    <rPh sb="10" eb="14">
      <t>ヒホケンジャ</t>
    </rPh>
    <rPh sb="16" eb="17">
      <t>ワリ</t>
    </rPh>
    <rPh sb="17" eb="19">
      <t>フタン</t>
    </rPh>
    <rPh sb="19" eb="22">
      <t>タイショウシャ</t>
    </rPh>
    <rPh sb="22" eb="23">
      <t>ブン</t>
    </rPh>
    <phoneticPr fontId="4"/>
  </si>
  <si>
    <t>①総数</t>
    <phoneticPr fontId="4"/>
  </si>
  <si>
    <t>居宅介護（介護予防）サービス受給者数</t>
    <phoneticPr fontId="4"/>
  </si>
  <si>
    <t>②総数（再掲：第1号被保険者の2割負担対象者分）</t>
    <phoneticPr fontId="4"/>
  </si>
  <si>
    <t>保険給付決定状況</t>
  </si>
  <si>
    <t>②総数（給付費・千円）（再掲：第1号被保険者の2割負担対象者分）</t>
    <rPh sb="12" eb="14">
      <t>サイケイ</t>
    </rPh>
    <rPh sb="15" eb="16">
      <t>ダイ</t>
    </rPh>
    <rPh sb="17" eb="18">
      <t>ゴウ</t>
    </rPh>
    <rPh sb="18" eb="22">
      <t>ヒホケンジャ</t>
    </rPh>
    <rPh sb="24" eb="25">
      <t>ワリ</t>
    </rPh>
    <rPh sb="25" eb="27">
      <t>フタン</t>
    </rPh>
    <rPh sb="27" eb="30">
      <t>タイショウシャ</t>
    </rPh>
    <rPh sb="30" eb="31">
      <t>ブン</t>
    </rPh>
    <phoneticPr fontId="4"/>
  </si>
  <si>
    <t>①総数</t>
    <phoneticPr fontId="4"/>
  </si>
  <si>
    <t>①総数</t>
    <rPh sb="1" eb="3">
      <t>ソウスウ</t>
    </rPh>
    <phoneticPr fontId="4"/>
  </si>
  <si>
    <t>【現物給付分】</t>
    <rPh sb="1" eb="3">
      <t>ゲンブツ</t>
    </rPh>
    <rPh sb="3" eb="5">
      <t>キュウフ</t>
    </rPh>
    <rPh sb="5" eb="6">
      <t>ブン</t>
    </rPh>
    <phoneticPr fontId="4"/>
  </si>
  <si>
    <t>複合型サービス(看護小規模多機能型居宅介護）</t>
    <rPh sb="8" eb="10">
      <t>カンゴ</t>
    </rPh>
    <rPh sb="10" eb="13">
      <t>ショウキボ</t>
    </rPh>
    <rPh sb="13" eb="17">
      <t>タキノウガタ</t>
    </rPh>
    <rPh sb="17" eb="19">
      <t>キョタク</t>
    </rPh>
    <rPh sb="19" eb="21">
      <t>カイゴ</t>
    </rPh>
    <phoneticPr fontId="4"/>
  </si>
  <si>
    <t>地域密着型通所介護</t>
    <rPh sb="0" eb="2">
      <t>チイキ</t>
    </rPh>
    <rPh sb="2" eb="4">
      <t>ミッチャク</t>
    </rPh>
    <phoneticPr fontId="4"/>
  </si>
  <si>
    <t>地域密着型通所介護</t>
    <rPh sb="0" eb="2">
      <t>チイキ</t>
    </rPh>
    <rPh sb="2" eb="4">
      <t>ミッチャク</t>
    </rPh>
    <phoneticPr fontId="4"/>
  </si>
  <si>
    <t>地域密着型通所介護</t>
    <rPh sb="0" eb="4">
      <t>チイキミッチャク</t>
    </rPh>
    <phoneticPr fontId="4"/>
  </si>
  <si>
    <t>複合型サービス(看護小規模多機能型居宅介護）</t>
    <phoneticPr fontId="4"/>
  </si>
  <si>
    <t>保険給付決定状況</t>
    <phoneticPr fontId="4"/>
  </si>
  <si>
    <t>介護給付・予防給付</t>
    <rPh sb="0" eb="2">
      <t>カイゴ</t>
    </rPh>
    <rPh sb="2" eb="4">
      <t>キュウフ</t>
    </rPh>
    <rPh sb="5" eb="7">
      <t>ヨボウ</t>
    </rPh>
    <rPh sb="7" eb="9">
      <t>キュウフ</t>
    </rPh>
    <phoneticPr fontId="4"/>
  </si>
  <si>
    <t>①総数（給付費・千円）</t>
    <phoneticPr fontId="4"/>
  </si>
  <si>
    <t>８５歳以上</t>
    <phoneticPr fontId="4"/>
  </si>
  <si>
    <t>７５歳以上８５歳未満</t>
    <rPh sb="7" eb="10">
      <t>サイミマン</t>
    </rPh>
    <phoneticPr fontId="4"/>
  </si>
  <si>
    <t>介護医療院</t>
    <rPh sb="4" eb="5">
      <t>イン</t>
    </rPh>
    <phoneticPr fontId="4"/>
  </si>
  <si>
    <t>短期入所療養介護（介護医療院）</t>
    <rPh sb="13" eb="14">
      <t>イン</t>
    </rPh>
    <phoneticPr fontId="4"/>
  </si>
  <si>
    <t>②総数（再掲：第1号被保険者の3割負担対象者分）</t>
    <rPh sb="1" eb="3">
      <t>ソウスウ</t>
    </rPh>
    <rPh sb="4" eb="6">
      <t>サイケイ</t>
    </rPh>
    <rPh sb="7" eb="8">
      <t>ダイ</t>
    </rPh>
    <rPh sb="9" eb="10">
      <t>ゴウ</t>
    </rPh>
    <rPh sb="10" eb="14">
      <t>ヒホケンジャ</t>
    </rPh>
    <rPh sb="16" eb="17">
      <t>ワリ</t>
    </rPh>
    <rPh sb="17" eb="19">
      <t>フタン</t>
    </rPh>
    <rPh sb="19" eb="22">
      <t>タイショウシャ</t>
    </rPh>
    <rPh sb="22" eb="23">
      <t>ブン</t>
    </rPh>
    <phoneticPr fontId="4"/>
  </si>
  <si>
    <t>②総数（再掲：第1号被保険者の3割負担対象者分）</t>
    <phoneticPr fontId="4"/>
  </si>
  <si>
    <t>②総数（再掲：第1号被保険者の3割負担対象者分）</t>
    <phoneticPr fontId="4"/>
  </si>
  <si>
    <t>②総数（給付費・千円）（再掲：第1号被保険者の3割負担対象者分）</t>
    <rPh sb="12" eb="14">
      <t>サイケイ</t>
    </rPh>
    <rPh sb="15" eb="16">
      <t>ダイ</t>
    </rPh>
    <rPh sb="17" eb="18">
      <t>ゴウ</t>
    </rPh>
    <rPh sb="18" eb="22">
      <t>ヒホケンジャ</t>
    </rPh>
    <rPh sb="24" eb="25">
      <t>ワリ</t>
    </rPh>
    <rPh sb="25" eb="27">
      <t>フタン</t>
    </rPh>
    <rPh sb="27" eb="30">
      <t>タイショウシャ</t>
    </rPh>
    <rPh sb="30" eb="31">
      <t>ブン</t>
    </rPh>
    <phoneticPr fontId="4"/>
  </si>
  <si>
    <t>短期入所療養介護（介護医療院）（日）</t>
    <rPh sb="13" eb="14">
      <t>イン</t>
    </rPh>
    <phoneticPr fontId="4"/>
  </si>
  <si>
    <t>（再掲：第1号被保険者の2割負担対象者分）</t>
    <phoneticPr fontId="4"/>
  </si>
  <si>
    <t>（再掲：第1号被保険者の3割負担対象者分）</t>
    <phoneticPr fontId="4"/>
  </si>
  <si>
    <t>短期入所療養介護（介護医療院）（日）</t>
    <rPh sb="11" eb="13">
      <t>イリョウ</t>
    </rPh>
    <rPh sb="13" eb="14">
      <t>イン</t>
    </rPh>
    <phoneticPr fontId="4"/>
  </si>
  <si>
    <t>短期入所療養介護（介護療養型医療施設等）（日）</t>
    <rPh sb="11" eb="14">
      <t>リョウヨウガタ</t>
    </rPh>
    <rPh sb="16" eb="19">
      <t>シセツトウ</t>
    </rPh>
    <phoneticPr fontId="4"/>
  </si>
  <si>
    <t>要支援２</t>
    <phoneticPr fontId="4"/>
  </si>
  <si>
    <t xml:space="preserve">保険給付決定状況 </t>
  </si>
  <si>
    <t>特定入所者介護（介護予防）サービス費　総数　給付費（千円）</t>
    <rPh sb="24" eb="25">
      <t>ヒ</t>
    </rPh>
    <rPh sb="26" eb="28">
      <t>センエン</t>
    </rPh>
    <phoneticPr fontId="4"/>
  </si>
  <si>
    <r>
      <t>８５歳以上９０</t>
    </r>
    <r>
      <rPr>
        <sz val="11"/>
        <rFont val="ＭＳ Ｐゴシック"/>
        <family val="3"/>
        <charset val="128"/>
      </rPr>
      <t>歳未満</t>
    </r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176" formatCode="#,##0_ "/>
    <numFmt numFmtId="177" formatCode="#,##0_ ;[Red]\-#,##0\ "/>
    <numFmt numFmtId="178" formatCode="#,##0_);[Red]\(#,##0\)"/>
    <numFmt numFmtId="179" formatCode="#,##0,\ ;\-#,##0,\ "/>
    <numFmt numFmtId="180" formatCode="#,##0,;\-#,##0,"/>
    <numFmt numFmtId="181" formatCode="\(&quot;平成&quot;##&quot;年&quot;"/>
    <numFmt numFmtId="182" formatCode="\(##&quot;月サービス分&quot;\)"/>
    <numFmt numFmtId="183" formatCode="##&quot;月分&quot;\)"/>
    <numFmt numFmtId="184" formatCode="0&quot;月末現在&quot;"/>
    <numFmt numFmtId="185" formatCode="\(##&quot;月末現在&quot;\)"/>
    <numFmt numFmtId="186" formatCode="\(&quot;令和&quot;##&quot;年&quot;"/>
  </numFmts>
  <fonts count="9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double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double">
        <color indexed="64"/>
      </left>
      <right style="medium">
        <color indexed="64"/>
      </right>
      <top style="thin">
        <color indexed="64"/>
      </top>
      <bottom/>
      <diagonal/>
    </border>
    <border>
      <left style="double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/>
      <diagonal/>
    </border>
    <border>
      <left style="double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</borders>
  <cellStyleXfs count="5">
    <xf numFmtId="0" fontId="0" fillId="0" borderId="0"/>
    <xf numFmtId="38" fontId="3" fillId="0" borderId="0" applyFont="0" applyFill="0" applyBorder="0" applyAlignment="0" applyProtection="0"/>
    <xf numFmtId="0" fontId="2" fillId="0" borderId="0">
      <alignment vertical="center"/>
    </xf>
    <xf numFmtId="0" fontId="1" fillId="0" borderId="0">
      <alignment vertical="center"/>
    </xf>
    <xf numFmtId="38" fontId="2" fillId="0" borderId="0" applyFont="0" applyFill="0" applyBorder="0" applyAlignment="0" applyProtection="0"/>
  </cellStyleXfs>
  <cellXfs count="581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3" xfId="0" applyFont="1" applyBorder="1" applyAlignment="1">
      <alignment vertical="center"/>
    </xf>
    <xf numFmtId="38" fontId="3" fillId="0" borderId="4" xfId="1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 shrinkToFit="1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vertical="center"/>
    </xf>
    <xf numFmtId="0" fontId="7" fillId="0" borderId="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horizontal="right" vertical="center"/>
    </xf>
    <xf numFmtId="183" fontId="5" fillId="0" borderId="0" xfId="0" applyNumberFormat="1" applyFont="1" applyAlignment="1">
      <alignment horizontal="left" vertical="center"/>
    </xf>
    <xf numFmtId="181" fontId="5" fillId="0" borderId="0" xfId="0" applyNumberFormat="1" applyFont="1" applyBorder="1" applyAlignment="1">
      <alignment vertical="center"/>
    </xf>
    <xf numFmtId="183" fontId="5" fillId="0" borderId="0" xfId="0" applyNumberFormat="1" applyFont="1" applyBorder="1" applyAlignment="1">
      <alignment horizontal="left" vertical="center"/>
    </xf>
    <xf numFmtId="181" fontId="8" fillId="0" borderId="0" xfId="0" applyNumberFormat="1" applyFont="1" applyAlignment="1">
      <alignment vertical="center"/>
    </xf>
    <xf numFmtId="183" fontId="8" fillId="0" borderId="0" xfId="0" applyNumberFormat="1" applyFont="1" applyAlignment="1">
      <alignment horizontal="left" vertical="center"/>
    </xf>
    <xf numFmtId="181" fontId="8" fillId="0" borderId="0" xfId="0" applyNumberFormat="1" applyFont="1" applyFill="1" applyAlignment="1">
      <alignment vertical="center"/>
    </xf>
    <xf numFmtId="183" fontId="8" fillId="0" borderId="0" xfId="0" applyNumberFormat="1" applyFont="1" applyFill="1" applyAlignment="1">
      <alignment horizontal="left" vertical="center"/>
    </xf>
    <xf numFmtId="184" fontId="3" fillId="0" borderId="0" xfId="0" applyNumberFormat="1" applyFont="1" applyAlignment="1">
      <alignment vertical="center"/>
    </xf>
    <xf numFmtId="180" fontId="0" fillId="0" borderId="8" xfId="1" applyNumberFormat="1" applyFont="1" applyBorder="1" applyAlignment="1">
      <alignment vertical="center"/>
    </xf>
    <xf numFmtId="180" fontId="0" fillId="0" borderId="5" xfId="1" applyNumberFormat="1" applyFont="1" applyBorder="1" applyAlignment="1">
      <alignment vertical="center"/>
    </xf>
    <xf numFmtId="180" fontId="0" fillId="0" borderId="38" xfId="1" applyNumberFormat="1" applyFont="1" applyBorder="1" applyAlignment="1">
      <alignment vertical="center"/>
    </xf>
    <xf numFmtId="180" fontId="0" fillId="0" borderId="53" xfId="1" applyNumberFormat="1" applyFont="1" applyBorder="1" applyAlignment="1">
      <alignment vertical="center"/>
    </xf>
    <xf numFmtId="180" fontId="0" fillId="0" borderId="46" xfId="1" applyNumberFormat="1" applyFont="1" applyBorder="1" applyAlignment="1">
      <alignment vertical="center"/>
    </xf>
    <xf numFmtId="180" fontId="0" fillId="0" borderId="48" xfId="1" applyNumberFormat="1" applyFont="1" applyBorder="1" applyAlignment="1">
      <alignment vertical="center"/>
    </xf>
    <xf numFmtId="180" fontId="0" fillId="0" borderId="56" xfId="1" applyNumberFormat="1" applyFont="1" applyBorder="1" applyAlignment="1">
      <alignment vertical="center"/>
    </xf>
    <xf numFmtId="180" fontId="0" fillId="0" borderId="9" xfId="1" applyNumberFormat="1" applyFont="1" applyBorder="1" applyAlignment="1">
      <alignment vertical="center"/>
    </xf>
    <xf numFmtId="180" fontId="0" fillId="0" borderId="12" xfId="1" applyNumberFormat="1" applyFont="1" applyBorder="1" applyAlignment="1">
      <alignment vertical="center"/>
    </xf>
    <xf numFmtId="180" fontId="0" fillId="0" borderId="25" xfId="1" applyNumberFormat="1" applyFont="1" applyBorder="1" applyAlignment="1">
      <alignment vertical="center"/>
    </xf>
    <xf numFmtId="180" fontId="0" fillId="0" borderId="26" xfId="1" applyNumberFormat="1" applyFont="1" applyBorder="1" applyAlignment="1">
      <alignment vertical="center"/>
    </xf>
    <xf numFmtId="180" fontId="0" fillId="0" borderId="13" xfId="1" applyNumberFormat="1" applyFont="1" applyBorder="1" applyAlignment="1">
      <alignment vertical="center"/>
    </xf>
    <xf numFmtId="180" fontId="0" fillId="0" borderId="30" xfId="1" applyNumberFormat="1" applyFont="1" applyBorder="1" applyAlignment="1">
      <alignment vertical="center"/>
    </xf>
    <xf numFmtId="180" fontId="0" fillId="0" borderId="66" xfId="1" applyNumberFormat="1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0" fillId="0" borderId="38" xfId="0" applyFont="1" applyBorder="1" applyAlignment="1">
      <alignment horizontal="center" vertical="center" shrinkToFit="1"/>
    </xf>
    <xf numFmtId="0" fontId="0" fillId="0" borderId="6" xfId="0" applyFont="1" applyBorder="1" applyAlignment="1">
      <alignment horizontal="center" vertical="center"/>
    </xf>
    <xf numFmtId="186" fontId="5" fillId="0" borderId="0" xfId="0" applyNumberFormat="1" applyFont="1" applyAlignment="1">
      <alignment horizontal="right" vertical="center"/>
    </xf>
    <xf numFmtId="186" fontId="8" fillId="0" borderId="0" xfId="0" applyNumberFormat="1" applyFont="1" applyAlignment="1">
      <alignment vertical="center"/>
    </xf>
    <xf numFmtId="177" fontId="0" fillId="0" borderId="5" xfId="0" applyNumberFormat="1" applyFill="1" applyBorder="1" applyAlignment="1">
      <alignment horizontal="right" vertical="center"/>
    </xf>
    <xf numFmtId="177" fontId="0" fillId="0" borderId="6" xfId="0" applyNumberFormat="1" applyFill="1" applyBorder="1" applyAlignment="1">
      <alignment horizontal="right" vertical="center"/>
    </xf>
    <xf numFmtId="177" fontId="3" fillId="0" borderId="38" xfId="1" applyNumberFormat="1" applyFont="1" applyBorder="1" applyAlignment="1">
      <alignment horizontal="right" vertical="center"/>
    </xf>
    <xf numFmtId="177" fontId="3" fillId="0" borderId="6" xfId="1" applyNumberFormat="1" applyFont="1" applyBorder="1" applyAlignment="1">
      <alignment horizontal="right" vertical="center"/>
    </xf>
    <xf numFmtId="177" fontId="3" fillId="0" borderId="25" xfId="1" applyNumberFormat="1" applyFont="1" applyBorder="1" applyAlignment="1">
      <alignment horizontal="right" vertical="center"/>
    </xf>
    <xf numFmtId="177" fontId="3" fillId="0" borderId="41" xfId="1" applyNumberFormat="1" applyFont="1" applyBorder="1" applyAlignment="1">
      <alignment horizontal="right" vertical="center"/>
    </xf>
    <xf numFmtId="180" fontId="0" fillId="0" borderId="49" xfId="1" applyNumberFormat="1" applyFont="1" applyBorder="1" applyAlignment="1">
      <alignment vertical="center" shrinkToFit="1"/>
    </xf>
    <xf numFmtId="180" fontId="0" fillId="0" borderId="42" xfId="1" applyNumberFormat="1" applyFont="1" applyBorder="1" applyAlignment="1">
      <alignment vertical="center" shrinkToFit="1"/>
    </xf>
    <xf numFmtId="180" fontId="0" fillId="0" borderId="4" xfId="1" applyNumberFormat="1" applyFont="1" applyBorder="1" applyAlignment="1">
      <alignment vertical="center" shrinkToFit="1"/>
    </xf>
    <xf numFmtId="180" fontId="0" fillId="0" borderId="90" xfId="1" applyNumberFormat="1" applyFont="1" applyBorder="1" applyAlignment="1">
      <alignment vertical="center" shrinkToFit="1"/>
    </xf>
    <xf numFmtId="180" fontId="0" fillId="0" borderId="73" xfId="1" applyNumberFormat="1" applyFont="1" applyBorder="1" applyAlignment="1">
      <alignment vertical="center" shrinkToFit="1"/>
    </xf>
    <xf numFmtId="180" fontId="0" fillId="0" borderId="59" xfId="1" applyNumberFormat="1" applyFont="1" applyBorder="1" applyAlignment="1">
      <alignment vertical="center" shrinkToFit="1"/>
    </xf>
    <xf numFmtId="180" fontId="0" fillId="0" borderId="57" xfId="1" applyNumberFormat="1" applyFont="1" applyBorder="1" applyAlignment="1">
      <alignment vertical="center" shrinkToFit="1"/>
    </xf>
    <xf numFmtId="180" fontId="0" fillId="0" borderId="8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0" fontId="0" fillId="0" borderId="38" xfId="1" applyNumberFormat="1" applyFont="1" applyBorder="1" applyAlignment="1">
      <alignment vertical="center" shrinkToFit="1"/>
    </xf>
    <xf numFmtId="180" fontId="0" fillId="0" borderId="53" xfId="1" applyNumberFormat="1" applyFont="1" applyBorder="1" applyAlignment="1">
      <alignment vertical="center" shrinkToFit="1"/>
    </xf>
    <xf numFmtId="180" fontId="0" fillId="0" borderId="46" xfId="1" applyNumberFormat="1" applyFont="1" applyBorder="1" applyAlignment="1">
      <alignment vertical="center" shrinkToFit="1"/>
    </xf>
    <xf numFmtId="180" fontId="0" fillId="0" borderId="48" xfId="1" applyNumberFormat="1" applyFont="1" applyBorder="1" applyAlignment="1">
      <alignment vertical="center" shrinkToFit="1"/>
    </xf>
    <xf numFmtId="180" fontId="0" fillId="0" borderId="56" xfId="1" applyNumberFormat="1" applyFont="1" applyBorder="1" applyAlignment="1">
      <alignment vertical="center" shrinkToFit="1"/>
    </xf>
    <xf numFmtId="186" fontId="5" fillId="0" borderId="0" xfId="0" applyNumberFormat="1" applyFont="1" applyAlignment="1">
      <alignment vertical="center"/>
    </xf>
    <xf numFmtId="183" fontId="5" fillId="0" borderId="0" xfId="0" applyNumberFormat="1" applyFont="1" applyFill="1" applyAlignment="1">
      <alignment horizontal="left" vertical="center"/>
    </xf>
    <xf numFmtId="0" fontId="3" fillId="0" borderId="7" xfId="0" applyFont="1" applyBorder="1" applyAlignment="1">
      <alignment vertical="center"/>
    </xf>
    <xf numFmtId="176" fontId="3" fillId="0" borderId="8" xfId="0" applyNumberFormat="1" applyFont="1" applyBorder="1" applyAlignment="1">
      <alignment vertical="center"/>
    </xf>
    <xf numFmtId="176" fontId="3" fillId="0" borderId="9" xfId="0" applyNumberFormat="1" applyFont="1" applyBorder="1" applyAlignment="1">
      <alignment vertical="center"/>
    </xf>
    <xf numFmtId="182" fontId="2" fillId="0" borderId="0" xfId="0" applyNumberFormat="1" applyFont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0" fillId="0" borderId="0" xfId="0" applyFont="1" applyAlignment="1">
      <alignment vertical="center"/>
    </xf>
    <xf numFmtId="0" fontId="0" fillId="0" borderId="19" xfId="0" applyFont="1" applyBorder="1" applyAlignment="1">
      <alignment horizontal="center" vertical="center"/>
    </xf>
    <xf numFmtId="0" fontId="0" fillId="0" borderId="9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0" fontId="0" fillId="0" borderId="13" xfId="0" applyFont="1" applyBorder="1" applyAlignment="1">
      <alignment horizontal="center" vertical="center"/>
    </xf>
    <xf numFmtId="0" fontId="0" fillId="0" borderId="26" xfId="0" applyFont="1" applyBorder="1" applyAlignment="1">
      <alignment horizontal="center" vertical="center" wrapText="1"/>
    </xf>
    <xf numFmtId="0" fontId="0" fillId="0" borderId="30" xfId="0" applyFont="1" applyBorder="1" applyAlignment="1">
      <alignment horizontal="center" vertical="center"/>
    </xf>
    <xf numFmtId="0" fontId="0" fillId="0" borderId="96" xfId="0" applyFont="1" applyBorder="1" applyAlignment="1">
      <alignment horizontal="center" vertical="center"/>
    </xf>
    <xf numFmtId="0" fontId="0" fillId="0" borderId="68" xfId="0" applyFont="1" applyBorder="1" applyAlignment="1">
      <alignment horizontal="center" vertical="center"/>
    </xf>
    <xf numFmtId="0" fontId="0" fillId="0" borderId="71" xfId="0" applyFont="1" applyBorder="1" applyAlignment="1">
      <alignment horizontal="center" vertical="center"/>
    </xf>
    <xf numFmtId="0" fontId="0" fillId="0" borderId="69" xfId="0" applyFont="1" applyBorder="1" applyAlignment="1">
      <alignment horizontal="center" vertical="center" wrapText="1"/>
    </xf>
    <xf numFmtId="0" fontId="0" fillId="0" borderId="84" xfId="0" applyFont="1" applyBorder="1" applyAlignment="1">
      <alignment horizontal="center" vertical="center"/>
    </xf>
    <xf numFmtId="0" fontId="0" fillId="0" borderId="86" xfId="0" applyFont="1" applyBorder="1" applyAlignment="1">
      <alignment horizontal="center" vertical="center"/>
    </xf>
    <xf numFmtId="0" fontId="0" fillId="0" borderId="3" xfId="0" applyFont="1" applyBorder="1" applyAlignment="1">
      <alignment horizontal="left" vertical="center" shrinkToFit="1"/>
    </xf>
    <xf numFmtId="178" fontId="0" fillId="0" borderId="49" xfId="0" applyNumberFormat="1" applyFont="1" applyBorder="1" applyAlignment="1">
      <alignment vertical="center"/>
    </xf>
    <xf numFmtId="178" fontId="0" fillId="0" borderId="42" xfId="0" applyNumberFormat="1" applyFont="1" applyBorder="1" applyAlignment="1">
      <alignment vertical="center"/>
    </xf>
    <xf numFmtId="178" fontId="0" fillId="0" borderId="43" xfId="0" applyNumberFormat="1" applyFont="1" applyBorder="1" applyAlignment="1">
      <alignment vertical="center"/>
    </xf>
    <xf numFmtId="178" fontId="0" fillId="0" borderId="44" xfId="0" applyNumberFormat="1" applyFont="1" applyBorder="1" applyAlignment="1">
      <alignment vertical="center"/>
    </xf>
    <xf numFmtId="178" fontId="0" fillId="0" borderId="45" xfId="0" applyNumberFormat="1" applyFont="1" applyBorder="1" applyAlignment="1">
      <alignment vertical="center"/>
    </xf>
    <xf numFmtId="178" fontId="0" fillId="0" borderId="34" xfId="1" applyNumberFormat="1" applyFont="1" applyBorder="1" applyAlignment="1">
      <alignment vertical="center"/>
    </xf>
    <xf numFmtId="178" fontId="0" fillId="0" borderId="35" xfId="1" applyNumberFormat="1" applyFont="1" applyBorder="1" applyAlignment="1">
      <alignment vertical="center"/>
    </xf>
    <xf numFmtId="178" fontId="0" fillId="0" borderId="36" xfId="1" applyNumberFormat="1" applyFont="1" applyBorder="1" applyAlignment="1">
      <alignment vertical="center"/>
    </xf>
    <xf numFmtId="178" fontId="0" fillId="0" borderId="37" xfId="1" applyNumberFormat="1" applyFont="1" applyBorder="1" applyAlignment="1">
      <alignment vertical="center"/>
    </xf>
    <xf numFmtId="178" fontId="0" fillId="0" borderId="55" xfId="0" applyNumberFormat="1" applyFont="1" applyBorder="1" applyAlignment="1">
      <alignment vertical="center"/>
    </xf>
    <xf numFmtId="0" fontId="0" fillId="0" borderId="7" xfId="0" applyFont="1" applyBorder="1" applyAlignment="1">
      <alignment horizontal="left" vertical="center" shrinkToFit="1"/>
    </xf>
    <xf numFmtId="178" fontId="0" fillId="0" borderId="8" xfId="0" applyNumberFormat="1" applyFont="1" applyBorder="1" applyAlignment="1">
      <alignment vertical="center"/>
    </xf>
    <xf numFmtId="178" fontId="0" fillId="0" borderId="5" xfId="0" applyNumberFormat="1" applyFont="1" applyBorder="1" applyAlignment="1">
      <alignment vertical="center"/>
    </xf>
    <xf numFmtId="178" fontId="0" fillId="0" borderId="46" xfId="0" applyNumberFormat="1" applyFont="1" applyBorder="1" applyAlignment="1">
      <alignment vertical="center"/>
    </xf>
    <xf numFmtId="178" fontId="0" fillId="0" borderId="47" xfId="0" applyNumberFormat="1" applyFont="1" applyBorder="1" applyAlignment="1">
      <alignment vertical="center"/>
    </xf>
    <xf numFmtId="178" fontId="0" fillId="0" borderId="48" xfId="0" applyNumberFormat="1" applyFont="1" applyBorder="1" applyAlignment="1">
      <alignment vertical="center"/>
    </xf>
    <xf numFmtId="178" fontId="0" fillId="0" borderId="8" xfId="1" applyNumberFormat="1" applyFont="1" applyBorder="1" applyAlignment="1">
      <alignment vertical="center"/>
    </xf>
    <xf numFmtId="178" fontId="0" fillId="0" borderId="5" xfId="1" applyNumberFormat="1" applyFont="1" applyBorder="1" applyAlignment="1">
      <alignment vertical="center"/>
    </xf>
    <xf numFmtId="178" fontId="0" fillId="0" borderId="38" xfId="1" applyNumberFormat="1" applyFont="1" applyBorder="1" applyAlignment="1">
      <alignment vertical="center"/>
    </xf>
    <xf numFmtId="178" fontId="0" fillId="0" borderId="39" xfId="1" applyNumberFormat="1" applyFont="1" applyBorder="1" applyAlignment="1">
      <alignment vertical="center"/>
    </xf>
    <xf numFmtId="178" fontId="0" fillId="0" borderId="54" xfId="0" applyNumberFormat="1" applyFont="1" applyBorder="1" applyAlignment="1">
      <alignment vertical="center"/>
    </xf>
    <xf numFmtId="0" fontId="0" fillId="0" borderId="7" xfId="0" applyFont="1" applyBorder="1" applyAlignment="1">
      <alignment horizontal="left" vertical="center"/>
    </xf>
    <xf numFmtId="178" fontId="0" fillId="0" borderId="49" xfId="1" applyNumberFormat="1" applyFont="1" applyBorder="1" applyAlignment="1">
      <alignment vertical="center"/>
    </xf>
    <xf numFmtId="0" fontId="0" fillId="0" borderId="14" xfId="0" applyFont="1" applyBorder="1" applyAlignment="1">
      <alignment horizontal="left" vertical="center"/>
    </xf>
    <xf numFmtId="178" fontId="0" fillId="0" borderId="9" xfId="0" applyNumberFormat="1" applyFont="1" applyBorder="1" applyAlignment="1">
      <alignment vertical="center"/>
    </xf>
    <xf numFmtId="178" fontId="0" fillId="0" borderId="12" xfId="0" applyNumberFormat="1" applyFont="1" applyBorder="1" applyAlignment="1">
      <alignment vertical="center"/>
    </xf>
    <xf numFmtId="178" fontId="0" fillId="0" borderId="13" xfId="0" applyNumberFormat="1" applyFont="1" applyBorder="1" applyAlignment="1">
      <alignment vertical="center"/>
    </xf>
    <xf numFmtId="178" fontId="0" fillId="0" borderId="50" xfId="0" applyNumberFormat="1" applyFont="1" applyBorder="1" applyAlignment="1">
      <alignment vertical="center"/>
    </xf>
    <xf numFmtId="178" fontId="0" fillId="0" borderId="30" xfId="0" applyNumberFormat="1" applyFont="1" applyBorder="1" applyAlignment="1">
      <alignment vertical="center"/>
    </xf>
    <xf numFmtId="178" fontId="0" fillId="0" borderId="9" xfId="1" applyNumberFormat="1" applyFont="1" applyBorder="1" applyAlignment="1">
      <alignment vertical="center"/>
    </xf>
    <xf numFmtId="178" fontId="0" fillId="0" borderId="12" xfId="1" applyNumberFormat="1" applyFont="1" applyBorder="1" applyAlignment="1">
      <alignment vertical="center"/>
    </xf>
    <xf numFmtId="178" fontId="0" fillId="0" borderId="25" xfId="1" applyNumberFormat="1" applyFont="1" applyBorder="1" applyAlignment="1">
      <alignment vertical="center"/>
    </xf>
    <xf numFmtId="178" fontId="0" fillId="0" borderId="40" xfId="1" applyNumberFormat="1" applyFont="1" applyBorder="1" applyAlignment="1">
      <alignment vertical="center"/>
    </xf>
    <xf numFmtId="178" fontId="0" fillId="0" borderId="33" xfId="0" applyNumberFormat="1" applyFont="1" applyBorder="1" applyAlignment="1">
      <alignment vertical="center"/>
    </xf>
    <xf numFmtId="0" fontId="0" fillId="0" borderId="15" xfId="0" applyFont="1" applyBorder="1" applyAlignment="1">
      <alignment horizontal="center" vertical="center"/>
    </xf>
    <xf numFmtId="0" fontId="0" fillId="0" borderId="16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17" xfId="0" applyFont="1" applyBorder="1" applyAlignment="1">
      <alignment horizontal="center" vertical="center"/>
    </xf>
    <xf numFmtId="0" fontId="0" fillId="0" borderId="18" xfId="0" applyFont="1" applyBorder="1" applyAlignment="1">
      <alignment horizontal="center" vertical="center" wrapText="1"/>
    </xf>
    <xf numFmtId="176" fontId="0" fillId="0" borderId="34" xfId="1" applyNumberFormat="1" applyFont="1" applyBorder="1" applyAlignment="1">
      <alignment vertical="center"/>
    </xf>
    <xf numFmtId="176" fontId="0" fillId="0" borderId="35" xfId="1" applyNumberFormat="1" applyFont="1" applyBorder="1" applyAlignment="1">
      <alignment vertical="center"/>
    </xf>
    <xf numFmtId="176" fontId="0" fillId="0" borderId="36" xfId="1" applyNumberFormat="1" applyFont="1" applyBorder="1" applyAlignment="1">
      <alignment vertical="center"/>
    </xf>
    <xf numFmtId="176" fontId="0" fillId="0" borderId="51" xfId="1" applyNumberFormat="1" applyFont="1" applyBorder="1" applyAlignment="1">
      <alignment vertical="center"/>
    </xf>
    <xf numFmtId="176" fontId="0" fillId="0" borderId="37" xfId="1" applyNumberFormat="1" applyFont="1" applyBorder="1" applyAlignment="1">
      <alignment vertical="center"/>
    </xf>
    <xf numFmtId="176" fontId="0" fillId="0" borderId="52" xfId="1" applyNumberFormat="1" applyFont="1" applyBorder="1" applyAlignment="1">
      <alignment vertical="center"/>
    </xf>
    <xf numFmtId="176" fontId="0" fillId="0" borderId="8" xfId="1" applyNumberFormat="1" applyFont="1" applyBorder="1" applyAlignment="1">
      <alignment vertical="center"/>
    </xf>
    <xf numFmtId="176" fontId="0" fillId="0" borderId="5" xfId="1" applyNumberFormat="1" applyFont="1" applyBorder="1" applyAlignment="1">
      <alignment vertical="center"/>
    </xf>
    <xf numFmtId="176" fontId="0" fillId="0" borderId="38" xfId="1" applyNumberFormat="1" applyFont="1" applyBorder="1" applyAlignment="1">
      <alignment vertical="center"/>
    </xf>
    <xf numFmtId="176" fontId="0" fillId="0" borderId="53" xfId="1" applyNumberFormat="1" applyFont="1" applyBorder="1" applyAlignment="1">
      <alignment vertical="center"/>
    </xf>
    <xf numFmtId="176" fontId="0" fillId="0" borderId="39" xfId="1" applyNumberFormat="1" applyFont="1" applyBorder="1" applyAlignment="1">
      <alignment vertical="center"/>
    </xf>
    <xf numFmtId="176" fontId="0" fillId="0" borderId="54" xfId="1" applyNumberFormat="1" applyFont="1" applyBorder="1" applyAlignment="1">
      <alignment vertical="center"/>
    </xf>
    <xf numFmtId="176" fontId="0" fillId="0" borderId="9" xfId="1" applyNumberFormat="1" applyFont="1" applyBorder="1" applyAlignment="1">
      <alignment vertical="center"/>
    </xf>
    <xf numFmtId="176" fontId="0" fillId="0" borderId="12" xfId="1" applyNumberFormat="1" applyFont="1" applyBorder="1" applyAlignment="1">
      <alignment vertical="center"/>
    </xf>
    <xf numFmtId="176" fontId="0" fillId="0" borderId="25" xfId="1" applyNumberFormat="1" applyFont="1" applyBorder="1" applyAlignment="1">
      <alignment vertical="center"/>
    </xf>
    <xf numFmtId="176" fontId="0" fillId="0" borderId="26" xfId="1" applyNumberFormat="1" applyFont="1" applyBorder="1" applyAlignment="1">
      <alignment vertical="center"/>
    </xf>
    <xf numFmtId="176" fontId="0" fillId="0" borderId="40" xfId="1" applyNumberFormat="1" applyFont="1" applyBorder="1" applyAlignment="1">
      <alignment vertical="center"/>
    </xf>
    <xf numFmtId="176" fontId="0" fillId="0" borderId="33" xfId="1" applyNumberFormat="1" applyFont="1" applyBorder="1" applyAlignment="1">
      <alignment vertical="center"/>
    </xf>
    <xf numFmtId="0" fontId="5" fillId="0" borderId="0" xfId="3" applyFont="1">
      <alignment vertical="center"/>
    </xf>
    <xf numFmtId="0" fontId="2" fillId="0" borderId="0" xfId="3" applyFont="1">
      <alignment vertical="center"/>
    </xf>
    <xf numFmtId="0" fontId="2" fillId="0" borderId="9" xfId="3" applyFont="1" applyBorder="1" applyAlignment="1">
      <alignment horizontal="center" vertical="center"/>
    </xf>
    <xf numFmtId="0" fontId="2" fillId="0" borderId="12" xfId="3" applyFont="1" applyBorder="1" applyAlignment="1">
      <alignment horizontal="center" vertical="center"/>
    </xf>
    <xf numFmtId="0" fontId="2" fillId="0" borderId="66" xfId="3" applyFont="1" applyBorder="1" applyAlignment="1">
      <alignment horizontal="center" vertical="center"/>
    </xf>
    <xf numFmtId="0" fontId="2" fillId="0" borderId="26" xfId="3" applyFont="1" applyBorder="1" applyAlignment="1">
      <alignment horizontal="center" vertical="center" wrapText="1"/>
    </xf>
    <xf numFmtId="0" fontId="2" fillId="0" borderId="13" xfId="3" applyFont="1" applyBorder="1" applyAlignment="1">
      <alignment horizontal="center" vertical="center"/>
    </xf>
    <xf numFmtId="0" fontId="2" fillId="0" borderId="25" xfId="3" applyFont="1" applyBorder="1" applyAlignment="1">
      <alignment horizontal="center" vertical="center"/>
    </xf>
    <xf numFmtId="0" fontId="2" fillId="0" borderId="3" xfId="0" applyFont="1" applyBorder="1" applyAlignment="1">
      <alignment horizontal="left" vertical="center" shrinkToFit="1"/>
    </xf>
    <xf numFmtId="38" fontId="2" fillId="0" borderId="49" xfId="1" applyFont="1" applyBorder="1" applyAlignment="1">
      <alignment vertical="center"/>
    </xf>
    <xf numFmtId="38" fontId="2" fillId="0" borderId="42" xfId="1" applyFont="1" applyBorder="1" applyAlignment="1">
      <alignment vertical="center"/>
    </xf>
    <xf numFmtId="38" fontId="2" fillId="0" borderId="57" xfId="1" applyFont="1" applyBorder="1" applyAlignment="1">
      <alignment vertical="center"/>
    </xf>
    <xf numFmtId="38" fontId="2" fillId="0" borderId="90" xfId="1" applyFont="1" applyBorder="1" applyAlignment="1">
      <alignment vertical="center"/>
    </xf>
    <xf numFmtId="38" fontId="2" fillId="0" borderId="73" xfId="1" applyFont="1" applyBorder="1" applyAlignment="1">
      <alignment vertical="center"/>
    </xf>
    <xf numFmtId="38" fontId="2" fillId="0" borderId="89" xfId="1" applyFont="1" applyBorder="1" applyAlignment="1">
      <alignment vertical="center"/>
    </xf>
    <xf numFmtId="38" fontId="2" fillId="0" borderId="4" xfId="1" applyFont="1" applyBorder="1" applyAlignment="1">
      <alignment vertical="center"/>
    </xf>
    <xf numFmtId="0" fontId="2" fillId="0" borderId="7" xfId="0" applyFont="1" applyBorder="1" applyAlignment="1">
      <alignment horizontal="left" vertical="center" shrinkToFit="1"/>
    </xf>
    <xf numFmtId="38" fontId="2" fillId="0" borderId="8" xfId="1" applyFont="1" applyBorder="1" applyAlignment="1">
      <alignment vertical="center"/>
    </xf>
    <xf numFmtId="38" fontId="2" fillId="0" borderId="5" xfId="1" applyFont="1" applyBorder="1" applyAlignment="1">
      <alignment vertical="center"/>
    </xf>
    <xf numFmtId="38" fontId="2" fillId="0" borderId="56" xfId="1" applyFont="1" applyBorder="1" applyAlignment="1">
      <alignment vertical="center"/>
    </xf>
    <xf numFmtId="38" fontId="2" fillId="0" borderId="53" xfId="1" applyFont="1" applyBorder="1" applyAlignment="1">
      <alignment vertical="center"/>
    </xf>
    <xf numFmtId="38" fontId="2" fillId="0" borderId="46" xfId="1" applyFont="1" applyBorder="1" applyAlignment="1">
      <alignment vertical="center"/>
    </xf>
    <xf numFmtId="38" fontId="2" fillId="0" borderId="39" xfId="1" applyFont="1" applyBorder="1" applyAlignment="1">
      <alignment vertical="center"/>
    </xf>
    <xf numFmtId="38" fontId="2" fillId="0" borderId="38" xfId="1" applyFont="1" applyBorder="1" applyAlignment="1">
      <alignment vertical="center"/>
    </xf>
    <xf numFmtId="0" fontId="2" fillId="0" borderId="7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38" fontId="2" fillId="0" borderId="9" xfId="1" applyFont="1" applyBorder="1" applyAlignment="1">
      <alignment vertical="center"/>
    </xf>
    <xf numFmtId="38" fontId="2" fillId="0" borderId="12" xfId="1" applyFont="1" applyBorder="1" applyAlignment="1">
      <alignment vertical="center"/>
    </xf>
    <xf numFmtId="38" fontId="2" fillId="0" borderId="66" xfId="1" applyFont="1" applyBorder="1" applyAlignment="1">
      <alignment vertical="center"/>
    </xf>
    <xf numFmtId="38" fontId="2" fillId="0" borderId="26" xfId="1" applyFont="1" applyBorder="1" applyAlignment="1">
      <alignment vertical="center"/>
    </xf>
    <xf numFmtId="38" fontId="2" fillId="0" borderId="13" xfId="1" applyFont="1" applyBorder="1" applyAlignment="1">
      <alignment vertical="center"/>
    </xf>
    <xf numFmtId="38" fontId="2" fillId="0" borderId="40" xfId="1" applyFont="1" applyBorder="1" applyAlignment="1">
      <alignment vertical="center"/>
    </xf>
    <xf numFmtId="38" fontId="2" fillId="0" borderId="25" xfId="1" applyFont="1" applyBorder="1" applyAlignment="1">
      <alignment vertical="center"/>
    </xf>
    <xf numFmtId="0" fontId="0" fillId="0" borderId="0" xfId="3" applyFont="1">
      <alignment vertical="center"/>
    </xf>
    <xf numFmtId="182" fontId="0" fillId="0" borderId="0" xfId="0" applyNumberFormat="1" applyFont="1" applyAlignment="1">
      <alignment horizontal="center" vertical="center"/>
    </xf>
    <xf numFmtId="0" fontId="0" fillId="0" borderId="9" xfId="3" applyFont="1" applyBorder="1" applyAlignment="1">
      <alignment horizontal="center" vertical="center"/>
    </xf>
    <xf numFmtId="0" fontId="0" fillId="0" borderId="12" xfId="3" applyFont="1" applyBorder="1" applyAlignment="1">
      <alignment horizontal="center" vertical="center"/>
    </xf>
    <xf numFmtId="0" fontId="0" fillId="0" borderId="66" xfId="3" applyFont="1" applyBorder="1" applyAlignment="1">
      <alignment horizontal="center" vertical="center"/>
    </xf>
    <xf numFmtId="0" fontId="0" fillId="0" borderId="26" xfId="3" applyFont="1" applyBorder="1" applyAlignment="1">
      <alignment horizontal="center" vertical="center" wrapText="1"/>
    </xf>
    <xf numFmtId="0" fontId="0" fillId="0" borderId="13" xfId="3" applyFont="1" applyBorder="1" applyAlignment="1">
      <alignment horizontal="center" vertical="center"/>
    </xf>
    <xf numFmtId="0" fontId="0" fillId="0" borderId="25" xfId="3" applyFont="1" applyBorder="1" applyAlignment="1">
      <alignment horizontal="center" vertical="center"/>
    </xf>
    <xf numFmtId="38" fontId="0" fillId="0" borderId="49" xfId="1" applyFont="1" applyBorder="1" applyAlignment="1">
      <alignment vertical="center"/>
    </xf>
    <xf numFmtId="38" fontId="0" fillId="0" borderId="42" xfId="1" applyFont="1" applyBorder="1" applyAlignment="1">
      <alignment vertical="center"/>
    </xf>
    <xf numFmtId="38" fontId="0" fillId="0" borderId="57" xfId="1" applyFont="1" applyBorder="1" applyAlignment="1">
      <alignment vertical="center"/>
    </xf>
    <xf numFmtId="38" fontId="0" fillId="0" borderId="90" xfId="1" applyFont="1" applyBorder="1" applyAlignment="1">
      <alignment vertical="center"/>
    </xf>
    <xf numFmtId="38" fontId="0" fillId="0" borderId="73" xfId="1" applyFont="1" applyBorder="1" applyAlignment="1">
      <alignment vertical="center"/>
    </xf>
    <xf numFmtId="38" fontId="0" fillId="0" borderId="89" xfId="1" applyFont="1" applyBorder="1" applyAlignment="1">
      <alignment vertical="center"/>
    </xf>
    <xf numFmtId="38" fontId="0" fillId="0" borderId="4" xfId="1" applyFont="1" applyBorder="1" applyAlignment="1">
      <alignment vertical="center"/>
    </xf>
    <xf numFmtId="38" fontId="0" fillId="0" borderId="8" xfId="1" applyFont="1" applyBorder="1" applyAlignment="1">
      <alignment vertical="center"/>
    </xf>
    <xf numFmtId="38" fontId="0" fillId="0" borderId="5" xfId="1" applyFont="1" applyBorder="1" applyAlignment="1">
      <alignment vertical="center"/>
    </xf>
    <xf numFmtId="38" fontId="0" fillId="0" borderId="56" xfId="1" applyFont="1" applyBorder="1" applyAlignment="1">
      <alignment vertical="center"/>
    </xf>
    <xf numFmtId="38" fontId="0" fillId="0" borderId="53" xfId="1" applyFont="1" applyBorder="1" applyAlignment="1">
      <alignment vertical="center"/>
    </xf>
    <xf numFmtId="38" fontId="0" fillId="0" borderId="46" xfId="1" applyFont="1" applyBorder="1" applyAlignment="1">
      <alignment vertical="center"/>
    </xf>
    <xf numFmtId="38" fontId="0" fillId="0" borderId="39" xfId="1" applyFont="1" applyBorder="1" applyAlignment="1">
      <alignment vertical="center"/>
    </xf>
    <xf numFmtId="38" fontId="0" fillId="0" borderId="38" xfId="1" applyFont="1" applyBorder="1" applyAlignment="1">
      <alignment vertical="center"/>
    </xf>
    <xf numFmtId="38" fontId="0" fillId="0" borderId="9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38" fontId="0" fillId="0" borderId="66" xfId="1" applyFont="1" applyBorder="1" applyAlignment="1">
      <alignment vertical="center"/>
    </xf>
    <xf numFmtId="38" fontId="0" fillId="0" borderId="26" xfId="1" applyFont="1" applyBorder="1" applyAlignment="1">
      <alignment vertical="center"/>
    </xf>
    <xf numFmtId="38" fontId="0" fillId="0" borderId="13" xfId="1" applyFont="1" applyBorder="1" applyAlignment="1">
      <alignment vertical="center"/>
    </xf>
    <xf numFmtId="38" fontId="0" fillId="0" borderId="40" xfId="1" applyFont="1" applyBorder="1" applyAlignment="1">
      <alignment vertical="center"/>
    </xf>
    <xf numFmtId="38" fontId="0" fillId="0" borderId="25" xfId="1" applyFont="1" applyBorder="1" applyAlignment="1">
      <alignment vertical="center"/>
    </xf>
    <xf numFmtId="0" fontId="0" fillId="0" borderId="33" xfId="3" applyFont="1" applyBorder="1" applyAlignment="1">
      <alignment horizontal="center" vertical="center"/>
    </xf>
    <xf numFmtId="0" fontId="0" fillId="0" borderId="72" xfId="3" applyFont="1" applyBorder="1" applyAlignment="1">
      <alignment horizontal="center" vertical="center"/>
    </xf>
    <xf numFmtId="38" fontId="0" fillId="0" borderId="74" xfId="1" applyFont="1" applyBorder="1" applyAlignment="1">
      <alignment vertical="center"/>
    </xf>
    <xf numFmtId="38" fontId="0" fillId="0" borderId="65" xfId="1" applyFont="1" applyBorder="1" applyAlignment="1">
      <alignment vertical="center"/>
    </xf>
    <xf numFmtId="38" fontId="0" fillId="0" borderId="72" xfId="1" applyFont="1" applyBorder="1" applyAlignment="1">
      <alignment vertical="center"/>
    </xf>
    <xf numFmtId="0" fontId="0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horizontal="right" vertical="center"/>
    </xf>
    <xf numFmtId="177" fontId="0" fillId="0" borderId="34" xfId="1" applyNumberFormat="1" applyFont="1" applyBorder="1" applyAlignment="1">
      <alignment vertical="center"/>
    </xf>
    <xf numFmtId="177" fontId="0" fillId="0" borderId="35" xfId="1" applyNumberFormat="1" applyFont="1" applyBorder="1" applyAlignment="1">
      <alignment vertical="center"/>
    </xf>
    <xf numFmtId="177" fontId="0" fillId="0" borderId="36" xfId="1" applyNumberFormat="1" applyFont="1" applyBorder="1" applyAlignment="1">
      <alignment vertical="center"/>
    </xf>
    <xf numFmtId="177" fontId="0" fillId="0" borderId="51" xfId="1" applyNumberFormat="1" applyFont="1" applyBorder="1" applyAlignment="1">
      <alignment vertical="center"/>
    </xf>
    <xf numFmtId="177" fontId="0" fillId="0" borderId="37" xfId="1" applyNumberFormat="1" applyFont="1" applyBorder="1" applyAlignment="1">
      <alignment vertical="center"/>
    </xf>
    <xf numFmtId="177" fontId="0" fillId="0" borderId="52" xfId="1" applyNumberFormat="1" applyFont="1" applyBorder="1" applyAlignment="1">
      <alignment vertical="center"/>
    </xf>
    <xf numFmtId="177" fontId="0" fillId="0" borderId="8" xfId="1" applyNumberFormat="1" applyFont="1" applyBorder="1" applyAlignment="1">
      <alignment vertical="center"/>
    </xf>
    <xf numFmtId="177" fontId="0" fillId="0" borderId="5" xfId="1" applyNumberFormat="1" applyFont="1" applyBorder="1" applyAlignment="1">
      <alignment vertical="center"/>
    </xf>
    <xf numFmtId="177" fontId="0" fillId="0" borderId="38" xfId="1" applyNumberFormat="1" applyFont="1" applyBorder="1" applyAlignment="1">
      <alignment vertical="center"/>
    </xf>
    <xf numFmtId="177" fontId="0" fillId="0" borderId="53" xfId="1" applyNumberFormat="1" applyFont="1" applyBorder="1" applyAlignment="1">
      <alignment vertical="center"/>
    </xf>
    <xf numFmtId="177" fontId="0" fillId="0" borderId="39" xfId="1" applyNumberFormat="1" applyFont="1" applyBorder="1" applyAlignment="1">
      <alignment vertical="center"/>
    </xf>
    <xf numFmtId="177" fontId="0" fillId="0" borderId="54" xfId="1" applyNumberFormat="1" applyFont="1" applyBorder="1" applyAlignment="1">
      <alignment vertical="center"/>
    </xf>
    <xf numFmtId="177" fontId="0" fillId="0" borderId="9" xfId="1" applyNumberFormat="1" applyFont="1" applyBorder="1" applyAlignment="1">
      <alignment vertical="center"/>
    </xf>
    <xf numFmtId="177" fontId="0" fillId="0" borderId="12" xfId="1" applyNumberFormat="1" applyFont="1" applyBorder="1" applyAlignment="1">
      <alignment vertical="center"/>
    </xf>
    <xf numFmtId="177" fontId="0" fillId="0" borderId="25" xfId="1" applyNumberFormat="1" applyFont="1" applyBorder="1" applyAlignment="1">
      <alignment vertical="center"/>
    </xf>
    <xf numFmtId="177" fontId="0" fillId="0" borderId="26" xfId="1" applyNumberFormat="1" applyFont="1" applyBorder="1" applyAlignment="1">
      <alignment vertical="center"/>
    </xf>
    <xf numFmtId="177" fontId="0" fillId="0" borderId="40" xfId="1" applyNumberFormat="1" applyFont="1" applyBorder="1" applyAlignment="1">
      <alignment vertical="center"/>
    </xf>
    <xf numFmtId="177" fontId="0" fillId="0" borderId="33" xfId="1" applyNumberFormat="1" applyFont="1" applyBorder="1" applyAlignment="1">
      <alignment vertical="center"/>
    </xf>
    <xf numFmtId="0" fontId="0" fillId="0" borderId="20" xfId="0" applyFont="1" applyBorder="1" applyAlignment="1">
      <alignment horizontal="center" vertical="center" wrapText="1"/>
    </xf>
    <xf numFmtId="38" fontId="0" fillId="0" borderId="21" xfId="1" applyFont="1" applyBorder="1" applyAlignment="1">
      <alignment horizontal="center" vertical="center" wrapText="1"/>
    </xf>
    <xf numFmtId="0" fontId="0" fillId="0" borderId="22" xfId="0" applyFont="1" applyBorder="1" applyAlignment="1">
      <alignment horizontal="center" vertical="center" wrapText="1"/>
    </xf>
    <xf numFmtId="38" fontId="0" fillId="0" borderId="23" xfId="1" applyFont="1" applyBorder="1" applyAlignment="1">
      <alignment horizontal="center" vertical="center" wrapText="1"/>
    </xf>
    <xf numFmtId="0" fontId="0" fillId="0" borderId="23" xfId="0" applyFont="1" applyBorder="1" applyAlignment="1">
      <alignment horizontal="center" vertical="center" wrapText="1"/>
    </xf>
    <xf numFmtId="38" fontId="0" fillId="0" borderId="24" xfId="1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  <xf numFmtId="177" fontId="0" fillId="0" borderId="43" xfId="1" applyNumberFormat="1" applyFont="1" applyBorder="1" applyAlignment="1">
      <alignment vertical="center"/>
    </xf>
    <xf numFmtId="177" fontId="0" fillId="0" borderId="58" xfId="1" applyNumberFormat="1" applyFont="1" applyBorder="1" applyAlignment="1">
      <alignment vertical="center"/>
    </xf>
    <xf numFmtId="177" fontId="0" fillId="0" borderId="45" xfId="1" applyNumberFormat="1" applyFont="1" applyBorder="1" applyAlignment="1">
      <alignment vertical="center"/>
    </xf>
    <xf numFmtId="38" fontId="0" fillId="0" borderId="0" xfId="1" applyFont="1" applyAlignment="1">
      <alignment vertical="center"/>
    </xf>
    <xf numFmtId="177" fontId="0" fillId="0" borderId="46" xfId="1" applyNumberFormat="1" applyFont="1" applyBorder="1" applyAlignment="1">
      <alignment vertical="center"/>
    </xf>
    <xf numFmtId="177" fontId="0" fillId="0" borderId="56" xfId="1" applyNumberFormat="1" applyFont="1" applyBorder="1" applyAlignment="1">
      <alignment vertical="center"/>
    </xf>
    <xf numFmtId="177" fontId="0" fillId="0" borderId="48" xfId="1" applyNumberFormat="1" applyFont="1" applyBorder="1" applyAlignment="1">
      <alignment vertical="center"/>
    </xf>
    <xf numFmtId="177" fontId="0" fillId="0" borderId="13" xfId="1" applyNumberFormat="1" applyFont="1" applyBorder="1" applyAlignment="1">
      <alignment vertical="center"/>
    </xf>
    <xf numFmtId="177" fontId="0" fillId="0" borderId="66" xfId="1" applyNumberFormat="1" applyFont="1" applyBorder="1" applyAlignment="1">
      <alignment vertical="center"/>
    </xf>
    <xf numFmtId="177" fontId="0" fillId="0" borderId="30" xfId="1" applyNumberFormat="1" applyFont="1" applyBorder="1" applyAlignment="1">
      <alignment vertical="center"/>
    </xf>
    <xf numFmtId="38" fontId="0" fillId="0" borderId="0" xfId="1" applyFont="1" applyBorder="1" applyAlignment="1">
      <alignment vertical="center"/>
    </xf>
    <xf numFmtId="0" fontId="0" fillId="0" borderId="0" xfId="0" applyFont="1" applyFill="1" applyAlignment="1">
      <alignment vertical="center"/>
    </xf>
    <xf numFmtId="182" fontId="0" fillId="0" borderId="0" xfId="0" applyNumberFormat="1" applyFont="1" applyBorder="1" applyAlignment="1">
      <alignment horizontal="center" vertical="center"/>
    </xf>
    <xf numFmtId="0" fontId="0" fillId="0" borderId="33" xfId="0" applyFont="1" applyBorder="1" applyAlignment="1">
      <alignment horizontal="center" vertical="center"/>
    </xf>
    <xf numFmtId="0" fontId="0" fillId="0" borderId="25" xfId="0" applyFont="1" applyBorder="1" applyAlignment="1">
      <alignment horizontal="center" vertical="center"/>
    </xf>
    <xf numFmtId="0" fontId="0" fillId="0" borderId="20" xfId="0" applyFont="1" applyBorder="1" applyAlignment="1">
      <alignment horizontal="center" vertical="center"/>
    </xf>
    <xf numFmtId="0" fontId="0" fillId="0" borderId="23" xfId="0" applyFont="1" applyBorder="1" applyAlignment="1">
      <alignment horizontal="center" vertical="center"/>
    </xf>
    <xf numFmtId="0" fontId="0" fillId="0" borderId="24" xfId="0" applyFont="1" applyBorder="1" applyAlignment="1">
      <alignment horizontal="center" vertical="center"/>
    </xf>
    <xf numFmtId="0" fontId="0" fillId="0" borderId="21" xfId="0" applyFont="1" applyBorder="1" applyAlignment="1">
      <alignment horizontal="center" vertical="center"/>
    </xf>
    <xf numFmtId="179" fontId="0" fillId="0" borderId="55" xfId="0" applyNumberFormat="1" applyFont="1" applyBorder="1" applyAlignment="1">
      <alignment shrinkToFit="1"/>
    </xf>
    <xf numFmtId="179" fontId="0" fillId="0" borderId="42" xfId="0" applyNumberFormat="1" applyFont="1" applyBorder="1" applyAlignment="1">
      <alignment shrinkToFit="1"/>
    </xf>
    <xf numFmtId="179" fontId="0" fillId="0" borderId="73" xfId="0" applyNumberFormat="1" applyFont="1" applyBorder="1" applyAlignment="1">
      <alignment shrinkToFit="1"/>
    </xf>
    <xf numFmtId="179" fontId="0" fillId="0" borderId="74" xfId="0" applyNumberFormat="1" applyFont="1" applyBorder="1" applyAlignment="1">
      <alignment shrinkToFit="1"/>
    </xf>
    <xf numFmtId="179" fontId="0" fillId="0" borderId="57" xfId="0" applyNumberFormat="1" applyFont="1" applyBorder="1" applyAlignment="1">
      <alignment shrinkToFit="1"/>
    </xf>
    <xf numFmtId="179" fontId="0" fillId="0" borderId="37" xfId="0" applyNumberFormat="1" applyFont="1" applyBorder="1" applyAlignment="1">
      <alignment shrinkToFit="1"/>
    </xf>
    <xf numFmtId="179" fontId="0" fillId="0" borderId="43" xfId="0" applyNumberFormat="1" applyFont="1" applyBorder="1" applyAlignment="1">
      <alignment shrinkToFit="1"/>
    </xf>
    <xf numFmtId="179" fontId="0" fillId="0" borderId="51" xfId="0" applyNumberFormat="1" applyFont="1" applyBorder="1" applyAlignment="1">
      <alignment shrinkToFit="1"/>
    </xf>
    <xf numFmtId="179" fontId="0" fillId="0" borderId="35" xfId="0" applyNumberFormat="1" applyFont="1" applyBorder="1" applyAlignment="1">
      <alignment shrinkToFit="1"/>
    </xf>
    <xf numFmtId="179" fontId="0" fillId="0" borderId="34" xfId="0" applyNumberFormat="1" applyFont="1" applyBorder="1" applyAlignment="1">
      <alignment shrinkToFit="1"/>
    </xf>
    <xf numFmtId="179" fontId="0" fillId="0" borderId="60" xfId="0" applyNumberFormat="1" applyFont="1" applyBorder="1" applyAlignment="1">
      <alignment shrinkToFit="1"/>
    </xf>
    <xf numFmtId="179" fontId="0" fillId="0" borderId="36" xfId="0" applyNumberFormat="1" applyFont="1" applyBorder="1" applyAlignment="1">
      <alignment shrinkToFit="1"/>
    </xf>
    <xf numFmtId="179" fontId="0" fillId="0" borderId="52" xfId="0" applyNumberFormat="1" applyFont="1" applyBorder="1" applyAlignment="1">
      <alignment shrinkToFit="1"/>
    </xf>
    <xf numFmtId="179" fontId="0" fillId="0" borderId="44" xfId="0" applyNumberFormat="1" applyFont="1" applyBorder="1" applyAlignment="1">
      <alignment shrinkToFit="1"/>
    </xf>
    <xf numFmtId="179" fontId="0" fillId="0" borderId="75" xfId="0" applyNumberFormat="1" applyFont="1" applyBorder="1" applyAlignment="1">
      <alignment shrinkToFit="1"/>
    </xf>
    <xf numFmtId="179" fontId="0" fillId="0" borderId="58" xfId="0" applyNumberFormat="1" applyFont="1" applyBorder="1" applyAlignment="1">
      <alignment shrinkToFit="1"/>
    </xf>
    <xf numFmtId="179" fontId="0" fillId="0" borderId="59" xfId="0" applyNumberFormat="1" applyFont="1" applyBorder="1" applyAlignment="1">
      <alignment shrinkToFit="1"/>
    </xf>
    <xf numFmtId="179" fontId="0" fillId="0" borderId="27" xfId="0" applyNumberFormat="1" applyFont="1" applyBorder="1" applyAlignment="1">
      <alignment shrinkToFit="1"/>
    </xf>
    <xf numFmtId="180" fontId="0" fillId="0" borderId="3" xfId="2" applyNumberFormat="1" applyFont="1" applyBorder="1" applyAlignment="1">
      <alignment vertical="center" shrinkToFit="1"/>
    </xf>
    <xf numFmtId="180" fontId="0" fillId="0" borderId="35" xfId="2" applyNumberFormat="1" applyFont="1" applyBorder="1" applyAlignment="1">
      <alignment vertical="center" shrinkToFit="1"/>
    </xf>
    <xf numFmtId="180" fontId="0" fillId="0" borderId="57" xfId="2" applyNumberFormat="1" applyFont="1" applyBorder="1" applyAlignment="1">
      <alignment vertical="center" shrinkToFit="1"/>
    </xf>
    <xf numFmtId="180" fontId="0" fillId="0" borderId="51" xfId="2" applyNumberFormat="1" applyFont="1" applyBorder="1" applyAlignment="1">
      <alignment vertical="center" shrinkToFit="1"/>
    </xf>
    <xf numFmtId="180" fontId="0" fillId="0" borderId="52" xfId="2" applyNumberFormat="1" applyFont="1" applyBorder="1" applyAlignment="1">
      <alignment vertical="center" shrinkToFit="1"/>
    </xf>
    <xf numFmtId="180" fontId="0" fillId="0" borderId="58" xfId="2" applyNumberFormat="1" applyFont="1" applyBorder="1" applyAlignment="1">
      <alignment vertical="center" shrinkToFit="1"/>
    </xf>
    <xf numFmtId="180" fontId="0" fillId="0" borderId="43" xfId="2" applyNumberFormat="1" applyFont="1" applyBorder="1" applyAlignment="1">
      <alignment vertical="center" shrinkToFit="1"/>
    </xf>
    <xf numFmtId="180" fontId="0" fillId="0" borderId="59" xfId="2" applyNumberFormat="1" applyFont="1" applyBorder="1" applyAlignment="1">
      <alignment vertical="center" shrinkToFit="1"/>
    </xf>
    <xf numFmtId="180" fontId="0" fillId="0" borderId="34" xfId="1" applyNumberFormat="1" applyFont="1" applyFill="1" applyBorder="1" applyAlignment="1">
      <alignment vertical="center" shrinkToFit="1"/>
    </xf>
    <xf numFmtId="180" fontId="0" fillId="0" borderId="35" xfId="1" applyNumberFormat="1" applyFont="1" applyFill="1" applyBorder="1" applyAlignment="1">
      <alignment vertical="center" shrinkToFit="1"/>
    </xf>
    <xf numFmtId="180" fontId="0" fillId="0" borderId="43" xfId="1" applyNumberFormat="1" applyFont="1" applyFill="1" applyBorder="1" applyAlignment="1">
      <alignment vertical="center" shrinkToFit="1"/>
    </xf>
    <xf numFmtId="180" fontId="0" fillId="0" borderId="35" xfId="0" applyNumberFormat="1" applyFont="1" applyBorder="1" applyAlignment="1">
      <alignment shrinkToFit="1"/>
    </xf>
    <xf numFmtId="180" fontId="0" fillId="0" borderId="36" xfId="0" applyNumberFormat="1" applyFont="1" applyBorder="1" applyAlignment="1">
      <alignment shrinkToFit="1"/>
    </xf>
    <xf numFmtId="180" fontId="0" fillId="0" borderId="37" xfId="0" applyNumberFormat="1" applyFont="1" applyBorder="1" applyAlignment="1">
      <alignment shrinkToFit="1"/>
    </xf>
    <xf numFmtId="180" fontId="0" fillId="0" borderId="34" xfId="0" applyNumberFormat="1" applyFont="1" applyBorder="1" applyAlignment="1">
      <alignment shrinkToFit="1"/>
    </xf>
    <xf numFmtId="180" fontId="0" fillId="0" borderId="43" xfId="0" applyNumberFormat="1" applyFont="1" applyBorder="1" applyAlignment="1">
      <alignment shrinkToFit="1"/>
    </xf>
    <xf numFmtId="180" fontId="0" fillId="0" borderId="58" xfId="0" applyNumberFormat="1" applyFont="1" applyBorder="1" applyAlignment="1">
      <alignment shrinkToFit="1"/>
    </xf>
    <xf numFmtId="180" fontId="0" fillId="0" borderId="51" xfId="0" applyNumberFormat="1" applyFont="1" applyBorder="1" applyAlignment="1">
      <alignment shrinkToFit="1"/>
    </xf>
    <xf numFmtId="180" fontId="0" fillId="0" borderId="34" xfId="1" applyNumberFormat="1" applyFont="1" applyFill="1" applyBorder="1" applyAlignment="1">
      <alignment shrinkToFit="1"/>
    </xf>
    <xf numFmtId="180" fontId="0" fillId="0" borderId="52" xfId="0" applyNumberFormat="1" applyFont="1" applyBorder="1" applyAlignment="1">
      <alignment shrinkToFit="1"/>
    </xf>
    <xf numFmtId="180" fontId="0" fillId="0" borderId="45" xfId="0" applyNumberFormat="1" applyFont="1" applyBorder="1" applyAlignment="1">
      <alignment shrinkToFit="1"/>
    </xf>
    <xf numFmtId="0" fontId="0" fillId="0" borderId="0" xfId="0" applyFont="1" applyAlignment="1">
      <alignment vertical="center" shrinkToFit="1"/>
    </xf>
    <xf numFmtId="179" fontId="0" fillId="0" borderId="54" xfId="0" applyNumberFormat="1" applyFont="1" applyBorder="1" applyAlignment="1">
      <alignment shrinkToFit="1"/>
    </xf>
    <xf numFmtId="179" fontId="0" fillId="0" borderId="5" xfId="0" applyNumberFormat="1" applyFont="1" applyBorder="1" applyAlignment="1">
      <alignment shrinkToFit="1"/>
    </xf>
    <xf numFmtId="179" fontId="0" fillId="0" borderId="46" xfId="0" applyNumberFormat="1" applyFont="1" applyBorder="1" applyAlignment="1">
      <alignment shrinkToFit="1"/>
    </xf>
    <xf numFmtId="179" fontId="0" fillId="0" borderId="56" xfId="0" applyNumberFormat="1" applyFont="1" applyBorder="1" applyAlignment="1">
      <alignment shrinkToFit="1"/>
    </xf>
    <xf numFmtId="179" fontId="0" fillId="0" borderId="39" xfId="0" applyNumberFormat="1" applyFont="1" applyBorder="1" applyAlignment="1">
      <alignment shrinkToFit="1"/>
    </xf>
    <xf numFmtId="179" fontId="0" fillId="0" borderId="38" xfId="0" applyNumberFormat="1" applyFont="1" applyBorder="1" applyAlignment="1">
      <alignment shrinkToFit="1"/>
    </xf>
    <xf numFmtId="179" fontId="0" fillId="0" borderId="53" xfId="0" applyNumberFormat="1" applyFont="1" applyBorder="1" applyAlignment="1">
      <alignment shrinkToFit="1"/>
    </xf>
    <xf numFmtId="179" fontId="0" fillId="0" borderId="8" xfId="0" applyNumberFormat="1" applyFont="1" applyBorder="1" applyAlignment="1">
      <alignment shrinkToFit="1"/>
    </xf>
    <xf numFmtId="179" fontId="0" fillId="0" borderId="48" xfId="0" applyNumberFormat="1" applyFont="1" applyBorder="1" applyAlignment="1">
      <alignment shrinkToFit="1"/>
    </xf>
    <xf numFmtId="180" fontId="0" fillId="0" borderId="7" xfId="2" applyNumberFormat="1" applyFont="1" applyBorder="1" applyAlignment="1">
      <alignment vertical="center" shrinkToFit="1"/>
    </xf>
    <xf numFmtId="180" fontId="0" fillId="0" borderId="5" xfId="2" applyNumberFormat="1" applyFont="1" applyBorder="1" applyAlignment="1">
      <alignment vertical="center" shrinkToFit="1"/>
    </xf>
    <xf numFmtId="180" fontId="0" fillId="0" borderId="56" xfId="2" applyNumberFormat="1" applyFont="1" applyBorder="1" applyAlignment="1">
      <alignment vertical="center" shrinkToFit="1"/>
    </xf>
    <xf numFmtId="180" fontId="0" fillId="0" borderId="61" xfId="2" applyNumberFormat="1" applyFont="1" applyBorder="1" applyAlignment="1">
      <alignment vertical="center" shrinkToFit="1"/>
    </xf>
    <xf numFmtId="180" fontId="0" fillId="0" borderId="62" xfId="2" applyNumberFormat="1" applyFont="1" applyBorder="1" applyAlignment="1">
      <alignment vertical="center" shrinkToFit="1"/>
    </xf>
    <xf numFmtId="180" fontId="0" fillId="0" borderId="63" xfId="2" applyNumberFormat="1" applyFont="1" applyBorder="1" applyAlignment="1">
      <alignment vertical="center" shrinkToFit="1"/>
    </xf>
    <xf numFmtId="180" fontId="0" fillId="0" borderId="0" xfId="2" applyNumberFormat="1" applyFont="1" applyBorder="1" applyAlignment="1">
      <alignment vertical="center" shrinkToFit="1"/>
    </xf>
    <xf numFmtId="180" fontId="0" fillId="0" borderId="64" xfId="2" applyNumberFormat="1" applyFont="1" applyBorder="1" applyAlignment="1">
      <alignment vertical="center" shrinkToFit="1"/>
    </xf>
    <xf numFmtId="180" fontId="0" fillId="0" borderId="48" xfId="2" applyNumberFormat="1" applyFont="1" applyBorder="1" applyAlignment="1">
      <alignment vertical="center" shrinkToFit="1"/>
    </xf>
    <xf numFmtId="180" fontId="0" fillId="0" borderId="8" xfId="1" applyNumberFormat="1" applyFont="1" applyFill="1" applyBorder="1" applyAlignment="1">
      <alignment vertical="center" shrinkToFit="1"/>
    </xf>
    <xf numFmtId="180" fontId="0" fillId="0" borderId="5" xfId="1" applyNumberFormat="1" applyFont="1" applyFill="1" applyBorder="1" applyAlignment="1">
      <alignment vertical="center" shrinkToFit="1"/>
    </xf>
    <xf numFmtId="180" fontId="0" fillId="0" borderId="46" xfId="1" applyNumberFormat="1" applyFont="1" applyFill="1" applyBorder="1" applyAlignment="1">
      <alignment vertical="center" shrinkToFit="1"/>
    </xf>
    <xf numFmtId="180" fontId="0" fillId="0" borderId="5" xfId="0" applyNumberFormat="1" applyFont="1" applyBorder="1" applyAlignment="1">
      <alignment shrinkToFit="1"/>
    </xf>
    <xf numFmtId="180" fontId="0" fillId="0" borderId="38" xfId="0" applyNumberFormat="1" applyFont="1" applyBorder="1" applyAlignment="1">
      <alignment shrinkToFit="1"/>
    </xf>
    <xf numFmtId="180" fontId="0" fillId="0" borderId="39" xfId="0" applyNumberFormat="1" applyFont="1" applyBorder="1" applyAlignment="1">
      <alignment shrinkToFit="1"/>
    </xf>
    <xf numFmtId="180" fontId="0" fillId="0" borderId="8" xfId="0" applyNumberFormat="1" applyFont="1" applyBorder="1" applyAlignment="1">
      <alignment shrinkToFit="1"/>
    </xf>
    <xf numFmtId="180" fontId="0" fillId="0" borderId="46" xfId="0" applyNumberFormat="1" applyFont="1" applyBorder="1" applyAlignment="1">
      <alignment shrinkToFit="1"/>
    </xf>
    <xf numFmtId="180" fontId="0" fillId="0" borderId="56" xfId="0" applyNumberFormat="1" applyFont="1" applyBorder="1" applyAlignment="1">
      <alignment shrinkToFit="1"/>
    </xf>
    <xf numFmtId="180" fontId="0" fillId="0" borderId="53" xfId="0" applyNumberFormat="1" applyFont="1" applyBorder="1" applyAlignment="1">
      <alignment shrinkToFit="1"/>
    </xf>
    <xf numFmtId="180" fontId="0" fillId="0" borderId="8" xfId="1" applyNumberFormat="1" applyFont="1" applyFill="1" applyBorder="1" applyAlignment="1">
      <alignment shrinkToFit="1"/>
    </xf>
    <xf numFmtId="180" fontId="0" fillId="0" borderId="54" xfId="0" applyNumberFormat="1" applyFont="1" applyBorder="1" applyAlignment="1">
      <alignment shrinkToFit="1"/>
    </xf>
    <xf numFmtId="180" fontId="0" fillId="0" borderId="48" xfId="0" applyNumberFormat="1" applyFont="1" applyBorder="1" applyAlignment="1">
      <alignment shrinkToFit="1"/>
    </xf>
    <xf numFmtId="179" fontId="0" fillId="0" borderId="54" xfId="0" applyNumberFormat="1" applyFont="1" applyBorder="1"/>
    <xf numFmtId="179" fontId="0" fillId="0" borderId="5" xfId="0" applyNumberFormat="1" applyFont="1" applyBorder="1"/>
    <xf numFmtId="179" fontId="0" fillId="0" borderId="46" xfId="0" applyNumberFormat="1" applyFont="1" applyBorder="1"/>
    <xf numFmtId="179" fontId="0" fillId="0" borderId="56" xfId="0" applyNumberFormat="1" applyFont="1" applyBorder="1"/>
    <xf numFmtId="179" fontId="0" fillId="0" borderId="39" xfId="0" applyNumberFormat="1" applyFont="1" applyBorder="1"/>
    <xf numFmtId="179" fontId="0" fillId="0" borderId="38" xfId="0" applyNumberFormat="1" applyFont="1" applyBorder="1"/>
    <xf numFmtId="179" fontId="0" fillId="0" borderId="53" xfId="0" applyNumberFormat="1" applyFont="1" applyBorder="1"/>
    <xf numFmtId="179" fontId="0" fillId="0" borderId="8" xfId="0" applyNumberFormat="1" applyFont="1" applyBorder="1"/>
    <xf numFmtId="179" fontId="0" fillId="0" borderId="48" xfId="0" applyNumberFormat="1" applyFont="1" applyBorder="1"/>
    <xf numFmtId="180" fontId="0" fillId="0" borderId="7" xfId="2" applyNumberFormat="1" applyFont="1" applyBorder="1">
      <alignment vertical="center"/>
    </xf>
    <xf numFmtId="180" fontId="0" fillId="0" borderId="5" xfId="2" applyNumberFormat="1" applyFont="1" applyBorder="1">
      <alignment vertical="center"/>
    </xf>
    <xf numFmtId="180" fontId="0" fillId="0" borderId="56" xfId="2" applyNumberFormat="1" applyFont="1" applyBorder="1">
      <alignment vertical="center"/>
    </xf>
    <xf numFmtId="180" fontId="0" fillId="0" borderId="53" xfId="2" applyNumberFormat="1" applyFont="1" applyBorder="1">
      <alignment vertical="center"/>
    </xf>
    <xf numFmtId="180" fontId="0" fillId="0" borderId="54" xfId="2" applyNumberFormat="1" applyFont="1" applyBorder="1">
      <alignment vertical="center"/>
    </xf>
    <xf numFmtId="180" fontId="0" fillId="0" borderId="46" xfId="2" applyNumberFormat="1" applyFont="1" applyBorder="1">
      <alignment vertical="center"/>
    </xf>
    <xf numFmtId="180" fontId="0" fillId="0" borderId="48" xfId="2" applyNumberFormat="1" applyFont="1" applyBorder="1">
      <alignment vertical="center"/>
    </xf>
    <xf numFmtId="180" fontId="0" fillId="0" borderId="8" xfId="1" applyNumberFormat="1" applyFont="1" applyFill="1" applyBorder="1" applyAlignment="1">
      <alignment vertical="center"/>
    </xf>
    <xf numFmtId="180" fontId="0" fillId="0" borderId="5" xfId="1" applyNumberFormat="1" applyFont="1" applyFill="1" applyBorder="1" applyAlignment="1">
      <alignment vertical="center"/>
    </xf>
    <xf numFmtId="180" fontId="0" fillId="0" borderId="46" xfId="1" applyNumberFormat="1" applyFont="1" applyFill="1" applyBorder="1" applyAlignment="1">
      <alignment vertical="center"/>
    </xf>
    <xf numFmtId="180" fontId="0" fillId="0" borderId="5" xfId="0" applyNumberFormat="1" applyFont="1" applyBorder="1"/>
    <xf numFmtId="180" fontId="0" fillId="0" borderId="38" xfId="0" applyNumberFormat="1" applyFont="1" applyBorder="1"/>
    <xf numFmtId="180" fontId="0" fillId="0" borderId="39" xfId="0" applyNumberFormat="1" applyFont="1" applyBorder="1"/>
    <xf numFmtId="180" fontId="0" fillId="0" borderId="8" xfId="0" applyNumberFormat="1" applyFont="1" applyBorder="1"/>
    <xf numFmtId="180" fontId="0" fillId="0" borderId="46" xfId="0" applyNumberFormat="1" applyFont="1" applyBorder="1"/>
    <xf numFmtId="180" fontId="0" fillId="0" borderId="56" xfId="0" applyNumberFormat="1" applyFont="1" applyBorder="1"/>
    <xf numFmtId="180" fontId="0" fillId="0" borderId="53" xfId="0" applyNumberFormat="1" applyFont="1" applyBorder="1"/>
    <xf numFmtId="180" fontId="0" fillId="0" borderId="8" xfId="1" applyNumberFormat="1" applyFont="1" applyFill="1" applyBorder="1" applyAlignment="1"/>
    <xf numFmtId="180" fontId="0" fillId="0" borderId="54" xfId="0" applyNumberFormat="1" applyFont="1" applyBorder="1"/>
    <xf numFmtId="180" fontId="0" fillId="0" borderId="48" xfId="0" applyNumberFormat="1" applyFont="1" applyBorder="1"/>
    <xf numFmtId="180" fontId="0" fillId="0" borderId="61" xfId="2" applyNumberFormat="1" applyFont="1" applyBorder="1">
      <alignment vertical="center"/>
    </xf>
    <xf numFmtId="180" fontId="0" fillId="0" borderId="62" xfId="2" applyNumberFormat="1" applyFont="1" applyBorder="1">
      <alignment vertical="center"/>
    </xf>
    <xf numFmtId="180" fontId="0" fillId="0" borderId="63" xfId="2" applyNumberFormat="1" applyFont="1" applyBorder="1">
      <alignment vertical="center"/>
    </xf>
    <xf numFmtId="180" fontId="0" fillId="0" borderId="0" xfId="2" applyNumberFormat="1" applyFont="1" applyBorder="1">
      <alignment vertical="center"/>
    </xf>
    <xf numFmtId="180" fontId="0" fillId="0" borderId="64" xfId="2" applyNumberFormat="1" applyFont="1" applyBorder="1">
      <alignment vertical="center"/>
    </xf>
    <xf numFmtId="180" fontId="0" fillId="0" borderId="3" xfId="2" applyNumberFormat="1" applyFont="1" applyBorder="1">
      <alignment vertical="center"/>
    </xf>
    <xf numFmtId="180" fontId="0" fillId="0" borderId="42" xfId="2" applyNumberFormat="1" applyFont="1" applyBorder="1">
      <alignment vertical="center"/>
    </xf>
    <xf numFmtId="180" fontId="0" fillId="0" borderId="57" xfId="2" applyNumberFormat="1" applyFont="1" applyBorder="1">
      <alignment vertical="center"/>
    </xf>
    <xf numFmtId="180" fontId="0" fillId="0" borderId="59" xfId="2" applyNumberFormat="1" applyFont="1" applyBorder="1">
      <alignment vertical="center"/>
    </xf>
    <xf numFmtId="179" fontId="0" fillId="0" borderId="57" xfId="0" applyNumberFormat="1" applyFont="1" applyBorder="1"/>
    <xf numFmtId="179" fontId="0" fillId="0" borderId="73" xfId="0" applyNumberFormat="1" applyFont="1" applyBorder="1"/>
    <xf numFmtId="179" fontId="0" fillId="0" borderId="42" xfId="0" applyNumberFormat="1" applyFont="1" applyBorder="1"/>
    <xf numFmtId="179" fontId="0" fillId="0" borderId="47" xfId="0" applyNumberFormat="1" applyFont="1" applyBorder="1"/>
    <xf numFmtId="179" fontId="0" fillId="0" borderId="64" xfId="0" applyNumberFormat="1" applyFont="1" applyBorder="1"/>
    <xf numFmtId="179" fontId="0" fillId="0" borderId="62" xfId="0" applyNumberFormat="1" applyFont="1" applyBorder="1"/>
    <xf numFmtId="179" fontId="0" fillId="0" borderId="0" xfId="0" applyNumberFormat="1" applyFont="1" applyBorder="1"/>
    <xf numFmtId="179" fontId="0" fillId="0" borderId="33" xfId="0" applyNumberFormat="1" applyFont="1" applyBorder="1"/>
    <xf numFmtId="179" fontId="0" fillId="0" borderId="12" xfId="0" applyNumberFormat="1" applyFont="1" applyBorder="1"/>
    <xf numFmtId="179" fontId="0" fillId="0" borderId="13" xfId="0" applyNumberFormat="1" applyFont="1" applyBorder="1"/>
    <xf numFmtId="179" fontId="0" fillId="0" borderId="66" xfId="0" applyNumberFormat="1" applyFont="1" applyBorder="1"/>
    <xf numFmtId="179" fontId="0" fillId="0" borderId="40" xfId="0" applyNumberFormat="1" applyFont="1" applyBorder="1"/>
    <xf numFmtId="179" fontId="0" fillId="0" borderId="25" xfId="0" applyNumberFormat="1" applyFont="1" applyBorder="1"/>
    <xf numFmtId="179" fontId="0" fillId="0" borderId="26" xfId="0" applyNumberFormat="1" applyFont="1" applyBorder="1"/>
    <xf numFmtId="179" fontId="0" fillId="0" borderId="9" xfId="0" applyNumberFormat="1" applyFont="1" applyBorder="1"/>
    <xf numFmtId="179" fontId="0" fillId="0" borderId="30" xfId="0" applyNumberFormat="1" applyFont="1" applyBorder="1"/>
    <xf numFmtId="180" fontId="0" fillId="0" borderId="14" xfId="2" applyNumberFormat="1" applyFont="1" applyBorder="1">
      <alignment vertical="center"/>
    </xf>
    <xf numFmtId="180" fontId="0" fillId="0" borderId="12" xfId="2" applyNumberFormat="1" applyFont="1" applyBorder="1">
      <alignment vertical="center"/>
    </xf>
    <xf numFmtId="180" fontId="0" fillId="0" borderId="66" xfId="2" applyNumberFormat="1" applyFont="1" applyBorder="1">
      <alignment vertical="center"/>
    </xf>
    <xf numFmtId="180" fontId="0" fillId="0" borderId="67" xfId="2" applyNumberFormat="1" applyFont="1" applyBorder="1">
      <alignment vertical="center"/>
    </xf>
    <xf numFmtId="180" fontId="0" fillId="0" borderId="68" xfId="2" applyNumberFormat="1" applyFont="1" applyBorder="1">
      <alignment vertical="center"/>
    </xf>
    <xf numFmtId="180" fontId="0" fillId="0" borderId="69" xfId="2" applyNumberFormat="1" applyFont="1" applyBorder="1">
      <alignment vertical="center"/>
    </xf>
    <xf numFmtId="180" fontId="0" fillId="0" borderId="70" xfId="2" applyNumberFormat="1" applyFont="1" applyBorder="1">
      <alignment vertical="center"/>
    </xf>
    <xf numFmtId="180" fontId="0" fillId="0" borderId="71" xfId="2" applyNumberFormat="1" applyFont="1" applyBorder="1">
      <alignment vertical="center"/>
    </xf>
    <xf numFmtId="180" fontId="0" fillId="0" borderId="30" xfId="2" applyNumberFormat="1" applyFont="1" applyBorder="1">
      <alignment vertical="center"/>
    </xf>
    <xf numFmtId="180" fontId="0" fillId="0" borderId="9" xfId="1" applyNumberFormat="1" applyFont="1" applyFill="1" applyBorder="1" applyAlignment="1">
      <alignment vertical="center"/>
    </xf>
    <xf numFmtId="180" fontId="0" fillId="0" borderId="12" xfId="1" applyNumberFormat="1" applyFont="1" applyFill="1" applyBorder="1" applyAlignment="1">
      <alignment vertical="center"/>
    </xf>
    <xf numFmtId="180" fontId="0" fillId="0" borderId="13" xfId="1" applyNumberFormat="1" applyFont="1" applyFill="1" applyBorder="1" applyAlignment="1">
      <alignment vertical="center"/>
    </xf>
    <xf numFmtId="180" fontId="0" fillId="0" borderId="12" xfId="0" applyNumberFormat="1" applyFont="1" applyBorder="1"/>
    <xf numFmtId="180" fontId="0" fillId="0" borderId="25" xfId="0" applyNumberFormat="1" applyFont="1" applyBorder="1"/>
    <xf numFmtId="180" fontId="0" fillId="0" borderId="40" xfId="0" applyNumberFormat="1" applyFont="1" applyBorder="1"/>
    <xf numFmtId="180" fontId="0" fillId="0" borderId="9" xfId="0" applyNumberFormat="1" applyFont="1" applyBorder="1"/>
    <xf numFmtId="180" fontId="0" fillId="0" borderId="13" xfId="0" applyNumberFormat="1" applyFont="1" applyBorder="1"/>
    <xf numFmtId="180" fontId="0" fillId="0" borderId="66" xfId="0" applyNumberFormat="1" applyFont="1" applyBorder="1"/>
    <xf numFmtId="180" fontId="0" fillId="0" borderId="26" xfId="0" applyNumberFormat="1" applyFont="1" applyBorder="1"/>
    <xf numFmtId="180" fontId="0" fillId="0" borderId="9" xfId="1" applyNumberFormat="1" applyFont="1" applyFill="1" applyBorder="1" applyAlignment="1"/>
    <xf numFmtId="180" fontId="0" fillId="0" borderId="33" xfId="0" applyNumberFormat="1" applyFont="1" applyBorder="1"/>
    <xf numFmtId="180" fontId="0" fillId="0" borderId="30" xfId="0" applyNumberFormat="1" applyFont="1" applyBorder="1"/>
    <xf numFmtId="180" fontId="0" fillId="0" borderId="51" xfId="1" applyNumberFormat="1" applyFont="1" applyFill="1" applyBorder="1" applyAlignment="1">
      <alignment vertical="center" shrinkToFit="1"/>
    </xf>
    <xf numFmtId="180" fontId="0" fillId="0" borderId="53" xfId="1" applyNumberFormat="1" applyFont="1" applyFill="1" applyBorder="1" applyAlignment="1">
      <alignment vertical="center" shrinkToFit="1"/>
    </xf>
    <xf numFmtId="180" fontId="0" fillId="0" borderId="53" xfId="1" applyNumberFormat="1" applyFont="1" applyFill="1" applyBorder="1" applyAlignment="1">
      <alignment vertical="center"/>
    </xf>
    <xf numFmtId="180" fontId="0" fillId="0" borderId="26" xfId="1" applyNumberFormat="1" applyFont="1" applyFill="1" applyBorder="1" applyAlignment="1">
      <alignment vertical="center"/>
    </xf>
    <xf numFmtId="180" fontId="0" fillId="0" borderId="90" xfId="1" applyNumberFormat="1" applyFont="1" applyFill="1" applyBorder="1" applyAlignment="1">
      <alignment vertical="center" shrinkToFit="1"/>
    </xf>
    <xf numFmtId="0" fontId="0" fillId="0" borderId="0" xfId="0" applyFont="1" applyBorder="1" applyAlignment="1">
      <alignment vertical="center" shrinkToFit="1"/>
    </xf>
    <xf numFmtId="0" fontId="0" fillId="0" borderId="78" xfId="0" applyFont="1" applyBorder="1" applyAlignment="1">
      <alignment horizontal="left" vertical="center" shrinkToFit="1"/>
    </xf>
    <xf numFmtId="0" fontId="0" fillId="0" borderId="32" xfId="0" applyFont="1" applyBorder="1" applyAlignment="1">
      <alignment horizontal="left" vertical="center" shrinkToFit="1"/>
    </xf>
    <xf numFmtId="0" fontId="0" fillId="0" borderId="32" xfId="0" applyFont="1" applyBorder="1" applyAlignment="1">
      <alignment horizontal="left" vertical="center"/>
    </xf>
    <xf numFmtId="0" fontId="0" fillId="0" borderId="19" xfId="0" applyFont="1" applyBorder="1" applyAlignment="1">
      <alignment horizontal="left" vertical="center"/>
    </xf>
    <xf numFmtId="178" fontId="0" fillId="0" borderId="51" xfId="0" applyNumberFormat="1" applyFont="1" applyBorder="1" applyAlignment="1">
      <alignment vertical="center"/>
    </xf>
    <xf numFmtId="178" fontId="0" fillId="0" borderId="53" xfId="0" applyNumberFormat="1" applyFont="1" applyBorder="1" applyAlignment="1">
      <alignment vertical="center"/>
    </xf>
    <xf numFmtId="178" fontId="0" fillId="0" borderId="26" xfId="0" applyNumberFormat="1" applyFont="1" applyBorder="1" applyAlignment="1">
      <alignment vertical="center"/>
    </xf>
    <xf numFmtId="178" fontId="0" fillId="0" borderId="51" xfId="1" applyNumberFormat="1" applyFont="1" applyBorder="1" applyAlignment="1">
      <alignment vertical="center"/>
    </xf>
    <xf numFmtId="178" fontId="0" fillId="0" borderId="53" xfId="1" applyNumberFormat="1" applyFont="1" applyBorder="1" applyAlignment="1">
      <alignment vertical="center"/>
    </xf>
    <xf numFmtId="178" fontId="0" fillId="0" borderId="26" xfId="1" applyNumberFormat="1" applyFont="1" applyBorder="1" applyAlignment="1">
      <alignment vertical="center"/>
    </xf>
    <xf numFmtId="183" fontId="5" fillId="0" borderId="0" xfId="0" applyNumberFormat="1" applyFont="1" applyBorder="1" applyAlignment="1">
      <alignment horizontal="left" vertical="center" shrinkToFit="1"/>
    </xf>
    <xf numFmtId="183" fontId="5" fillId="0" borderId="0" xfId="0" applyNumberFormat="1" applyFont="1" applyAlignment="1">
      <alignment horizontal="left" vertical="center" shrinkToFit="1"/>
    </xf>
    <xf numFmtId="0" fontId="5" fillId="0" borderId="0" xfId="0" applyFont="1" applyAlignment="1">
      <alignment horizontal="center" vertical="center"/>
    </xf>
    <xf numFmtId="0" fontId="3" fillId="0" borderId="95" xfId="0" applyFont="1" applyBorder="1" applyAlignment="1">
      <alignment horizontal="center" vertical="center"/>
    </xf>
    <xf numFmtId="0" fontId="3" fillId="0" borderId="77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185" fontId="0" fillId="0" borderId="0" xfId="0" applyNumberFormat="1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77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85" xfId="0" applyFont="1" applyBorder="1" applyAlignment="1">
      <alignment horizontal="center" vertical="center"/>
    </xf>
    <xf numFmtId="0" fontId="0" fillId="0" borderId="70" xfId="0" applyFont="1" applyBorder="1" applyAlignment="1">
      <alignment horizontal="center" vertical="center"/>
    </xf>
    <xf numFmtId="0" fontId="0" fillId="0" borderId="86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0" fillId="0" borderId="57" xfId="0" applyFont="1" applyBorder="1" applyAlignment="1">
      <alignment horizontal="center" vertical="center"/>
    </xf>
    <xf numFmtId="0" fontId="0" fillId="0" borderId="59" xfId="0" applyFont="1" applyBorder="1" applyAlignment="1">
      <alignment horizontal="center" vertical="center"/>
    </xf>
    <xf numFmtId="0" fontId="0" fillId="0" borderId="92" xfId="0" applyFont="1" applyBorder="1" applyAlignment="1">
      <alignment horizontal="center" vertical="center"/>
    </xf>
    <xf numFmtId="0" fontId="0" fillId="0" borderId="87" xfId="0" applyFont="1" applyBorder="1" applyAlignment="1">
      <alignment horizontal="center" vertical="center"/>
    </xf>
    <xf numFmtId="0" fontId="0" fillId="0" borderId="88" xfId="0" applyFont="1" applyBorder="1" applyAlignment="1">
      <alignment horizontal="center" vertical="center"/>
    </xf>
    <xf numFmtId="0" fontId="0" fillId="0" borderId="87" xfId="0" applyFont="1" applyBorder="1" applyAlignment="1">
      <alignment horizontal="left" vertical="center"/>
    </xf>
    <xf numFmtId="0" fontId="0" fillId="0" borderId="88" xfId="0" applyFont="1" applyBorder="1" applyAlignment="1">
      <alignment horizontal="left" vertical="center"/>
    </xf>
    <xf numFmtId="0" fontId="0" fillId="0" borderId="1" xfId="0" applyFont="1" applyBorder="1" applyAlignment="1">
      <alignment horizontal="left" vertical="center"/>
    </xf>
    <xf numFmtId="0" fontId="0" fillId="0" borderId="77" xfId="0" applyFont="1" applyBorder="1" applyAlignment="1">
      <alignment horizontal="left" vertical="center"/>
    </xf>
    <xf numFmtId="0" fontId="0" fillId="0" borderId="10" xfId="0" applyFont="1" applyBorder="1" applyAlignment="1">
      <alignment horizontal="left" vertical="center"/>
    </xf>
    <xf numFmtId="186" fontId="5" fillId="0" borderId="0" xfId="0" applyNumberFormat="1" applyFont="1" applyBorder="1" applyAlignment="1">
      <alignment horizontal="right" vertical="center"/>
    </xf>
    <xf numFmtId="0" fontId="0" fillId="0" borderId="28" xfId="0" applyFont="1" applyBorder="1" applyAlignment="1">
      <alignment horizontal="center" vertical="center"/>
    </xf>
    <xf numFmtId="0" fontId="0" fillId="0" borderId="16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80" xfId="0" applyFont="1" applyBorder="1" applyAlignment="1">
      <alignment horizontal="center" vertical="center"/>
    </xf>
    <xf numFmtId="182" fontId="0" fillId="0" borderId="0" xfId="0" applyNumberFormat="1" applyFont="1" applyAlignment="1">
      <alignment horizontal="center" vertical="center"/>
    </xf>
    <xf numFmtId="0" fontId="2" fillId="0" borderId="37" xfId="3" applyFont="1" applyBorder="1" applyAlignment="1">
      <alignment horizontal="center" vertical="center"/>
    </xf>
    <xf numFmtId="0" fontId="2" fillId="0" borderId="40" xfId="3" applyFont="1" applyBorder="1" applyAlignment="1">
      <alignment horizontal="center" vertical="center"/>
    </xf>
    <xf numFmtId="0" fontId="2" fillId="0" borderId="34" xfId="3" applyFont="1" applyBorder="1" applyAlignment="1">
      <alignment horizontal="center" vertical="center"/>
    </xf>
    <xf numFmtId="0" fontId="2" fillId="0" borderId="35" xfId="3" applyFont="1" applyBorder="1" applyAlignment="1">
      <alignment horizontal="center" vertical="center"/>
    </xf>
    <xf numFmtId="0" fontId="2" fillId="0" borderId="36" xfId="3" applyFont="1" applyBorder="1" applyAlignment="1">
      <alignment horizontal="center" vertical="center"/>
    </xf>
    <xf numFmtId="0" fontId="2" fillId="0" borderId="51" xfId="3" applyFont="1" applyBorder="1" applyAlignment="1">
      <alignment horizontal="center" vertical="center"/>
    </xf>
    <xf numFmtId="0" fontId="2" fillId="0" borderId="43" xfId="3" applyFont="1" applyBorder="1" applyAlignment="1">
      <alignment horizontal="center" vertical="center"/>
    </xf>
    <xf numFmtId="0" fontId="2" fillId="0" borderId="1" xfId="3" applyFont="1" applyBorder="1" applyAlignment="1">
      <alignment horizontal="center" vertical="center"/>
    </xf>
    <xf numFmtId="0" fontId="2" fillId="0" borderId="28" xfId="3" applyFont="1" applyBorder="1" applyAlignment="1">
      <alignment horizontal="center" vertical="center"/>
    </xf>
    <xf numFmtId="0" fontId="2" fillId="0" borderId="85" xfId="3" applyFont="1" applyBorder="1" applyAlignment="1">
      <alignment horizontal="center" vertical="center"/>
    </xf>
    <xf numFmtId="0" fontId="2" fillId="0" borderId="97" xfId="3" applyFont="1" applyBorder="1" applyAlignment="1">
      <alignment horizontal="center" vertical="center"/>
    </xf>
    <xf numFmtId="0" fontId="2" fillId="0" borderId="98" xfId="3" applyFont="1" applyBorder="1" applyAlignment="1">
      <alignment horizontal="center" vertical="center"/>
    </xf>
    <xf numFmtId="0" fontId="2" fillId="0" borderId="99" xfId="3" applyFont="1" applyBorder="1" applyAlignment="1">
      <alignment horizontal="center" vertical="center"/>
    </xf>
    <xf numFmtId="182" fontId="2" fillId="0" borderId="0" xfId="0" applyNumberFormat="1" applyFont="1" applyAlignment="1">
      <alignment horizontal="center" vertical="center"/>
    </xf>
    <xf numFmtId="0" fontId="2" fillId="0" borderId="18" xfId="3" applyFont="1" applyBorder="1" applyAlignment="1">
      <alignment horizontal="center" vertical="center"/>
    </xf>
    <xf numFmtId="0" fontId="2" fillId="0" borderId="2" xfId="3" applyFont="1" applyBorder="1" applyAlignment="1">
      <alignment horizontal="center" vertical="center"/>
    </xf>
    <xf numFmtId="0" fontId="2" fillId="0" borderId="80" xfId="3" applyFont="1" applyBorder="1" applyAlignment="1">
      <alignment horizontal="center" vertical="center"/>
    </xf>
    <xf numFmtId="0" fontId="0" fillId="0" borderId="34" xfId="3" applyFont="1" applyBorder="1" applyAlignment="1">
      <alignment horizontal="center" vertical="center"/>
    </xf>
    <xf numFmtId="0" fontId="0" fillId="0" borderId="35" xfId="3" applyFont="1" applyBorder="1" applyAlignment="1">
      <alignment horizontal="center" vertical="center"/>
    </xf>
    <xf numFmtId="0" fontId="0" fillId="0" borderId="36" xfId="3" applyFont="1" applyBorder="1" applyAlignment="1">
      <alignment horizontal="center" vertical="center"/>
    </xf>
    <xf numFmtId="0" fontId="0" fillId="0" borderId="51" xfId="3" applyFont="1" applyBorder="1" applyAlignment="1">
      <alignment horizontal="center" vertical="center"/>
    </xf>
    <xf numFmtId="0" fontId="0" fillId="0" borderId="37" xfId="3" applyFont="1" applyBorder="1" applyAlignment="1">
      <alignment horizontal="center" vertical="center"/>
    </xf>
    <xf numFmtId="0" fontId="0" fillId="0" borderId="40" xfId="3" applyFont="1" applyBorder="1" applyAlignment="1">
      <alignment horizontal="center" vertical="center"/>
    </xf>
    <xf numFmtId="0" fontId="0" fillId="0" borderId="43" xfId="3" applyFont="1" applyBorder="1" applyAlignment="1">
      <alignment horizontal="center" vertical="center"/>
    </xf>
    <xf numFmtId="0" fontId="0" fillId="0" borderId="97" xfId="3" applyFont="1" applyBorder="1" applyAlignment="1">
      <alignment horizontal="center" vertical="center"/>
    </xf>
    <xf numFmtId="0" fontId="0" fillId="0" borderId="98" xfId="3" applyFont="1" applyBorder="1" applyAlignment="1">
      <alignment horizontal="center" vertical="center"/>
    </xf>
    <xf numFmtId="0" fontId="0" fillId="0" borderId="99" xfId="3" applyFont="1" applyBorder="1" applyAlignment="1">
      <alignment horizontal="center" vertical="center"/>
    </xf>
    <xf numFmtId="0" fontId="0" fillId="0" borderId="18" xfId="3" applyFont="1" applyBorder="1" applyAlignment="1">
      <alignment horizontal="center" vertical="center"/>
    </xf>
    <xf numFmtId="0" fontId="0" fillId="0" borderId="2" xfId="3" applyFont="1" applyBorder="1" applyAlignment="1">
      <alignment horizontal="center" vertical="center"/>
    </xf>
    <xf numFmtId="0" fontId="0" fillId="0" borderId="80" xfId="3" applyFont="1" applyBorder="1" applyAlignment="1">
      <alignment horizontal="center" vertical="center"/>
    </xf>
    <xf numFmtId="0" fontId="0" fillId="0" borderId="1" xfId="3" applyFont="1" applyBorder="1" applyAlignment="1">
      <alignment horizontal="center" vertical="center"/>
    </xf>
    <xf numFmtId="0" fontId="0" fillId="0" borderId="28" xfId="3" applyFont="1" applyBorder="1" applyAlignment="1">
      <alignment horizontal="center" vertical="center"/>
    </xf>
    <xf numFmtId="0" fontId="0" fillId="0" borderId="85" xfId="3" applyFont="1" applyBorder="1" applyAlignment="1">
      <alignment horizontal="center" vertical="center"/>
    </xf>
    <xf numFmtId="0" fontId="0" fillId="0" borderId="92" xfId="3" applyFont="1" applyBorder="1" applyAlignment="1">
      <alignment horizontal="center" vertical="center"/>
    </xf>
    <xf numFmtId="0" fontId="0" fillId="0" borderId="87" xfId="3" applyFont="1" applyBorder="1" applyAlignment="1">
      <alignment horizontal="center" vertical="center"/>
    </xf>
    <xf numFmtId="0" fontId="0" fillId="0" borderId="88" xfId="3" applyFont="1" applyBorder="1" applyAlignment="1">
      <alignment horizontal="center" vertical="center"/>
    </xf>
    <xf numFmtId="0" fontId="0" fillId="0" borderId="81" xfId="3" applyFont="1" applyBorder="1" applyAlignment="1">
      <alignment horizontal="center" vertical="center"/>
    </xf>
    <xf numFmtId="0" fontId="0" fillId="0" borderId="82" xfId="3" applyFont="1" applyBorder="1" applyAlignment="1">
      <alignment horizontal="center" vertical="center"/>
    </xf>
    <xf numFmtId="0" fontId="0" fillId="0" borderId="91" xfId="3" applyFont="1" applyBorder="1" applyAlignment="1">
      <alignment horizontal="center" vertical="center"/>
    </xf>
    <xf numFmtId="0" fontId="0" fillId="0" borderId="77" xfId="3" applyFont="1" applyBorder="1" applyAlignment="1">
      <alignment horizontal="center" vertical="center"/>
    </xf>
    <xf numFmtId="0" fontId="0" fillId="0" borderId="10" xfId="3" applyFont="1" applyBorder="1" applyAlignment="1">
      <alignment horizontal="center" vertical="center"/>
    </xf>
    <xf numFmtId="0" fontId="0" fillId="0" borderId="52" xfId="3" applyFont="1" applyBorder="1" applyAlignment="1">
      <alignment horizontal="center" vertical="center"/>
    </xf>
    <xf numFmtId="0" fontId="0" fillId="0" borderId="60" xfId="3" applyFont="1" applyBorder="1" applyAlignment="1">
      <alignment horizontal="center" vertical="center"/>
    </xf>
    <xf numFmtId="0" fontId="0" fillId="0" borderId="58" xfId="3" applyFont="1" applyBorder="1" applyAlignment="1">
      <alignment horizontal="center" vertical="center"/>
    </xf>
    <xf numFmtId="0" fontId="0" fillId="0" borderId="44" xfId="3" applyFont="1" applyBorder="1" applyAlignment="1">
      <alignment horizontal="center" vertical="center"/>
    </xf>
    <xf numFmtId="0" fontId="0" fillId="0" borderId="27" xfId="3" applyFont="1" applyBorder="1" applyAlignment="1">
      <alignment horizontal="center" vertical="center"/>
    </xf>
    <xf numFmtId="0" fontId="0" fillId="0" borderId="93" xfId="3" applyFont="1" applyBorder="1" applyAlignment="1">
      <alignment horizontal="center" vertical="center"/>
    </xf>
    <xf numFmtId="0" fontId="0" fillId="0" borderId="84" xfId="3" applyFont="1" applyBorder="1" applyAlignment="1">
      <alignment horizontal="center" vertical="center"/>
    </xf>
    <xf numFmtId="0" fontId="0" fillId="0" borderId="79" xfId="3" applyFont="1" applyBorder="1" applyAlignment="1">
      <alignment horizontal="center" vertical="center"/>
    </xf>
    <xf numFmtId="0" fontId="0" fillId="0" borderId="5" xfId="3" applyFont="1" applyBorder="1" applyAlignment="1">
      <alignment horizontal="center" vertical="center"/>
    </xf>
    <xf numFmtId="0" fontId="0" fillId="0" borderId="46" xfId="3" applyFont="1" applyBorder="1" applyAlignment="1">
      <alignment horizontal="center" vertical="center"/>
    </xf>
    <xf numFmtId="0" fontId="0" fillId="0" borderId="54" xfId="3" applyFont="1" applyBorder="1" applyAlignment="1">
      <alignment horizontal="center" vertical="center"/>
    </xf>
    <xf numFmtId="0" fontId="0" fillId="0" borderId="38" xfId="3" applyFont="1" applyBorder="1" applyAlignment="1">
      <alignment horizontal="center" vertical="center"/>
    </xf>
    <xf numFmtId="0" fontId="0" fillId="0" borderId="39" xfId="3" applyFont="1" applyBorder="1" applyAlignment="1">
      <alignment horizontal="center" vertical="center"/>
    </xf>
    <xf numFmtId="0" fontId="0" fillId="0" borderId="8" xfId="3" applyFont="1" applyBorder="1" applyAlignment="1">
      <alignment horizontal="center" vertical="center"/>
    </xf>
    <xf numFmtId="0" fontId="0" fillId="0" borderId="9" xfId="3" applyFont="1" applyBorder="1" applyAlignment="1">
      <alignment horizontal="center" vertical="center"/>
    </xf>
    <xf numFmtId="0" fontId="0" fillId="0" borderId="81" xfId="0" applyFont="1" applyBorder="1" applyAlignment="1">
      <alignment horizontal="center" vertical="center"/>
    </xf>
    <xf numFmtId="0" fontId="0" fillId="0" borderId="82" xfId="0" applyFont="1" applyBorder="1" applyAlignment="1">
      <alignment horizontal="center" vertical="center"/>
    </xf>
    <xf numFmtId="0" fontId="0" fillId="0" borderId="78" xfId="0" applyFont="1" applyBorder="1" applyAlignment="1">
      <alignment horizontal="center" vertical="center"/>
    </xf>
    <xf numFmtId="0" fontId="0" fillId="0" borderId="1" xfId="0" applyFont="1" applyBorder="1" applyAlignment="1">
      <alignment vertical="center"/>
    </xf>
    <xf numFmtId="0" fontId="0" fillId="0" borderId="77" xfId="0" applyFont="1" applyBorder="1" applyAlignment="1">
      <alignment vertical="center"/>
    </xf>
    <xf numFmtId="0" fontId="0" fillId="0" borderId="10" xfId="0" applyFont="1" applyBorder="1" applyAlignment="1">
      <alignment vertical="center"/>
    </xf>
    <xf numFmtId="0" fontId="0" fillId="0" borderId="77" xfId="0" applyFont="1" applyBorder="1" applyAlignment="1"/>
    <xf numFmtId="0" fontId="0" fillId="0" borderId="10" xfId="0" applyFont="1" applyBorder="1" applyAlignment="1"/>
    <xf numFmtId="0" fontId="0" fillId="0" borderId="8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38" xfId="0" applyFont="1" applyBorder="1" applyAlignment="1">
      <alignment horizontal="center" vertical="center"/>
    </xf>
    <xf numFmtId="0" fontId="0" fillId="0" borderId="65" xfId="0" applyFont="1" applyBorder="1" applyAlignment="1">
      <alignment horizontal="center" vertical="center"/>
    </xf>
    <xf numFmtId="0" fontId="0" fillId="0" borderId="56" xfId="0" applyFont="1" applyBorder="1" applyAlignment="1">
      <alignment horizontal="center" vertical="center"/>
    </xf>
    <xf numFmtId="0" fontId="0" fillId="0" borderId="47" xfId="0" applyFont="1" applyBorder="1" applyAlignment="1">
      <alignment horizontal="center" vertical="center"/>
    </xf>
    <xf numFmtId="0" fontId="0" fillId="0" borderId="48" xfId="0" applyFont="1" applyBorder="1" applyAlignment="1">
      <alignment horizontal="center" vertical="center" wrapText="1"/>
    </xf>
    <xf numFmtId="0" fontId="0" fillId="0" borderId="29" xfId="0" applyFont="1" applyBorder="1" applyAlignment="1">
      <alignment horizontal="center" vertical="center" wrapText="1"/>
    </xf>
    <xf numFmtId="0" fontId="0" fillId="0" borderId="49" xfId="0" applyFont="1" applyBorder="1" applyAlignment="1">
      <alignment horizontal="center" vertical="center"/>
    </xf>
    <xf numFmtId="0" fontId="0" fillId="0" borderId="42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74" xfId="0" applyFont="1" applyBorder="1" applyAlignment="1">
      <alignment horizontal="center" vertical="center"/>
    </xf>
    <xf numFmtId="0" fontId="0" fillId="0" borderId="75" xfId="0" applyFont="1" applyBorder="1" applyAlignment="1">
      <alignment horizontal="center" vertical="center"/>
    </xf>
    <xf numFmtId="0" fontId="0" fillId="0" borderId="57" xfId="0" applyFont="1" applyBorder="1" applyAlignment="1">
      <alignment horizontal="center" vertical="center" wrapText="1"/>
    </xf>
    <xf numFmtId="0" fontId="0" fillId="0" borderId="76" xfId="0" applyFont="1" applyBorder="1" applyAlignment="1">
      <alignment horizontal="center" vertical="center" wrapText="1"/>
    </xf>
    <xf numFmtId="0" fontId="0" fillId="0" borderId="56" xfId="0" applyFont="1" applyBorder="1" applyAlignment="1">
      <alignment horizontal="center" vertical="center" wrapText="1"/>
    </xf>
    <xf numFmtId="0" fontId="0" fillId="0" borderId="59" xfId="0" applyFont="1" applyBorder="1" applyAlignment="1">
      <alignment horizontal="center" vertical="center" wrapText="1"/>
    </xf>
    <xf numFmtId="0" fontId="0" fillId="0" borderId="55" xfId="0" applyFont="1" applyBorder="1" applyAlignment="1">
      <alignment horizontal="center" vertical="center"/>
    </xf>
    <xf numFmtId="182" fontId="0" fillId="0" borderId="0" xfId="0" applyNumberFormat="1" applyFont="1" applyAlignment="1">
      <alignment horizontal="left" vertical="center"/>
    </xf>
    <xf numFmtId="182" fontId="0" fillId="0" borderId="0" xfId="0" applyNumberFormat="1" applyFont="1" applyBorder="1" applyAlignment="1">
      <alignment horizontal="left" vertical="center"/>
    </xf>
    <xf numFmtId="0" fontId="0" fillId="0" borderId="30" xfId="0" applyFont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57" xfId="0" applyFont="1" applyFill="1" applyBorder="1" applyAlignment="1">
      <alignment horizontal="center" vertical="center"/>
    </xf>
    <xf numFmtId="0" fontId="0" fillId="0" borderId="59" xfId="0" applyFont="1" applyFill="1" applyBorder="1" applyAlignment="1">
      <alignment horizontal="center" vertical="center"/>
    </xf>
    <xf numFmtId="0" fontId="0" fillId="0" borderId="97" xfId="0" applyFont="1" applyBorder="1" applyAlignment="1">
      <alignment horizontal="center" vertical="center"/>
    </xf>
    <xf numFmtId="0" fontId="0" fillId="0" borderId="98" xfId="0" applyFont="1" applyBorder="1" applyAlignment="1">
      <alignment horizontal="center" vertical="center"/>
    </xf>
    <xf numFmtId="0" fontId="0" fillId="0" borderId="99" xfId="0" applyFont="1" applyBorder="1" applyAlignment="1">
      <alignment horizontal="center" vertical="center"/>
    </xf>
    <xf numFmtId="0" fontId="0" fillId="0" borderId="34" xfId="0" applyFont="1" applyBorder="1" applyAlignment="1">
      <alignment horizontal="center" vertical="center"/>
    </xf>
    <xf numFmtId="0" fontId="0" fillId="0" borderId="35" xfId="0" applyFont="1" applyBorder="1" applyAlignment="1">
      <alignment horizontal="center" vertical="center"/>
    </xf>
    <xf numFmtId="0" fontId="0" fillId="0" borderId="79" xfId="0" applyFont="1" applyBorder="1" applyAlignment="1">
      <alignment horizontal="center" vertical="center"/>
    </xf>
    <xf numFmtId="182" fontId="0" fillId="0" borderId="0" xfId="0" applyNumberFormat="1" applyFont="1" applyBorder="1" applyAlignment="1">
      <alignment horizontal="center" vertical="center"/>
    </xf>
    <xf numFmtId="0" fontId="0" fillId="0" borderId="90" xfId="0" applyFont="1" applyBorder="1" applyAlignment="1">
      <alignment horizontal="center" vertical="center"/>
    </xf>
    <xf numFmtId="0" fontId="0" fillId="0" borderId="73" xfId="0" applyFont="1" applyBorder="1" applyAlignment="1">
      <alignment horizontal="center" vertical="center"/>
    </xf>
    <xf numFmtId="0" fontId="0" fillId="0" borderId="39" xfId="0" applyFont="1" applyBorder="1" applyAlignment="1">
      <alignment horizontal="center" vertical="center"/>
    </xf>
    <xf numFmtId="0" fontId="0" fillId="0" borderId="40" xfId="0" applyFont="1" applyBorder="1" applyAlignment="1">
      <alignment horizontal="center" vertical="center"/>
    </xf>
    <xf numFmtId="0" fontId="0" fillId="0" borderId="31" xfId="0" applyFont="1" applyBorder="1" applyAlignment="1">
      <alignment horizontal="center" vertical="center"/>
    </xf>
    <xf numFmtId="0" fontId="0" fillId="0" borderId="32" xfId="0" applyFont="1" applyBorder="1" applyAlignment="1">
      <alignment horizontal="center" vertical="center"/>
    </xf>
    <xf numFmtId="0" fontId="0" fillId="0" borderId="19" xfId="0" applyFont="1" applyBorder="1" applyAlignment="1">
      <alignment horizontal="center" vertical="center"/>
    </xf>
    <xf numFmtId="0" fontId="0" fillId="0" borderId="77" xfId="0" applyFont="1" applyBorder="1" applyAlignment="1">
      <alignment vertical="top"/>
    </xf>
    <xf numFmtId="0" fontId="0" fillId="0" borderId="0" xfId="0" applyFont="1" applyBorder="1" applyAlignment="1">
      <alignment vertical="top"/>
    </xf>
    <xf numFmtId="0" fontId="0" fillId="0" borderId="57" xfId="0" applyFont="1" applyBorder="1" applyAlignment="1">
      <alignment vertical="top"/>
    </xf>
    <xf numFmtId="0" fontId="0" fillId="0" borderId="16" xfId="0" applyFont="1" applyBorder="1" applyAlignment="1">
      <alignment vertical="center"/>
    </xf>
    <xf numFmtId="0" fontId="0" fillId="0" borderId="2" xfId="0" applyFont="1" applyBorder="1" applyAlignment="1">
      <alignment vertical="center"/>
    </xf>
    <xf numFmtId="0" fontId="0" fillId="0" borderId="80" xfId="0" applyFont="1" applyBorder="1" applyAlignment="1">
      <alignment vertical="center"/>
    </xf>
    <xf numFmtId="0" fontId="0" fillId="0" borderId="9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0" fontId="0" fillId="0" borderId="41" xfId="0" applyFont="1" applyBorder="1" applyAlignment="1">
      <alignment horizontal="center" vertical="center"/>
    </xf>
    <xf numFmtId="0" fontId="0" fillId="0" borderId="72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  <xf numFmtId="0" fontId="0" fillId="0" borderId="53" xfId="0" applyFont="1" applyBorder="1" applyAlignment="1">
      <alignment horizontal="center" vertical="center"/>
    </xf>
    <xf numFmtId="0" fontId="0" fillId="0" borderId="46" xfId="0" applyFont="1" applyBorder="1" applyAlignment="1">
      <alignment horizontal="center" vertical="center"/>
    </xf>
    <xf numFmtId="0" fontId="0" fillId="0" borderId="48" xfId="0" applyFont="1" applyBorder="1" applyAlignment="1">
      <alignment horizontal="center" vertical="center"/>
    </xf>
    <xf numFmtId="0" fontId="0" fillId="0" borderId="94" xfId="0" applyFont="1" applyBorder="1" applyAlignment="1">
      <alignment horizontal="center" vertical="center"/>
    </xf>
    <xf numFmtId="0" fontId="0" fillId="0" borderId="84" xfId="0" applyFont="1" applyBorder="1" applyAlignment="1">
      <alignment horizontal="center" vertical="center"/>
    </xf>
    <xf numFmtId="0" fontId="0" fillId="0" borderId="66" xfId="0" applyFont="1" applyBorder="1" applyAlignment="1">
      <alignment horizontal="center" vertical="center"/>
    </xf>
    <xf numFmtId="0" fontId="0" fillId="0" borderId="89" xfId="0" applyFont="1" applyBorder="1" applyAlignment="1">
      <alignment horizontal="center" vertical="center"/>
    </xf>
    <xf numFmtId="0" fontId="0" fillId="0" borderId="83" xfId="0" applyFont="1" applyBorder="1" applyAlignment="1">
      <alignment horizontal="center" vertical="center"/>
    </xf>
    <xf numFmtId="0" fontId="0" fillId="0" borderId="29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101" xfId="0" applyFont="1" applyBorder="1" applyAlignment="1">
      <alignment horizontal="center" vertical="center"/>
    </xf>
    <xf numFmtId="0" fontId="0" fillId="0" borderId="28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101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77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100" xfId="0" applyFont="1" applyBorder="1" applyAlignment="1">
      <alignment horizontal="center" vertical="center"/>
    </xf>
    <xf numFmtId="0" fontId="0" fillId="0" borderId="27" xfId="0" applyFont="1" applyBorder="1" applyAlignment="1">
      <alignment horizontal="center" vertical="center"/>
    </xf>
    <xf numFmtId="0" fontId="0" fillId="0" borderId="14" xfId="0" applyFont="1" applyBorder="1" applyAlignment="1">
      <alignment horizontal="center" vertical="center"/>
    </xf>
  </cellXfs>
  <cellStyles count="5">
    <cellStyle name="桁区切り" xfId="1" builtinId="6"/>
    <cellStyle name="桁区切り 2" xfId="4"/>
    <cellStyle name="標準" xfId="0" builtinId="0"/>
    <cellStyle name="標準 2" xfId="3"/>
    <cellStyle name="標準_Sheet1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M41"/>
  <sheetViews>
    <sheetView tabSelected="1" zoomScaleNormal="100" workbookViewId="0">
      <pane xSplit="5" ySplit="8" topLeftCell="F9" activePane="bottomRight" state="frozen"/>
      <selection activeCell="F37" sqref="F37"/>
      <selection pane="topRight" activeCell="F37" sqref="F37"/>
      <selection pane="bottomLeft" activeCell="F37" sqref="F37"/>
      <selection pane="bottomRight" activeCell="F8" sqref="F8"/>
    </sheetView>
  </sheetViews>
  <sheetFormatPr defaultColWidth="9" defaultRowHeight="13.2" x14ac:dyDescent="0.2"/>
  <cols>
    <col min="1" max="1" width="3.88671875" style="1" customWidth="1"/>
    <col min="2" max="2" width="3.109375" style="1" customWidth="1"/>
    <col min="3" max="3" width="3" style="1" customWidth="1"/>
    <col min="4" max="4" width="6.77734375" style="1" customWidth="1"/>
    <col min="5" max="5" width="10.77734375" style="1" customWidth="1"/>
    <col min="6" max="6" width="13.109375" style="1" customWidth="1"/>
    <col min="7" max="9" width="12.44140625" style="1" customWidth="1"/>
    <col min="10" max="10" width="9.77734375" style="1" customWidth="1"/>
    <col min="11" max="16384" width="9" style="1"/>
  </cols>
  <sheetData>
    <row r="1" spans="1:13" ht="24" customHeight="1" x14ac:dyDescent="0.2">
      <c r="B1" s="2"/>
      <c r="C1" s="2"/>
      <c r="D1" s="2"/>
      <c r="E1" s="420" t="s">
        <v>0</v>
      </c>
      <c r="F1" s="420"/>
      <c r="G1" s="420"/>
      <c r="H1" s="420"/>
      <c r="I1" s="2"/>
      <c r="J1" s="2"/>
      <c r="K1" s="2"/>
      <c r="L1" s="2"/>
    </row>
    <row r="2" spans="1:13" ht="24" customHeight="1" x14ac:dyDescent="0.2">
      <c r="A2" s="2"/>
      <c r="B2" s="2"/>
      <c r="C2" s="2"/>
      <c r="D2" s="2"/>
      <c r="E2" s="2"/>
      <c r="F2" s="41">
        <v>7</v>
      </c>
      <c r="G2" s="16">
        <v>2</v>
      </c>
      <c r="H2" s="2"/>
      <c r="I2" s="2"/>
      <c r="J2" s="2"/>
      <c r="K2" s="2"/>
      <c r="L2" s="2"/>
      <c r="M2" s="2"/>
    </row>
    <row r="3" spans="1:13" ht="24" customHeight="1" x14ac:dyDescent="0.2"/>
    <row r="4" spans="1:13" ht="20.25" customHeight="1" x14ac:dyDescent="0.2">
      <c r="D4" s="3"/>
      <c r="E4" s="4" t="s">
        <v>1</v>
      </c>
      <c r="F4" s="3"/>
      <c r="H4" s="23">
        <f>G2</f>
        <v>2</v>
      </c>
    </row>
    <row r="5" spans="1:13" ht="10.5" customHeight="1" thickBot="1" x14ac:dyDescent="0.25">
      <c r="E5" s="5"/>
    </row>
    <row r="6" spans="1:13" ht="21" customHeight="1" x14ac:dyDescent="0.2">
      <c r="E6" s="38"/>
      <c r="F6" s="421" t="s">
        <v>2</v>
      </c>
      <c r="G6" s="422"/>
      <c r="H6" s="422"/>
      <c r="I6" s="423"/>
    </row>
    <row r="7" spans="1:13" ht="21" customHeight="1" x14ac:dyDescent="0.2">
      <c r="E7" s="6"/>
      <c r="F7" s="7"/>
      <c r="G7" s="8" t="s">
        <v>3</v>
      </c>
      <c r="H7" s="39" t="s">
        <v>146</v>
      </c>
      <c r="I7" s="40" t="s">
        <v>145</v>
      </c>
    </row>
    <row r="8" spans="1:13" ht="21" customHeight="1" x14ac:dyDescent="0.2">
      <c r="E8" s="65" t="s">
        <v>4</v>
      </c>
      <c r="F8" s="43">
        <v>2357618</v>
      </c>
      <c r="G8" s="43">
        <v>969727</v>
      </c>
      <c r="H8" s="43">
        <v>963152</v>
      </c>
      <c r="I8" s="44">
        <v>424739</v>
      </c>
    </row>
    <row r="9" spans="1:13" ht="21" customHeight="1" x14ac:dyDescent="0.2">
      <c r="E9" s="66" t="s">
        <v>5</v>
      </c>
      <c r="F9" s="45">
        <v>942764</v>
      </c>
      <c r="G9" s="45">
        <v>388740</v>
      </c>
      <c r="H9" s="45">
        <v>378582</v>
      </c>
      <c r="I9" s="46">
        <v>175442</v>
      </c>
    </row>
    <row r="10" spans="1:13" ht="21" customHeight="1" x14ac:dyDescent="0.2">
      <c r="E10" s="66" t="s">
        <v>6</v>
      </c>
      <c r="F10" s="45">
        <v>311544</v>
      </c>
      <c r="G10" s="45">
        <v>135524</v>
      </c>
      <c r="H10" s="45">
        <v>121232</v>
      </c>
      <c r="I10" s="46">
        <v>54788</v>
      </c>
    </row>
    <row r="11" spans="1:13" ht="21" customHeight="1" x14ac:dyDescent="0.2">
      <c r="E11" s="66" t="s">
        <v>14</v>
      </c>
      <c r="F11" s="45">
        <v>189561</v>
      </c>
      <c r="G11" s="45">
        <v>78086</v>
      </c>
      <c r="H11" s="45">
        <v>79989</v>
      </c>
      <c r="I11" s="46">
        <v>31486</v>
      </c>
    </row>
    <row r="12" spans="1:13" ht="21" customHeight="1" x14ac:dyDescent="0.2">
      <c r="E12" s="66" t="s">
        <v>7</v>
      </c>
      <c r="F12" s="45">
        <v>124105</v>
      </c>
      <c r="G12" s="45">
        <v>47750</v>
      </c>
      <c r="H12" s="45">
        <v>52839</v>
      </c>
      <c r="I12" s="46">
        <v>23516</v>
      </c>
    </row>
    <row r="13" spans="1:13" ht="21" customHeight="1" x14ac:dyDescent="0.2">
      <c r="E13" s="66" t="s">
        <v>8</v>
      </c>
      <c r="F13" s="45">
        <v>74027</v>
      </c>
      <c r="G13" s="45">
        <v>30798</v>
      </c>
      <c r="H13" s="45">
        <v>30702</v>
      </c>
      <c r="I13" s="46">
        <v>12527</v>
      </c>
    </row>
    <row r="14" spans="1:13" ht="21" customHeight="1" x14ac:dyDescent="0.2">
      <c r="E14" s="66" t="s">
        <v>9</v>
      </c>
      <c r="F14" s="45">
        <v>53265</v>
      </c>
      <c r="G14" s="45">
        <v>19251</v>
      </c>
      <c r="H14" s="45">
        <v>21866</v>
      </c>
      <c r="I14" s="46">
        <v>12148</v>
      </c>
    </row>
    <row r="15" spans="1:13" ht="21" customHeight="1" x14ac:dyDescent="0.2">
      <c r="E15" s="66" t="s">
        <v>10</v>
      </c>
      <c r="F15" s="45">
        <v>109379</v>
      </c>
      <c r="G15" s="45">
        <v>43931</v>
      </c>
      <c r="H15" s="45">
        <v>45061</v>
      </c>
      <c r="I15" s="46">
        <v>20387</v>
      </c>
    </row>
    <row r="16" spans="1:13" ht="21" customHeight="1" x14ac:dyDescent="0.2">
      <c r="E16" s="66" t="s">
        <v>11</v>
      </c>
      <c r="F16" s="45">
        <v>57691</v>
      </c>
      <c r="G16" s="45">
        <v>23915</v>
      </c>
      <c r="H16" s="45">
        <v>23288</v>
      </c>
      <c r="I16" s="46">
        <v>10488</v>
      </c>
    </row>
    <row r="17" spans="5:13" ht="21" customHeight="1" x14ac:dyDescent="0.2">
      <c r="E17" s="66" t="s">
        <v>12</v>
      </c>
      <c r="F17" s="45">
        <v>66383</v>
      </c>
      <c r="G17" s="45">
        <v>26757</v>
      </c>
      <c r="H17" s="45">
        <v>27134</v>
      </c>
      <c r="I17" s="46">
        <v>12492</v>
      </c>
    </row>
    <row r="18" spans="5:13" ht="21" customHeight="1" x14ac:dyDescent="0.2">
      <c r="E18" s="66" t="s">
        <v>13</v>
      </c>
      <c r="F18" s="45">
        <v>18411</v>
      </c>
      <c r="G18" s="45">
        <v>6625</v>
      </c>
      <c r="H18" s="45">
        <v>7637</v>
      </c>
      <c r="I18" s="46">
        <v>4149</v>
      </c>
      <c r="M18" s="1" t="s">
        <v>87</v>
      </c>
    </row>
    <row r="19" spans="5:13" ht="21" customHeight="1" x14ac:dyDescent="0.2">
      <c r="E19" s="66" t="s">
        <v>15</v>
      </c>
      <c r="F19" s="45">
        <v>15797</v>
      </c>
      <c r="G19" s="45">
        <v>6395</v>
      </c>
      <c r="H19" s="45">
        <v>6541</v>
      </c>
      <c r="I19" s="46">
        <v>2861</v>
      </c>
    </row>
    <row r="20" spans="5:13" ht="21" customHeight="1" x14ac:dyDescent="0.2">
      <c r="E20" s="66" t="s">
        <v>16</v>
      </c>
      <c r="F20" s="45">
        <v>49669</v>
      </c>
      <c r="G20" s="45">
        <v>20894</v>
      </c>
      <c r="H20" s="45">
        <v>21317</v>
      </c>
      <c r="I20" s="46">
        <v>7458</v>
      </c>
    </row>
    <row r="21" spans="5:13" ht="21" customHeight="1" x14ac:dyDescent="0.2">
      <c r="E21" s="66" t="s">
        <v>17</v>
      </c>
      <c r="F21" s="45">
        <v>58994</v>
      </c>
      <c r="G21" s="45">
        <v>24872</v>
      </c>
      <c r="H21" s="45">
        <v>25262</v>
      </c>
      <c r="I21" s="46">
        <v>8860</v>
      </c>
    </row>
    <row r="22" spans="5:13" ht="21" customHeight="1" x14ac:dyDescent="0.2">
      <c r="E22" s="66" t="s">
        <v>18</v>
      </c>
      <c r="F22" s="45">
        <v>58644</v>
      </c>
      <c r="G22" s="45">
        <v>24260</v>
      </c>
      <c r="H22" s="45">
        <v>24624</v>
      </c>
      <c r="I22" s="46">
        <v>9760</v>
      </c>
    </row>
    <row r="23" spans="5:13" ht="21" customHeight="1" x14ac:dyDescent="0.2">
      <c r="E23" s="66" t="s">
        <v>19</v>
      </c>
      <c r="F23" s="45">
        <v>26794</v>
      </c>
      <c r="G23" s="45">
        <v>11018</v>
      </c>
      <c r="H23" s="45">
        <v>11318</v>
      </c>
      <c r="I23" s="46">
        <v>4458</v>
      </c>
    </row>
    <row r="24" spans="5:13" ht="21" customHeight="1" x14ac:dyDescent="0.2">
      <c r="E24" s="66" t="s">
        <v>20</v>
      </c>
      <c r="F24" s="45">
        <v>34426</v>
      </c>
      <c r="G24" s="45">
        <v>14337</v>
      </c>
      <c r="H24" s="45">
        <v>14648</v>
      </c>
      <c r="I24" s="46">
        <v>5441</v>
      </c>
    </row>
    <row r="25" spans="5:13" ht="21" customHeight="1" x14ac:dyDescent="0.2">
      <c r="E25" s="66" t="s">
        <v>21</v>
      </c>
      <c r="F25" s="45">
        <v>34761</v>
      </c>
      <c r="G25" s="45">
        <v>14498</v>
      </c>
      <c r="H25" s="45">
        <v>14655</v>
      </c>
      <c r="I25" s="46">
        <v>5608</v>
      </c>
    </row>
    <row r="26" spans="5:13" ht="21" customHeight="1" x14ac:dyDescent="0.2">
      <c r="E26" s="66" t="s">
        <v>22</v>
      </c>
      <c r="F26" s="45">
        <v>13614</v>
      </c>
      <c r="G26" s="45">
        <v>5351</v>
      </c>
      <c r="H26" s="45">
        <v>5698</v>
      </c>
      <c r="I26" s="46">
        <v>2565</v>
      </c>
    </row>
    <row r="27" spans="5:13" ht="21" customHeight="1" x14ac:dyDescent="0.2">
      <c r="E27" s="66" t="s">
        <v>23</v>
      </c>
      <c r="F27" s="45">
        <v>22549</v>
      </c>
      <c r="G27" s="45">
        <v>8481</v>
      </c>
      <c r="H27" s="45">
        <v>10439</v>
      </c>
      <c r="I27" s="46">
        <v>3629</v>
      </c>
    </row>
    <row r="28" spans="5:13" ht="21" customHeight="1" x14ac:dyDescent="0.2">
      <c r="E28" s="66" t="s">
        <v>24</v>
      </c>
      <c r="F28" s="45">
        <v>10068</v>
      </c>
      <c r="G28" s="45">
        <v>3594</v>
      </c>
      <c r="H28" s="45">
        <v>4329</v>
      </c>
      <c r="I28" s="46">
        <v>2145</v>
      </c>
    </row>
    <row r="29" spans="5:13" ht="21" customHeight="1" x14ac:dyDescent="0.2">
      <c r="E29" s="66" t="s">
        <v>25</v>
      </c>
      <c r="F29" s="45">
        <v>13485</v>
      </c>
      <c r="G29" s="45">
        <v>5694</v>
      </c>
      <c r="H29" s="45">
        <v>5767</v>
      </c>
      <c r="I29" s="46">
        <v>2024</v>
      </c>
    </row>
    <row r="30" spans="5:13" ht="21" customHeight="1" x14ac:dyDescent="0.2">
      <c r="E30" s="66" t="s">
        <v>26</v>
      </c>
      <c r="F30" s="45">
        <v>11042</v>
      </c>
      <c r="G30" s="45">
        <v>4231</v>
      </c>
      <c r="H30" s="45">
        <v>4798</v>
      </c>
      <c r="I30" s="46">
        <v>2013</v>
      </c>
    </row>
    <row r="31" spans="5:13" ht="21" customHeight="1" x14ac:dyDescent="0.2">
      <c r="E31" s="66" t="s">
        <v>27</v>
      </c>
      <c r="F31" s="45">
        <v>9757</v>
      </c>
      <c r="G31" s="45">
        <v>3634</v>
      </c>
      <c r="H31" s="45">
        <v>4161</v>
      </c>
      <c r="I31" s="46">
        <v>1962</v>
      </c>
    </row>
    <row r="32" spans="5:13" ht="21" customHeight="1" x14ac:dyDescent="0.2">
      <c r="E32" s="66" t="s">
        <v>28</v>
      </c>
      <c r="F32" s="45">
        <v>3228</v>
      </c>
      <c r="G32" s="45">
        <v>1345</v>
      </c>
      <c r="H32" s="45">
        <v>1411</v>
      </c>
      <c r="I32" s="46">
        <v>472</v>
      </c>
    </row>
    <row r="33" spans="5:9" ht="21" customHeight="1" x14ac:dyDescent="0.2">
      <c r="E33" s="66" t="s">
        <v>29</v>
      </c>
      <c r="F33" s="45">
        <v>4988</v>
      </c>
      <c r="G33" s="45">
        <v>2026</v>
      </c>
      <c r="H33" s="45">
        <v>2169</v>
      </c>
      <c r="I33" s="46">
        <v>793</v>
      </c>
    </row>
    <row r="34" spans="5:9" ht="21" customHeight="1" x14ac:dyDescent="0.2">
      <c r="E34" s="66" t="s">
        <v>30</v>
      </c>
      <c r="F34" s="45">
        <v>3709</v>
      </c>
      <c r="G34" s="45">
        <v>1486</v>
      </c>
      <c r="H34" s="45">
        <v>1507</v>
      </c>
      <c r="I34" s="46">
        <v>716</v>
      </c>
    </row>
    <row r="35" spans="5:9" ht="21" customHeight="1" x14ac:dyDescent="0.2">
      <c r="E35" s="66" t="s">
        <v>31</v>
      </c>
      <c r="F35" s="45">
        <v>3966</v>
      </c>
      <c r="G35" s="45">
        <v>1720</v>
      </c>
      <c r="H35" s="45">
        <v>1519</v>
      </c>
      <c r="I35" s="46">
        <v>727</v>
      </c>
    </row>
    <row r="36" spans="5:9" ht="21" customHeight="1" x14ac:dyDescent="0.2">
      <c r="E36" s="66" t="s">
        <v>32</v>
      </c>
      <c r="F36" s="45">
        <v>4692</v>
      </c>
      <c r="G36" s="45">
        <v>1931</v>
      </c>
      <c r="H36" s="45">
        <v>1940</v>
      </c>
      <c r="I36" s="46">
        <v>821</v>
      </c>
    </row>
    <row r="37" spans="5:9" ht="21" customHeight="1" x14ac:dyDescent="0.2">
      <c r="E37" s="66" t="s">
        <v>33</v>
      </c>
      <c r="F37" s="45">
        <v>4037</v>
      </c>
      <c r="G37" s="45">
        <v>1606</v>
      </c>
      <c r="H37" s="45">
        <v>1706</v>
      </c>
      <c r="I37" s="46">
        <v>725</v>
      </c>
    </row>
    <row r="38" spans="5:9" ht="21" customHeight="1" x14ac:dyDescent="0.2">
      <c r="E38" s="66" t="s">
        <v>34</v>
      </c>
      <c r="F38" s="45">
        <v>2997</v>
      </c>
      <c r="G38" s="45">
        <v>1197</v>
      </c>
      <c r="H38" s="45">
        <v>1245</v>
      </c>
      <c r="I38" s="46">
        <v>555</v>
      </c>
    </row>
    <row r="39" spans="5:9" ht="21" customHeight="1" x14ac:dyDescent="0.2">
      <c r="E39" s="66" t="s">
        <v>35</v>
      </c>
      <c r="F39" s="45">
        <v>9778</v>
      </c>
      <c r="G39" s="45">
        <v>3790</v>
      </c>
      <c r="H39" s="45">
        <v>4128</v>
      </c>
      <c r="I39" s="46">
        <v>1860</v>
      </c>
    </row>
    <row r="40" spans="5:9" ht="21" customHeight="1" x14ac:dyDescent="0.2">
      <c r="E40" s="66" t="s">
        <v>36</v>
      </c>
      <c r="F40" s="45">
        <v>12417</v>
      </c>
      <c r="G40" s="45">
        <v>5498</v>
      </c>
      <c r="H40" s="45">
        <v>5217</v>
      </c>
      <c r="I40" s="46">
        <v>1702</v>
      </c>
    </row>
    <row r="41" spans="5:9" ht="21" customHeight="1" thickBot="1" x14ac:dyDescent="0.25">
      <c r="E41" s="67" t="s">
        <v>37</v>
      </c>
      <c r="F41" s="47">
        <v>1076</v>
      </c>
      <c r="G41" s="47">
        <v>492</v>
      </c>
      <c r="H41" s="47">
        <v>423</v>
      </c>
      <c r="I41" s="48">
        <v>161</v>
      </c>
    </row>
  </sheetData>
  <mergeCells count="2">
    <mergeCell ref="E1:H1"/>
    <mergeCell ref="F6:I6"/>
  </mergeCells>
  <phoneticPr fontId="4"/>
  <pageMargins left="0.78740157480314965" right="0.78740157480314965" top="0.98425196850393704" bottom="0.98425196850393704" header="0.51181102362204722" footer="0.51181102362204722"/>
  <pageSetup paperSize="9" scale="87" orientation="portrait" r:id="rId1"/>
  <headerFooter alignWithMargins="0">
    <oddFooter>&amp;L&amp;A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DH40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5" width="9" style="175"/>
    <col min="6" max="6" width="7.77734375" style="175" customWidth="1"/>
    <col min="7" max="7" width="9" style="175"/>
    <col min="8" max="8" width="10.6640625" style="175" customWidth="1"/>
    <col min="9" max="16" width="9" style="175"/>
    <col min="17" max="17" width="7.88671875" style="175" customWidth="1"/>
    <col min="18" max="27" width="9" style="175"/>
    <col min="28" max="28" width="7.77734375" style="175" customWidth="1"/>
    <col min="29" max="38" width="9" style="175"/>
    <col min="39" max="39" width="6.77734375" style="175" customWidth="1"/>
    <col min="40" max="49" width="9" style="175"/>
    <col min="50" max="50" width="7.77734375" style="175" customWidth="1"/>
    <col min="51" max="60" width="9" style="175"/>
    <col min="61" max="61" width="7.44140625" style="175" customWidth="1"/>
    <col min="62" max="71" width="9" style="175"/>
    <col min="72" max="72" width="7.33203125" style="175" customWidth="1"/>
    <col min="73" max="82" width="9" style="175"/>
    <col min="83" max="83" width="7.44140625" style="175" customWidth="1"/>
    <col min="84" max="93" width="9" style="175"/>
    <col min="94" max="94" width="7.6640625" style="175" customWidth="1"/>
    <col min="95" max="16384" width="9" style="175"/>
  </cols>
  <sheetData>
    <row r="1" spans="2:112" ht="24" customHeight="1" x14ac:dyDescent="0.2">
      <c r="B1" s="142" t="s">
        <v>121</v>
      </c>
      <c r="J1" s="442">
        <f>第１表!F2</f>
        <v>7</v>
      </c>
      <c r="K1" s="442"/>
      <c r="L1" s="18">
        <f>第１表!G2</f>
        <v>2</v>
      </c>
      <c r="M1" s="447">
        <f>IF(L1&lt;3,L1+12-2,L1-2)</f>
        <v>12</v>
      </c>
      <c r="N1" s="447"/>
    </row>
    <row r="2" spans="2:112" ht="24" customHeight="1" thickBot="1" x14ac:dyDescent="0.25">
      <c r="B2" s="142" t="s">
        <v>127</v>
      </c>
    </row>
    <row r="3" spans="2:112" ht="21" customHeight="1" thickBot="1" x14ac:dyDescent="0.25">
      <c r="B3" s="484"/>
      <c r="C3" s="487" t="s">
        <v>111</v>
      </c>
      <c r="D3" s="487"/>
      <c r="E3" s="487"/>
      <c r="F3" s="487"/>
      <c r="G3" s="487"/>
      <c r="H3" s="487"/>
      <c r="I3" s="487"/>
      <c r="J3" s="487"/>
      <c r="K3" s="487"/>
      <c r="L3" s="487"/>
      <c r="M3" s="488"/>
      <c r="N3" s="482" t="s">
        <v>110</v>
      </c>
      <c r="O3" s="482"/>
      <c r="P3" s="482"/>
      <c r="Q3" s="482"/>
      <c r="R3" s="482"/>
      <c r="S3" s="482"/>
      <c r="T3" s="482"/>
      <c r="U3" s="482"/>
      <c r="V3" s="482"/>
      <c r="W3" s="482"/>
      <c r="X3" s="483"/>
      <c r="Y3" s="481" t="s">
        <v>109</v>
      </c>
      <c r="Z3" s="482"/>
      <c r="AA3" s="482"/>
      <c r="AB3" s="482"/>
      <c r="AC3" s="482"/>
      <c r="AD3" s="482"/>
      <c r="AE3" s="482"/>
      <c r="AF3" s="482"/>
      <c r="AG3" s="482"/>
      <c r="AH3" s="482"/>
      <c r="AI3" s="483"/>
      <c r="AJ3" s="481" t="s">
        <v>108</v>
      </c>
      <c r="AK3" s="482"/>
      <c r="AL3" s="482"/>
      <c r="AM3" s="482"/>
      <c r="AN3" s="482"/>
      <c r="AO3" s="482"/>
      <c r="AP3" s="482"/>
      <c r="AQ3" s="482"/>
      <c r="AR3" s="482"/>
      <c r="AS3" s="482"/>
      <c r="AT3" s="483"/>
      <c r="AU3" s="481" t="s">
        <v>107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106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105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124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1" t="s">
        <v>15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  <c r="CX3" s="481" t="s">
        <v>153</v>
      </c>
      <c r="CY3" s="482"/>
      <c r="CZ3" s="482"/>
      <c r="DA3" s="482"/>
      <c r="DB3" s="482"/>
      <c r="DC3" s="482"/>
      <c r="DD3" s="482"/>
      <c r="DE3" s="482"/>
      <c r="DF3" s="482"/>
      <c r="DG3" s="482"/>
      <c r="DH3" s="483"/>
    </row>
    <row r="4" spans="2:112" ht="21" customHeight="1" x14ac:dyDescent="0.2">
      <c r="B4" s="485"/>
      <c r="C4" s="489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89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71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65" t="s">
        <v>61</v>
      </c>
      <c r="AV4" s="466"/>
      <c r="AW4" s="471"/>
      <c r="AX4" s="468" t="s">
        <v>62</v>
      </c>
      <c r="AY4" s="466"/>
      <c r="AZ4" s="466"/>
      <c r="BA4" s="466"/>
      <c r="BB4" s="466"/>
      <c r="BC4" s="466"/>
      <c r="BD4" s="471"/>
      <c r="BE4" s="469" t="s">
        <v>52</v>
      </c>
      <c r="BF4" s="465" t="s">
        <v>61</v>
      </c>
      <c r="BG4" s="466"/>
      <c r="BH4" s="467"/>
      <c r="BI4" s="468" t="s">
        <v>62</v>
      </c>
      <c r="BJ4" s="466"/>
      <c r="BK4" s="466"/>
      <c r="BL4" s="466"/>
      <c r="BM4" s="466"/>
      <c r="BN4" s="466"/>
      <c r="BO4" s="467"/>
      <c r="BP4" s="469" t="s">
        <v>52</v>
      </c>
      <c r="BQ4" s="465" t="s">
        <v>61</v>
      </c>
      <c r="BR4" s="466"/>
      <c r="BS4" s="467"/>
      <c r="BT4" s="468" t="s">
        <v>62</v>
      </c>
      <c r="BU4" s="466"/>
      <c r="BV4" s="466"/>
      <c r="BW4" s="466"/>
      <c r="BX4" s="466"/>
      <c r="BY4" s="466"/>
      <c r="BZ4" s="467"/>
      <c r="CA4" s="469" t="s">
        <v>52</v>
      </c>
      <c r="CB4" s="465" t="s">
        <v>61</v>
      </c>
      <c r="CC4" s="466"/>
      <c r="CD4" s="467"/>
      <c r="CE4" s="468" t="s">
        <v>62</v>
      </c>
      <c r="CF4" s="466"/>
      <c r="CG4" s="466"/>
      <c r="CH4" s="466"/>
      <c r="CI4" s="466"/>
      <c r="CJ4" s="466"/>
      <c r="CK4" s="467"/>
      <c r="CL4" s="469" t="s">
        <v>52</v>
      </c>
      <c r="CM4" s="465" t="s">
        <v>61</v>
      </c>
      <c r="CN4" s="466"/>
      <c r="CO4" s="467"/>
      <c r="CP4" s="468" t="s">
        <v>62</v>
      </c>
      <c r="CQ4" s="466"/>
      <c r="CR4" s="466"/>
      <c r="CS4" s="466"/>
      <c r="CT4" s="466"/>
      <c r="CU4" s="466"/>
      <c r="CV4" s="467"/>
      <c r="CW4" s="469" t="s">
        <v>52</v>
      </c>
      <c r="CX4" s="465" t="s">
        <v>61</v>
      </c>
      <c r="CY4" s="466"/>
      <c r="CZ4" s="467"/>
      <c r="DA4" s="468" t="s">
        <v>62</v>
      </c>
      <c r="DB4" s="466"/>
      <c r="DC4" s="466"/>
      <c r="DD4" s="466"/>
      <c r="DE4" s="466"/>
      <c r="DF4" s="466"/>
      <c r="DG4" s="467"/>
      <c r="DH4" s="469" t="s">
        <v>52</v>
      </c>
    </row>
    <row r="5" spans="2:112" ht="30" customHeight="1" thickBot="1" x14ac:dyDescent="0.25">
      <c r="B5" s="486"/>
      <c r="C5" s="204" t="s">
        <v>43</v>
      </c>
      <c r="D5" s="178" t="s">
        <v>44</v>
      </c>
      <c r="E5" s="179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204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1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1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1" t="s">
        <v>45</v>
      </c>
      <c r="BE5" s="470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70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70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70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70"/>
      <c r="CX5" s="177" t="s">
        <v>43</v>
      </c>
      <c r="CY5" s="178" t="s">
        <v>44</v>
      </c>
      <c r="CZ5" s="182" t="s">
        <v>45</v>
      </c>
      <c r="DA5" s="180" t="s">
        <v>83</v>
      </c>
      <c r="DB5" s="178" t="s">
        <v>47</v>
      </c>
      <c r="DC5" s="178" t="s">
        <v>48</v>
      </c>
      <c r="DD5" s="178" t="s">
        <v>49</v>
      </c>
      <c r="DE5" s="178" t="s">
        <v>50</v>
      </c>
      <c r="DF5" s="178" t="s">
        <v>51</v>
      </c>
      <c r="DG5" s="182" t="s">
        <v>45</v>
      </c>
      <c r="DH5" s="470"/>
    </row>
    <row r="6" spans="2:112" ht="21" customHeight="1" x14ac:dyDescent="0.2">
      <c r="B6" s="84" t="s">
        <v>4</v>
      </c>
      <c r="C6" s="183">
        <v>0</v>
      </c>
      <c r="D6" s="184">
        <v>0</v>
      </c>
      <c r="E6" s="185">
        <v>0</v>
      </c>
      <c r="F6" s="186">
        <v>0</v>
      </c>
      <c r="G6" s="184">
        <v>13229</v>
      </c>
      <c r="H6" s="184">
        <v>20147</v>
      </c>
      <c r="I6" s="184">
        <v>21042</v>
      </c>
      <c r="J6" s="184">
        <v>27342</v>
      </c>
      <c r="K6" s="184">
        <v>20774</v>
      </c>
      <c r="L6" s="187">
        <v>102534</v>
      </c>
      <c r="M6" s="188">
        <v>102534</v>
      </c>
      <c r="N6" s="183">
        <v>0</v>
      </c>
      <c r="O6" s="184">
        <v>9</v>
      </c>
      <c r="P6" s="189">
        <v>9</v>
      </c>
      <c r="Q6" s="186">
        <v>0</v>
      </c>
      <c r="R6" s="184">
        <v>25</v>
      </c>
      <c r="S6" s="184">
        <v>142</v>
      </c>
      <c r="T6" s="184">
        <v>243</v>
      </c>
      <c r="U6" s="184">
        <v>589</v>
      </c>
      <c r="V6" s="184">
        <v>882</v>
      </c>
      <c r="W6" s="189">
        <v>1881</v>
      </c>
      <c r="X6" s="188">
        <v>1890</v>
      </c>
      <c r="Y6" s="183">
        <v>1200</v>
      </c>
      <c r="Z6" s="184">
        <v>3167</v>
      </c>
      <c r="AA6" s="189">
        <v>4367</v>
      </c>
      <c r="AB6" s="186">
        <v>0</v>
      </c>
      <c r="AC6" s="184">
        <v>9004</v>
      </c>
      <c r="AD6" s="184">
        <v>14804</v>
      </c>
      <c r="AE6" s="184">
        <v>8890</v>
      </c>
      <c r="AF6" s="184">
        <v>6787</v>
      </c>
      <c r="AG6" s="184">
        <v>4275</v>
      </c>
      <c r="AH6" s="189">
        <v>43760</v>
      </c>
      <c r="AI6" s="188">
        <v>48127</v>
      </c>
      <c r="AJ6" s="183">
        <v>242</v>
      </c>
      <c r="AK6" s="184">
        <v>542</v>
      </c>
      <c r="AL6" s="189">
        <v>784</v>
      </c>
      <c r="AM6" s="186">
        <v>0</v>
      </c>
      <c r="AN6" s="184">
        <v>1073</v>
      </c>
      <c r="AO6" s="184">
        <v>1517</v>
      </c>
      <c r="AP6" s="184">
        <v>1000</v>
      </c>
      <c r="AQ6" s="184">
        <v>447</v>
      </c>
      <c r="AR6" s="184">
        <v>462</v>
      </c>
      <c r="AS6" s="189">
        <v>4499</v>
      </c>
      <c r="AT6" s="188">
        <v>5283</v>
      </c>
      <c r="AU6" s="183">
        <v>0</v>
      </c>
      <c r="AV6" s="184">
        <v>0</v>
      </c>
      <c r="AW6" s="189">
        <v>0</v>
      </c>
      <c r="AX6" s="186">
        <v>0</v>
      </c>
      <c r="AY6" s="184">
        <v>12869</v>
      </c>
      <c r="AZ6" s="184">
        <v>12505</v>
      </c>
      <c r="BA6" s="184">
        <v>7101</v>
      </c>
      <c r="BB6" s="184">
        <v>3433</v>
      </c>
      <c r="BC6" s="184">
        <v>1431</v>
      </c>
      <c r="BD6" s="187">
        <v>37339</v>
      </c>
      <c r="BE6" s="188">
        <v>37339</v>
      </c>
      <c r="BF6" s="183">
        <v>0</v>
      </c>
      <c r="BG6" s="184">
        <v>0</v>
      </c>
      <c r="BH6" s="189">
        <v>0</v>
      </c>
      <c r="BI6" s="186">
        <v>0</v>
      </c>
      <c r="BJ6" s="184">
        <v>2580</v>
      </c>
      <c r="BK6" s="184">
        <v>3691</v>
      </c>
      <c r="BL6" s="184">
        <v>2240</v>
      </c>
      <c r="BM6" s="184">
        <v>1192</v>
      </c>
      <c r="BN6" s="184">
        <v>293</v>
      </c>
      <c r="BO6" s="189">
        <v>9996</v>
      </c>
      <c r="BP6" s="188">
        <v>9996</v>
      </c>
      <c r="BQ6" s="183">
        <v>18</v>
      </c>
      <c r="BR6" s="184">
        <v>156</v>
      </c>
      <c r="BS6" s="189">
        <v>174</v>
      </c>
      <c r="BT6" s="186">
        <v>0</v>
      </c>
      <c r="BU6" s="184">
        <v>992</v>
      </c>
      <c r="BV6" s="184">
        <v>2234</v>
      </c>
      <c r="BW6" s="184">
        <v>3317</v>
      </c>
      <c r="BX6" s="184">
        <v>2435</v>
      </c>
      <c r="BY6" s="184">
        <v>1175</v>
      </c>
      <c r="BZ6" s="189">
        <v>10153</v>
      </c>
      <c r="CA6" s="188">
        <v>10327</v>
      </c>
      <c r="CB6" s="183">
        <v>0</v>
      </c>
      <c r="CC6" s="184">
        <v>19</v>
      </c>
      <c r="CD6" s="189">
        <v>19</v>
      </c>
      <c r="CE6" s="186">
        <v>0</v>
      </c>
      <c r="CF6" s="184">
        <v>107</v>
      </c>
      <c r="CG6" s="184">
        <v>313</v>
      </c>
      <c r="CH6" s="184">
        <v>365</v>
      </c>
      <c r="CI6" s="184">
        <v>299</v>
      </c>
      <c r="CJ6" s="184">
        <v>156</v>
      </c>
      <c r="CK6" s="189">
        <v>1240</v>
      </c>
      <c r="CL6" s="188">
        <v>1259</v>
      </c>
      <c r="CM6" s="183">
        <v>0</v>
      </c>
      <c r="CN6" s="184">
        <v>0</v>
      </c>
      <c r="CO6" s="189">
        <v>0</v>
      </c>
      <c r="CP6" s="186">
        <v>0</v>
      </c>
      <c r="CQ6" s="184">
        <v>0</v>
      </c>
      <c r="CR6" s="184">
        <v>0</v>
      </c>
      <c r="CS6" s="184">
        <v>0</v>
      </c>
      <c r="CT6" s="184">
        <v>0</v>
      </c>
      <c r="CU6" s="184">
        <v>0</v>
      </c>
      <c r="CV6" s="189">
        <v>0</v>
      </c>
      <c r="CW6" s="188">
        <v>0</v>
      </c>
      <c r="CX6" s="183">
        <v>0</v>
      </c>
      <c r="CY6" s="184">
        <v>0</v>
      </c>
      <c r="CZ6" s="189">
        <v>0</v>
      </c>
      <c r="DA6" s="186">
        <v>0</v>
      </c>
      <c r="DB6" s="184">
        <v>0</v>
      </c>
      <c r="DC6" s="184">
        <v>0</v>
      </c>
      <c r="DD6" s="184">
        <v>0</v>
      </c>
      <c r="DE6" s="184">
        <v>0</v>
      </c>
      <c r="DF6" s="184">
        <v>0</v>
      </c>
      <c r="DG6" s="189">
        <v>0</v>
      </c>
      <c r="DH6" s="188">
        <v>0</v>
      </c>
    </row>
    <row r="7" spans="2:112" ht="21" customHeight="1" x14ac:dyDescent="0.2">
      <c r="B7" s="95" t="s">
        <v>5</v>
      </c>
      <c r="C7" s="190">
        <v>0</v>
      </c>
      <c r="D7" s="191">
        <v>0</v>
      </c>
      <c r="E7" s="192">
        <v>0</v>
      </c>
      <c r="F7" s="193">
        <v>0</v>
      </c>
      <c r="G7" s="191">
        <v>5080</v>
      </c>
      <c r="H7" s="191">
        <v>9101</v>
      </c>
      <c r="I7" s="191">
        <v>8914</v>
      </c>
      <c r="J7" s="191">
        <v>10081</v>
      </c>
      <c r="K7" s="191">
        <v>7768</v>
      </c>
      <c r="L7" s="194">
        <v>40944</v>
      </c>
      <c r="M7" s="195">
        <v>40944</v>
      </c>
      <c r="N7" s="190">
        <v>0</v>
      </c>
      <c r="O7" s="191">
        <v>9</v>
      </c>
      <c r="P7" s="196">
        <v>9</v>
      </c>
      <c r="Q7" s="193">
        <v>0</v>
      </c>
      <c r="R7" s="191">
        <v>10</v>
      </c>
      <c r="S7" s="191">
        <v>62</v>
      </c>
      <c r="T7" s="191">
        <v>109</v>
      </c>
      <c r="U7" s="191">
        <v>278</v>
      </c>
      <c r="V7" s="191">
        <v>427</v>
      </c>
      <c r="W7" s="196">
        <v>886</v>
      </c>
      <c r="X7" s="195">
        <v>895</v>
      </c>
      <c r="Y7" s="190">
        <v>472</v>
      </c>
      <c r="Z7" s="191">
        <v>1746</v>
      </c>
      <c r="AA7" s="196">
        <v>2218</v>
      </c>
      <c r="AB7" s="193">
        <v>0</v>
      </c>
      <c r="AC7" s="191">
        <v>3490</v>
      </c>
      <c r="AD7" s="191">
        <v>8367</v>
      </c>
      <c r="AE7" s="191">
        <v>4765</v>
      </c>
      <c r="AF7" s="191">
        <v>3552</v>
      </c>
      <c r="AG7" s="191">
        <v>1852</v>
      </c>
      <c r="AH7" s="196">
        <v>22026</v>
      </c>
      <c r="AI7" s="195">
        <v>24244</v>
      </c>
      <c r="AJ7" s="190">
        <v>68</v>
      </c>
      <c r="AK7" s="191">
        <v>276</v>
      </c>
      <c r="AL7" s="196">
        <v>344</v>
      </c>
      <c r="AM7" s="193">
        <v>0</v>
      </c>
      <c r="AN7" s="191">
        <v>296</v>
      </c>
      <c r="AO7" s="191">
        <v>647</v>
      </c>
      <c r="AP7" s="191">
        <v>465</v>
      </c>
      <c r="AQ7" s="191">
        <v>251</v>
      </c>
      <c r="AR7" s="191">
        <v>205</v>
      </c>
      <c r="AS7" s="196">
        <v>1864</v>
      </c>
      <c r="AT7" s="195">
        <v>2208</v>
      </c>
      <c r="AU7" s="190">
        <v>0</v>
      </c>
      <c r="AV7" s="191">
        <v>0</v>
      </c>
      <c r="AW7" s="196">
        <v>0</v>
      </c>
      <c r="AX7" s="193">
        <v>0</v>
      </c>
      <c r="AY7" s="191">
        <v>4169</v>
      </c>
      <c r="AZ7" s="191">
        <v>5030</v>
      </c>
      <c r="BA7" s="191">
        <v>2727</v>
      </c>
      <c r="BB7" s="191">
        <v>1327</v>
      </c>
      <c r="BC7" s="191">
        <v>763</v>
      </c>
      <c r="BD7" s="194">
        <v>14016</v>
      </c>
      <c r="BE7" s="195">
        <v>14016</v>
      </c>
      <c r="BF7" s="190">
        <v>0</v>
      </c>
      <c r="BG7" s="191">
        <v>0</v>
      </c>
      <c r="BH7" s="196">
        <v>0</v>
      </c>
      <c r="BI7" s="193">
        <v>0</v>
      </c>
      <c r="BJ7" s="191">
        <v>886</v>
      </c>
      <c r="BK7" s="191">
        <v>1667</v>
      </c>
      <c r="BL7" s="191">
        <v>1108</v>
      </c>
      <c r="BM7" s="191">
        <v>563</v>
      </c>
      <c r="BN7" s="191">
        <v>112</v>
      </c>
      <c r="BO7" s="196">
        <v>4336</v>
      </c>
      <c r="BP7" s="195">
        <v>4336</v>
      </c>
      <c r="BQ7" s="190">
        <v>4</v>
      </c>
      <c r="BR7" s="191">
        <v>52</v>
      </c>
      <c r="BS7" s="196">
        <v>56</v>
      </c>
      <c r="BT7" s="193">
        <v>0</v>
      </c>
      <c r="BU7" s="191">
        <v>336</v>
      </c>
      <c r="BV7" s="191">
        <v>814</v>
      </c>
      <c r="BW7" s="191">
        <v>1556</v>
      </c>
      <c r="BX7" s="191">
        <v>1030</v>
      </c>
      <c r="BY7" s="191">
        <v>506</v>
      </c>
      <c r="BZ7" s="196">
        <v>4242</v>
      </c>
      <c r="CA7" s="195">
        <v>4298</v>
      </c>
      <c r="CB7" s="190">
        <v>0</v>
      </c>
      <c r="CC7" s="191">
        <v>14</v>
      </c>
      <c r="CD7" s="196">
        <v>14</v>
      </c>
      <c r="CE7" s="193">
        <v>0</v>
      </c>
      <c r="CF7" s="191">
        <v>45</v>
      </c>
      <c r="CG7" s="191">
        <v>173</v>
      </c>
      <c r="CH7" s="191">
        <v>223</v>
      </c>
      <c r="CI7" s="191">
        <v>165</v>
      </c>
      <c r="CJ7" s="191">
        <v>91</v>
      </c>
      <c r="CK7" s="196">
        <v>697</v>
      </c>
      <c r="CL7" s="195">
        <v>711</v>
      </c>
      <c r="CM7" s="190">
        <v>0</v>
      </c>
      <c r="CN7" s="191">
        <v>0</v>
      </c>
      <c r="CO7" s="196">
        <v>0</v>
      </c>
      <c r="CP7" s="193">
        <v>0</v>
      </c>
      <c r="CQ7" s="191">
        <v>0</v>
      </c>
      <c r="CR7" s="191">
        <v>0</v>
      </c>
      <c r="CS7" s="191">
        <v>0</v>
      </c>
      <c r="CT7" s="191">
        <v>0</v>
      </c>
      <c r="CU7" s="191">
        <v>0</v>
      </c>
      <c r="CV7" s="196">
        <v>0</v>
      </c>
      <c r="CW7" s="195">
        <v>0</v>
      </c>
      <c r="CX7" s="190">
        <v>0</v>
      </c>
      <c r="CY7" s="191">
        <v>0</v>
      </c>
      <c r="CZ7" s="196">
        <v>0</v>
      </c>
      <c r="DA7" s="193">
        <v>0</v>
      </c>
      <c r="DB7" s="191">
        <v>0</v>
      </c>
      <c r="DC7" s="191">
        <v>0</v>
      </c>
      <c r="DD7" s="191">
        <v>0</v>
      </c>
      <c r="DE7" s="191">
        <v>0</v>
      </c>
      <c r="DF7" s="191">
        <v>0</v>
      </c>
      <c r="DG7" s="196">
        <v>0</v>
      </c>
      <c r="DH7" s="195">
        <v>0</v>
      </c>
    </row>
    <row r="8" spans="2:112" ht="21" customHeight="1" x14ac:dyDescent="0.2">
      <c r="B8" s="106" t="s">
        <v>6</v>
      </c>
      <c r="C8" s="190">
        <v>0</v>
      </c>
      <c r="D8" s="191">
        <v>0</v>
      </c>
      <c r="E8" s="192">
        <v>0</v>
      </c>
      <c r="F8" s="193">
        <v>0</v>
      </c>
      <c r="G8" s="191">
        <v>1818</v>
      </c>
      <c r="H8" s="191">
        <v>1958</v>
      </c>
      <c r="I8" s="191">
        <v>2308</v>
      </c>
      <c r="J8" s="191">
        <v>3649</v>
      </c>
      <c r="K8" s="191">
        <v>2459</v>
      </c>
      <c r="L8" s="194">
        <v>12192</v>
      </c>
      <c r="M8" s="195">
        <v>12192</v>
      </c>
      <c r="N8" s="190">
        <v>0</v>
      </c>
      <c r="O8" s="191">
        <v>0</v>
      </c>
      <c r="P8" s="196">
        <v>0</v>
      </c>
      <c r="Q8" s="193">
        <v>0</v>
      </c>
      <c r="R8" s="191">
        <v>4</v>
      </c>
      <c r="S8" s="191">
        <v>6</v>
      </c>
      <c r="T8" s="191">
        <v>9</v>
      </c>
      <c r="U8" s="191">
        <v>45</v>
      </c>
      <c r="V8" s="191">
        <v>99</v>
      </c>
      <c r="W8" s="196">
        <v>163</v>
      </c>
      <c r="X8" s="195">
        <v>163</v>
      </c>
      <c r="Y8" s="190">
        <v>174</v>
      </c>
      <c r="Z8" s="191">
        <v>450</v>
      </c>
      <c r="AA8" s="196">
        <v>624</v>
      </c>
      <c r="AB8" s="193">
        <v>0</v>
      </c>
      <c r="AC8" s="191">
        <v>1593</v>
      </c>
      <c r="AD8" s="191">
        <v>1853</v>
      </c>
      <c r="AE8" s="191">
        <v>1242</v>
      </c>
      <c r="AF8" s="191">
        <v>988</v>
      </c>
      <c r="AG8" s="191">
        <v>512</v>
      </c>
      <c r="AH8" s="196">
        <v>6188</v>
      </c>
      <c r="AI8" s="195">
        <v>6812</v>
      </c>
      <c r="AJ8" s="190">
        <v>48</v>
      </c>
      <c r="AK8" s="191">
        <v>8</v>
      </c>
      <c r="AL8" s="196">
        <v>56</v>
      </c>
      <c r="AM8" s="193">
        <v>0</v>
      </c>
      <c r="AN8" s="191">
        <v>96</v>
      </c>
      <c r="AO8" s="191">
        <v>166</v>
      </c>
      <c r="AP8" s="191">
        <v>81</v>
      </c>
      <c r="AQ8" s="191">
        <v>8</v>
      </c>
      <c r="AR8" s="191">
        <v>39</v>
      </c>
      <c r="AS8" s="196">
        <v>390</v>
      </c>
      <c r="AT8" s="195">
        <v>446</v>
      </c>
      <c r="AU8" s="190">
        <v>0</v>
      </c>
      <c r="AV8" s="191">
        <v>0</v>
      </c>
      <c r="AW8" s="196">
        <v>0</v>
      </c>
      <c r="AX8" s="193">
        <v>0</v>
      </c>
      <c r="AY8" s="191">
        <v>1872</v>
      </c>
      <c r="AZ8" s="191">
        <v>1865</v>
      </c>
      <c r="BA8" s="191">
        <v>764</v>
      </c>
      <c r="BB8" s="191">
        <v>452</v>
      </c>
      <c r="BC8" s="191">
        <v>118</v>
      </c>
      <c r="BD8" s="194">
        <v>5071</v>
      </c>
      <c r="BE8" s="195">
        <v>5071</v>
      </c>
      <c r="BF8" s="190">
        <v>0</v>
      </c>
      <c r="BG8" s="191">
        <v>0</v>
      </c>
      <c r="BH8" s="196">
        <v>0</v>
      </c>
      <c r="BI8" s="193">
        <v>0</v>
      </c>
      <c r="BJ8" s="191">
        <v>337</v>
      </c>
      <c r="BK8" s="191">
        <v>436</v>
      </c>
      <c r="BL8" s="191">
        <v>276</v>
      </c>
      <c r="BM8" s="191">
        <v>149</v>
      </c>
      <c r="BN8" s="191">
        <v>72</v>
      </c>
      <c r="BO8" s="196">
        <v>1270</v>
      </c>
      <c r="BP8" s="195">
        <v>1270</v>
      </c>
      <c r="BQ8" s="190">
        <v>0</v>
      </c>
      <c r="BR8" s="191">
        <v>3</v>
      </c>
      <c r="BS8" s="196">
        <v>3</v>
      </c>
      <c r="BT8" s="193">
        <v>0</v>
      </c>
      <c r="BU8" s="191">
        <v>68</v>
      </c>
      <c r="BV8" s="191">
        <v>269</v>
      </c>
      <c r="BW8" s="191">
        <v>329</v>
      </c>
      <c r="BX8" s="191">
        <v>155</v>
      </c>
      <c r="BY8" s="191">
        <v>69</v>
      </c>
      <c r="BZ8" s="196">
        <v>890</v>
      </c>
      <c r="CA8" s="195">
        <v>893</v>
      </c>
      <c r="CB8" s="190">
        <v>0</v>
      </c>
      <c r="CC8" s="191">
        <v>0</v>
      </c>
      <c r="CD8" s="196">
        <v>0</v>
      </c>
      <c r="CE8" s="193">
        <v>0</v>
      </c>
      <c r="CF8" s="191">
        <v>10</v>
      </c>
      <c r="CG8" s="191">
        <v>49</v>
      </c>
      <c r="CH8" s="191">
        <v>20</v>
      </c>
      <c r="CI8" s="191">
        <v>58</v>
      </c>
      <c r="CJ8" s="191">
        <v>33</v>
      </c>
      <c r="CK8" s="196">
        <v>170</v>
      </c>
      <c r="CL8" s="195">
        <v>170</v>
      </c>
      <c r="CM8" s="190">
        <v>0</v>
      </c>
      <c r="CN8" s="191">
        <v>0</v>
      </c>
      <c r="CO8" s="196">
        <v>0</v>
      </c>
      <c r="CP8" s="193">
        <v>0</v>
      </c>
      <c r="CQ8" s="191">
        <v>0</v>
      </c>
      <c r="CR8" s="191">
        <v>0</v>
      </c>
      <c r="CS8" s="191">
        <v>0</v>
      </c>
      <c r="CT8" s="191">
        <v>0</v>
      </c>
      <c r="CU8" s="191">
        <v>0</v>
      </c>
      <c r="CV8" s="196">
        <v>0</v>
      </c>
      <c r="CW8" s="195">
        <v>0</v>
      </c>
      <c r="CX8" s="190">
        <v>0</v>
      </c>
      <c r="CY8" s="191">
        <v>0</v>
      </c>
      <c r="CZ8" s="196">
        <v>0</v>
      </c>
      <c r="DA8" s="193">
        <v>0</v>
      </c>
      <c r="DB8" s="191">
        <v>0</v>
      </c>
      <c r="DC8" s="191">
        <v>0</v>
      </c>
      <c r="DD8" s="191">
        <v>0</v>
      </c>
      <c r="DE8" s="191">
        <v>0</v>
      </c>
      <c r="DF8" s="191">
        <v>0</v>
      </c>
      <c r="DG8" s="196">
        <v>0</v>
      </c>
      <c r="DH8" s="195">
        <v>0</v>
      </c>
    </row>
    <row r="9" spans="2:112" ht="21" customHeight="1" x14ac:dyDescent="0.2">
      <c r="B9" s="106" t="s">
        <v>14</v>
      </c>
      <c r="C9" s="190">
        <v>0</v>
      </c>
      <c r="D9" s="191">
        <v>0</v>
      </c>
      <c r="E9" s="192">
        <v>0</v>
      </c>
      <c r="F9" s="193">
        <v>0</v>
      </c>
      <c r="G9" s="191">
        <v>524</v>
      </c>
      <c r="H9" s="191">
        <v>1423</v>
      </c>
      <c r="I9" s="191">
        <v>1832</v>
      </c>
      <c r="J9" s="191">
        <v>1736</v>
      </c>
      <c r="K9" s="191">
        <v>2266</v>
      </c>
      <c r="L9" s="194">
        <v>7781</v>
      </c>
      <c r="M9" s="195">
        <v>7781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6</v>
      </c>
      <c r="T9" s="191">
        <v>10</v>
      </c>
      <c r="U9" s="191">
        <v>36</v>
      </c>
      <c r="V9" s="191">
        <v>29</v>
      </c>
      <c r="W9" s="196">
        <v>81</v>
      </c>
      <c r="X9" s="195">
        <v>81</v>
      </c>
      <c r="Y9" s="190">
        <v>78</v>
      </c>
      <c r="Z9" s="191">
        <v>196</v>
      </c>
      <c r="AA9" s="196">
        <v>274</v>
      </c>
      <c r="AB9" s="193">
        <v>0</v>
      </c>
      <c r="AC9" s="191">
        <v>418</v>
      </c>
      <c r="AD9" s="191">
        <v>947</v>
      </c>
      <c r="AE9" s="191">
        <v>557</v>
      </c>
      <c r="AF9" s="191">
        <v>414</v>
      </c>
      <c r="AG9" s="191">
        <v>352</v>
      </c>
      <c r="AH9" s="196">
        <v>2688</v>
      </c>
      <c r="AI9" s="195">
        <v>2962</v>
      </c>
      <c r="AJ9" s="190">
        <v>23</v>
      </c>
      <c r="AK9" s="191">
        <v>14</v>
      </c>
      <c r="AL9" s="196">
        <v>37</v>
      </c>
      <c r="AM9" s="193">
        <v>0</v>
      </c>
      <c r="AN9" s="191">
        <v>14</v>
      </c>
      <c r="AO9" s="191">
        <v>30</v>
      </c>
      <c r="AP9" s="191">
        <v>16</v>
      </c>
      <c r="AQ9" s="191">
        <v>22</v>
      </c>
      <c r="AR9" s="191">
        <v>0</v>
      </c>
      <c r="AS9" s="196">
        <v>82</v>
      </c>
      <c r="AT9" s="195">
        <v>119</v>
      </c>
      <c r="AU9" s="190">
        <v>0</v>
      </c>
      <c r="AV9" s="191">
        <v>0</v>
      </c>
      <c r="AW9" s="196">
        <v>0</v>
      </c>
      <c r="AX9" s="193">
        <v>0</v>
      </c>
      <c r="AY9" s="191">
        <v>894</v>
      </c>
      <c r="AZ9" s="191">
        <v>1041</v>
      </c>
      <c r="BA9" s="191">
        <v>821</v>
      </c>
      <c r="BB9" s="191">
        <v>372</v>
      </c>
      <c r="BC9" s="191">
        <v>86</v>
      </c>
      <c r="BD9" s="194">
        <v>3214</v>
      </c>
      <c r="BE9" s="195">
        <v>3214</v>
      </c>
      <c r="BF9" s="190">
        <v>0</v>
      </c>
      <c r="BG9" s="191">
        <v>0</v>
      </c>
      <c r="BH9" s="196">
        <v>0</v>
      </c>
      <c r="BI9" s="193">
        <v>0</v>
      </c>
      <c r="BJ9" s="191">
        <v>57</v>
      </c>
      <c r="BK9" s="191">
        <v>233</v>
      </c>
      <c r="BL9" s="191">
        <v>103</v>
      </c>
      <c r="BM9" s="191">
        <v>68</v>
      </c>
      <c r="BN9" s="191">
        <v>7</v>
      </c>
      <c r="BO9" s="196">
        <v>468</v>
      </c>
      <c r="BP9" s="195">
        <v>468</v>
      </c>
      <c r="BQ9" s="190">
        <v>0</v>
      </c>
      <c r="BR9" s="191">
        <v>2</v>
      </c>
      <c r="BS9" s="196">
        <v>2</v>
      </c>
      <c r="BT9" s="193">
        <v>0</v>
      </c>
      <c r="BU9" s="191">
        <v>15</v>
      </c>
      <c r="BV9" s="191">
        <v>203</v>
      </c>
      <c r="BW9" s="191">
        <v>254</v>
      </c>
      <c r="BX9" s="191">
        <v>271</v>
      </c>
      <c r="BY9" s="191">
        <v>121</v>
      </c>
      <c r="BZ9" s="196">
        <v>864</v>
      </c>
      <c r="CA9" s="195">
        <v>866</v>
      </c>
      <c r="CB9" s="190">
        <v>0</v>
      </c>
      <c r="CC9" s="191">
        <v>0</v>
      </c>
      <c r="CD9" s="196">
        <v>0</v>
      </c>
      <c r="CE9" s="193">
        <v>0</v>
      </c>
      <c r="CF9" s="191">
        <v>0</v>
      </c>
      <c r="CG9" s="191">
        <v>4</v>
      </c>
      <c r="CH9" s="191">
        <v>0</v>
      </c>
      <c r="CI9" s="191">
        <v>11</v>
      </c>
      <c r="CJ9" s="191">
        <v>5</v>
      </c>
      <c r="CK9" s="196">
        <v>20</v>
      </c>
      <c r="CL9" s="195">
        <v>20</v>
      </c>
      <c r="CM9" s="190">
        <v>0</v>
      </c>
      <c r="CN9" s="191">
        <v>0</v>
      </c>
      <c r="CO9" s="196">
        <v>0</v>
      </c>
      <c r="CP9" s="193">
        <v>0</v>
      </c>
      <c r="CQ9" s="191">
        <v>0</v>
      </c>
      <c r="CR9" s="191">
        <v>0</v>
      </c>
      <c r="CS9" s="191">
        <v>0</v>
      </c>
      <c r="CT9" s="191">
        <v>0</v>
      </c>
      <c r="CU9" s="191">
        <v>0</v>
      </c>
      <c r="CV9" s="196">
        <v>0</v>
      </c>
      <c r="CW9" s="195">
        <v>0</v>
      </c>
      <c r="CX9" s="190">
        <v>0</v>
      </c>
      <c r="CY9" s="191">
        <v>0</v>
      </c>
      <c r="CZ9" s="196">
        <v>0</v>
      </c>
      <c r="DA9" s="193">
        <v>0</v>
      </c>
      <c r="DB9" s="191">
        <v>0</v>
      </c>
      <c r="DC9" s="191">
        <v>0</v>
      </c>
      <c r="DD9" s="191">
        <v>0</v>
      </c>
      <c r="DE9" s="191">
        <v>0</v>
      </c>
      <c r="DF9" s="191">
        <v>0</v>
      </c>
      <c r="DG9" s="196">
        <v>0</v>
      </c>
      <c r="DH9" s="195">
        <v>0</v>
      </c>
    </row>
    <row r="10" spans="2:112" ht="21" customHeight="1" x14ac:dyDescent="0.2">
      <c r="B10" s="106" t="s">
        <v>7</v>
      </c>
      <c r="C10" s="190">
        <v>0</v>
      </c>
      <c r="D10" s="191">
        <v>0</v>
      </c>
      <c r="E10" s="192">
        <v>0</v>
      </c>
      <c r="F10" s="193">
        <v>0</v>
      </c>
      <c r="G10" s="191">
        <v>1293</v>
      </c>
      <c r="H10" s="191">
        <v>1458</v>
      </c>
      <c r="I10" s="191">
        <v>1352</v>
      </c>
      <c r="J10" s="191">
        <v>2059</v>
      </c>
      <c r="K10" s="191">
        <v>1423</v>
      </c>
      <c r="L10" s="194">
        <v>7585</v>
      </c>
      <c r="M10" s="195">
        <v>7585</v>
      </c>
      <c r="N10" s="190">
        <v>0</v>
      </c>
      <c r="O10" s="191">
        <v>0</v>
      </c>
      <c r="P10" s="196">
        <v>0</v>
      </c>
      <c r="Q10" s="193">
        <v>0</v>
      </c>
      <c r="R10" s="191">
        <v>3</v>
      </c>
      <c r="S10" s="191">
        <v>29</v>
      </c>
      <c r="T10" s="191">
        <v>19</v>
      </c>
      <c r="U10" s="191">
        <v>46</v>
      </c>
      <c r="V10" s="191">
        <v>58</v>
      </c>
      <c r="W10" s="196">
        <v>155</v>
      </c>
      <c r="X10" s="195">
        <v>155</v>
      </c>
      <c r="Y10" s="190">
        <v>0</v>
      </c>
      <c r="Z10" s="191">
        <v>4</v>
      </c>
      <c r="AA10" s="196">
        <v>4</v>
      </c>
      <c r="AB10" s="193">
        <v>0</v>
      </c>
      <c r="AC10" s="191">
        <v>445</v>
      </c>
      <c r="AD10" s="191">
        <v>479</v>
      </c>
      <c r="AE10" s="191">
        <v>215</v>
      </c>
      <c r="AF10" s="191">
        <v>170</v>
      </c>
      <c r="AG10" s="191">
        <v>207</v>
      </c>
      <c r="AH10" s="196">
        <v>1516</v>
      </c>
      <c r="AI10" s="195">
        <v>1520</v>
      </c>
      <c r="AJ10" s="190">
        <v>0</v>
      </c>
      <c r="AK10" s="191">
        <v>16</v>
      </c>
      <c r="AL10" s="196">
        <v>16</v>
      </c>
      <c r="AM10" s="193">
        <v>0</v>
      </c>
      <c r="AN10" s="191">
        <v>137</v>
      </c>
      <c r="AO10" s="191">
        <v>75</v>
      </c>
      <c r="AP10" s="191">
        <v>39</v>
      </c>
      <c r="AQ10" s="191">
        <v>32</v>
      </c>
      <c r="AR10" s="191">
        <v>20</v>
      </c>
      <c r="AS10" s="196">
        <v>303</v>
      </c>
      <c r="AT10" s="195">
        <v>319</v>
      </c>
      <c r="AU10" s="190">
        <v>0</v>
      </c>
      <c r="AV10" s="191">
        <v>0</v>
      </c>
      <c r="AW10" s="196">
        <v>0</v>
      </c>
      <c r="AX10" s="193">
        <v>0</v>
      </c>
      <c r="AY10" s="191">
        <v>1247</v>
      </c>
      <c r="AZ10" s="191">
        <v>618</v>
      </c>
      <c r="BA10" s="191">
        <v>401</v>
      </c>
      <c r="BB10" s="191">
        <v>144</v>
      </c>
      <c r="BC10" s="191">
        <v>81</v>
      </c>
      <c r="BD10" s="194">
        <v>2491</v>
      </c>
      <c r="BE10" s="195">
        <v>2491</v>
      </c>
      <c r="BF10" s="190">
        <v>0</v>
      </c>
      <c r="BG10" s="191">
        <v>0</v>
      </c>
      <c r="BH10" s="196">
        <v>0</v>
      </c>
      <c r="BI10" s="193">
        <v>0</v>
      </c>
      <c r="BJ10" s="191">
        <v>169</v>
      </c>
      <c r="BK10" s="191">
        <v>208</v>
      </c>
      <c r="BL10" s="191">
        <v>66</v>
      </c>
      <c r="BM10" s="191">
        <v>38</v>
      </c>
      <c r="BN10" s="191">
        <v>17</v>
      </c>
      <c r="BO10" s="196">
        <v>498</v>
      </c>
      <c r="BP10" s="195">
        <v>498</v>
      </c>
      <c r="BQ10" s="190">
        <v>0</v>
      </c>
      <c r="BR10" s="191">
        <v>0</v>
      </c>
      <c r="BS10" s="196">
        <v>0</v>
      </c>
      <c r="BT10" s="193">
        <v>0</v>
      </c>
      <c r="BU10" s="191">
        <v>112</v>
      </c>
      <c r="BV10" s="191">
        <v>238</v>
      </c>
      <c r="BW10" s="191">
        <v>249</v>
      </c>
      <c r="BX10" s="191">
        <v>224</v>
      </c>
      <c r="BY10" s="191">
        <v>135</v>
      </c>
      <c r="BZ10" s="196">
        <v>958</v>
      </c>
      <c r="CA10" s="195">
        <v>958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15</v>
      </c>
      <c r="CH10" s="191">
        <v>12</v>
      </c>
      <c r="CI10" s="191">
        <v>16</v>
      </c>
      <c r="CJ10" s="191">
        <v>0</v>
      </c>
      <c r="CK10" s="196">
        <v>43</v>
      </c>
      <c r="CL10" s="195">
        <v>43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0</v>
      </c>
      <c r="CS10" s="191">
        <v>0</v>
      </c>
      <c r="CT10" s="191">
        <v>0</v>
      </c>
      <c r="CU10" s="191">
        <v>0</v>
      </c>
      <c r="CV10" s="196">
        <v>0</v>
      </c>
      <c r="CW10" s="195">
        <v>0</v>
      </c>
      <c r="CX10" s="190">
        <v>0</v>
      </c>
      <c r="CY10" s="191">
        <v>0</v>
      </c>
      <c r="CZ10" s="196">
        <v>0</v>
      </c>
      <c r="DA10" s="193">
        <v>0</v>
      </c>
      <c r="DB10" s="191">
        <v>0</v>
      </c>
      <c r="DC10" s="191">
        <v>0</v>
      </c>
      <c r="DD10" s="191">
        <v>0</v>
      </c>
      <c r="DE10" s="191">
        <v>0</v>
      </c>
      <c r="DF10" s="191">
        <v>0</v>
      </c>
      <c r="DG10" s="196">
        <v>0</v>
      </c>
      <c r="DH10" s="195">
        <v>0</v>
      </c>
    </row>
    <row r="11" spans="2:112" ht="21" customHeight="1" x14ac:dyDescent="0.2">
      <c r="B11" s="106" t="s">
        <v>8</v>
      </c>
      <c r="C11" s="190">
        <v>0</v>
      </c>
      <c r="D11" s="191">
        <v>0</v>
      </c>
      <c r="E11" s="192">
        <v>0</v>
      </c>
      <c r="F11" s="193">
        <v>0</v>
      </c>
      <c r="G11" s="191">
        <v>236</v>
      </c>
      <c r="H11" s="191">
        <v>552</v>
      </c>
      <c r="I11" s="191">
        <v>862</v>
      </c>
      <c r="J11" s="191">
        <v>542</v>
      </c>
      <c r="K11" s="191">
        <v>719</v>
      </c>
      <c r="L11" s="194">
        <v>2911</v>
      </c>
      <c r="M11" s="195">
        <v>2911</v>
      </c>
      <c r="N11" s="190">
        <v>0</v>
      </c>
      <c r="O11" s="191">
        <v>0</v>
      </c>
      <c r="P11" s="196">
        <v>0</v>
      </c>
      <c r="Q11" s="193">
        <v>0</v>
      </c>
      <c r="R11" s="191">
        <v>5</v>
      </c>
      <c r="S11" s="191">
        <v>3</v>
      </c>
      <c r="T11" s="191">
        <v>10</v>
      </c>
      <c r="U11" s="191">
        <v>0</v>
      </c>
      <c r="V11" s="191">
        <v>30</v>
      </c>
      <c r="W11" s="196">
        <v>48</v>
      </c>
      <c r="X11" s="195">
        <v>48</v>
      </c>
      <c r="Y11" s="190">
        <v>6</v>
      </c>
      <c r="Z11" s="191">
        <v>17</v>
      </c>
      <c r="AA11" s="196">
        <v>23</v>
      </c>
      <c r="AB11" s="193">
        <v>0</v>
      </c>
      <c r="AC11" s="191">
        <v>167</v>
      </c>
      <c r="AD11" s="191">
        <v>218</v>
      </c>
      <c r="AE11" s="191">
        <v>212</v>
      </c>
      <c r="AF11" s="191">
        <v>120</v>
      </c>
      <c r="AG11" s="191">
        <v>96</v>
      </c>
      <c r="AH11" s="196">
        <v>813</v>
      </c>
      <c r="AI11" s="195">
        <v>836</v>
      </c>
      <c r="AJ11" s="190">
        <v>12</v>
      </c>
      <c r="AK11" s="191">
        <v>16</v>
      </c>
      <c r="AL11" s="196">
        <v>28</v>
      </c>
      <c r="AM11" s="193">
        <v>0</v>
      </c>
      <c r="AN11" s="191">
        <v>53</v>
      </c>
      <c r="AO11" s="191">
        <v>67</v>
      </c>
      <c r="AP11" s="191">
        <v>40</v>
      </c>
      <c r="AQ11" s="191">
        <v>12</v>
      </c>
      <c r="AR11" s="191">
        <v>6</v>
      </c>
      <c r="AS11" s="196">
        <v>178</v>
      </c>
      <c r="AT11" s="195">
        <v>206</v>
      </c>
      <c r="AU11" s="190">
        <v>0</v>
      </c>
      <c r="AV11" s="191">
        <v>0</v>
      </c>
      <c r="AW11" s="196">
        <v>0</v>
      </c>
      <c r="AX11" s="193">
        <v>0</v>
      </c>
      <c r="AY11" s="191">
        <v>377</v>
      </c>
      <c r="AZ11" s="191">
        <v>357</v>
      </c>
      <c r="BA11" s="191">
        <v>156</v>
      </c>
      <c r="BB11" s="191">
        <v>220</v>
      </c>
      <c r="BC11" s="191">
        <v>53</v>
      </c>
      <c r="BD11" s="194">
        <v>1163</v>
      </c>
      <c r="BE11" s="195">
        <v>1163</v>
      </c>
      <c r="BF11" s="190">
        <v>0</v>
      </c>
      <c r="BG11" s="191">
        <v>0</v>
      </c>
      <c r="BH11" s="196">
        <v>0</v>
      </c>
      <c r="BI11" s="193">
        <v>0</v>
      </c>
      <c r="BJ11" s="191">
        <v>74</v>
      </c>
      <c r="BK11" s="191">
        <v>98</v>
      </c>
      <c r="BL11" s="191">
        <v>31</v>
      </c>
      <c r="BM11" s="191">
        <v>7</v>
      </c>
      <c r="BN11" s="191">
        <v>7</v>
      </c>
      <c r="BO11" s="196">
        <v>217</v>
      </c>
      <c r="BP11" s="195">
        <v>217</v>
      </c>
      <c r="BQ11" s="190">
        <v>14</v>
      </c>
      <c r="BR11" s="191">
        <v>10</v>
      </c>
      <c r="BS11" s="196">
        <v>24</v>
      </c>
      <c r="BT11" s="193">
        <v>0</v>
      </c>
      <c r="BU11" s="191">
        <v>17</v>
      </c>
      <c r="BV11" s="191">
        <v>50</v>
      </c>
      <c r="BW11" s="191">
        <v>85</v>
      </c>
      <c r="BX11" s="191">
        <v>34</v>
      </c>
      <c r="BY11" s="191">
        <v>32</v>
      </c>
      <c r="BZ11" s="196">
        <v>218</v>
      </c>
      <c r="CA11" s="195">
        <v>242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0</v>
      </c>
      <c r="CI11" s="191">
        <v>0</v>
      </c>
      <c r="CJ11" s="191">
        <v>3</v>
      </c>
      <c r="CK11" s="196">
        <v>3</v>
      </c>
      <c r="CL11" s="195">
        <v>3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0</v>
      </c>
      <c r="CU11" s="191">
        <v>0</v>
      </c>
      <c r="CV11" s="196">
        <v>0</v>
      </c>
      <c r="CW11" s="195">
        <v>0</v>
      </c>
      <c r="CX11" s="190">
        <v>0</v>
      </c>
      <c r="CY11" s="191">
        <v>0</v>
      </c>
      <c r="CZ11" s="196">
        <v>0</v>
      </c>
      <c r="DA11" s="193">
        <v>0</v>
      </c>
      <c r="DB11" s="191">
        <v>0</v>
      </c>
      <c r="DC11" s="191">
        <v>0</v>
      </c>
      <c r="DD11" s="191">
        <v>0</v>
      </c>
      <c r="DE11" s="191">
        <v>0</v>
      </c>
      <c r="DF11" s="191">
        <v>0</v>
      </c>
      <c r="DG11" s="196">
        <v>0</v>
      </c>
      <c r="DH11" s="195">
        <v>0</v>
      </c>
    </row>
    <row r="12" spans="2:112" ht="21" customHeight="1" x14ac:dyDescent="0.2">
      <c r="B12" s="106" t="s">
        <v>9</v>
      </c>
      <c r="C12" s="190">
        <v>0</v>
      </c>
      <c r="D12" s="191">
        <v>0</v>
      </c>
      <c r="E12" s="192">
        <v>0</v>
      </c>
      <c r="F12" s="193">
        <v>0</v>
      </c>
      <c r="G12" s="191">
        <v>557</v>
      </c>
      <c r="H12" s="191">
        <v>609</v>
      </c>
      <c r="I12" s="191">
        <v>975</v>
      </c>
      <c r="J12" s="191">
        <v>1508</v>
      </c>
      <c r="K12" s="191">
        <v>988</v>
      </c>
      <c r="L12" s="194">
        <v>4637</v>
      </c>
      <c r="M12" s="195">
        <v>4637</v>
      </c>
      <c r="N12" s="190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0</v>
      </c>
      <c r="T12" s="191">
        <v>0</v>
      </c>
      <c r="U12" s="191">
        <v>12</v>
      </c>
      <c r="V12" s="191">
        <v>26</v>
      </c>
      <c r="W12" s="196">
        <v>38</v>
      </c>
      <c r="X12" s="195">
        <v>38</v>
      </c>
      <c r="Y12" s="190">
        <v>68</v>
      </c>
      <c r="Z12" s="191">
        <v>61</v>
      </c>
      <c r="AA12" s="196">
        <v>129</v>
      </c>
      <c r="AB12" s="193">
        <v>0</v>
      </c>
      <c r="AC12" s="191">
        <v>436</v>
      </c>
      <c r="AD12" s="191">
        <v>194</v>
      </c>
      <c r="AE12" s="191">
        <v>309</v>
      </c>
      <c r="AF12" s="191">
        <v>201</v>
      </c>
      <c r="AG12" s="191">
        <v>290</v>
      </c>
      <c r="AH12" s="196">
        <v>1430</v>
      </c>
      <c r="AI12" s="195">
        <v>1559</v>
      </c>
      <c r="AJ12" s="190">
        <v>0</v>
      </c>
      <c r="AK12" s="191">
        <v>16</v>
      </c>
      <c r="AL12" s="196">
        <v>16</v>
      </c>
      <c r="AM12" s="193">
        <v>0</v>
      </c>
      <c r="AN12" s="191">
        <v>25</v>
      </c>
      <c r="AO12" s="191">
        <v>8</v>
      </c>
      <c r="AP12" s="191">
        <v>0</v>
      </c>
      <c r="AQ12" s="191">
        <v>30</v>
      </c>
      <c r="AR12" s="191">
        <v>51</v>
      </c>
      <c r="AS12" s="196">
        <v>114</v>
      </c>
      <c r="AT12" s="195">
        <v>130</v>
      </c>
      <c r="AU12" s="190">
        <v>0</v>
      </c>
      <c r="AV12" s="191">
        <v>0</v>
      </c>
      <c r="AW12" s="196">
        <v>0</v>
      </c>
      <c r="AX12" s="193">
        <v>0</v>
      </c>
      <c r="AY12" s="191">
        <v>373</v>
      </c>
      <c r="AZ12" s="191">
        <v>243</v>
      </c>
      <c r="BA12" s="191">
        <v>277</v>
      </c>
      <c r="BB12" s="191">
        <v>97</v>
      </c>
      <c r="BC12" s="191">
        <v>24</v>
      </c>
      <c r="BD12" s="194">
        <v>1014</v>
      </c>
      <c r="BE12" s="195">
        <v>1014</v>
      </c>
      <c r="BF12" s="190">
        <v>0</v>
      </c>
      <c r="BG12" s="191">
        <v>0</v>
      </c>
      <c r="BH12" s="196">
        <v>0</v>
      </c>
      <c r="BI12" s="193">
        <v>0</v>
      </c>
      <c r="BJ12" s="191">
        <v>109</v>
      </c>
      <c r="BK12" s="191">
        <v>95</v>
      </c>
      <c r="BL12" s="191">
        <v>85</v>
      </c>
      <c r="BM12" s="191">
        <v>102</v>
      </c>
      <c r="BN12" s="191">
        <v>0</v>
      </c>
      <c r="BO12" s="196">
        <v>391</v>
      </c>
      <c r="BP12" s="195">
        <v>391</v>
      </c>
      <c r="BQ12" s="190">
        <v>0</v>
      </c>
      <c r="BR12" s="191">
        <v>0</v>
      </c>
      <c r="BS12" s="196">
        <v>0</v>
      </c>
      <c r="BT12" s="193">
        <v>0</v>
      </c>
      <c r="BU12" s="191">
        <v>23</v>
      </c>
      <c r="BV12" s="191">
        <v>13</v>
      </c>
      <c r="BW12" s="191">
        <v>151</v>
      </c>
      <c r="BX12" s="191">
        <v>35</v>
      </c>
      <c r="BY12" s="191">
        <v>29</v>
      </c>
      <c r="BZ12" s="196">
        <v>251</v>
      </c>
      <c r="CA12" s="195">
        <v>251</v>
      </c>
      <c r="CB12" s="190">
        <v>0</v>
      </c>
      <c r="CC12" s="191">
        <v>0</v>
      </c>
      <c r="CD12" s="196">
        <v>0</v>
      </c>
      <c r="CE12" s="193">
        <v>0</v>
      </c>
      <c r="CF12" s="191">
        <v>6</v>
      </c>
      <c r="CG12" s="191">
        <v>20</v>
      </c>
      <c r="CH12" s="191">
        <v>6</v>
      </c>
      <c r="CI12" s="191">
        <v>3</v>
      </c>
      <c r="CJ12" s="191">
        <v>3</v>
      </c>
      <c r="CK12" s="196">
        <v>38</v>
      </c>
      <c r="CL12" s="195">
        <v>38</v>
      </c>
      <c r="CM12" s="190">
        <v>0</v>
      </c>
      <c r="CN12" s="191">
        <v>0</v>
      </c>
      <c r="CO12" s="196">
        <v>0</v>
      </c>
      <c r="CP12" s="193">
        <v>0</v>
      </c>
      <c r="CQ12" s="191">
        <v>0</v>
      </c>
      <c r="CR12" s="191">
        <v>0</v>
      </c>
      <c r="CS12" s="191">
        <v>0</v>
      </c>
      <c r="CT12" s="191">
        <v>0</v>
      </c>
      <c r="CU12" s="191">
        <v>0</v>
      </c>
      <c r="CV12" s="196">
        <v>0</v>
      </c>
      <c r="CW12" s="195">
        <v>0</v>
      </c>
      <c r="CX12" s="190">
        <v>0</v>
      </c>
      <c r="CY12" s="191">
        <v>0</v>
      </c>
      <c r="CZ12" s="196">
        <v>0</v>
      </c>
      <c r="DA12" s="193">
        <v>0</v>
      </c>
      <c r="DB12" s="191">
        <v>0</v>
      </c>
      <c r="DC12" s="191">
        <v>0</v>
      </c>
      <c r="DD12" s="191">
        <v>0</v>
      </c>
      <c r="DE12" s="191">
        <v>0</v>
      </c>
      <c r="DF12" s="191">
        <v>0</v>
      </c>
      <c r="DG12" s="196">
        <v>0</v>
      </c>
      <c r="DH12" s="195">
        <v>0</v>
      </c>
    </row>
    <row r="13" spans="2:112" ht="21" customHeight="1" x14ac:dyDescent="0.2">
      <c r="B13" s="106" t="s">
        <v>10</v>
      </c>
      <c r="C13" s="190">
        <v>0</v>
      </c>
      <c r="D13" s="191">
        <v>0</v>
      </c>
      <c r="E13" s="192">
        <v>0</v>
      </c>
      <c r="F13" s="193">
        <v>0</v>
      </c>
      <c r="G13" s="191">
        <v>1081</v>
      </c>
      <c r="H13" s="191">
        <v>1008</v>
      </c>
      <c r="I13" s="191">
        <v>941</v>
      </c>
      <c r="J13" s="191">
        <v>2064</v>
      </c>
      <c r="K13" s="191">
        <v>1450</v>
      </c>
      <c r="L13" s="194">
        <v>6544</v>
      </c>
      <c r="M13" s="195">
        <v>6544</v>
      </c>
      <c r="N13" s="190">
        <v>0</v>
      </c>
      <c r="O13" s="191">
        <v>0</v>
      </c>
      <c r="P13" s="196">
        <v>0</v>
      </c>
      <c r="Q13" s="193">
        <v>0</v>
      </c>
      <c r="R13" s="191">
        <v>0</v>
      </c>
      <c r="S13" s="191">
        <v>5</v>
      </c>
      <c r="T13" s="191">
        <v>13</v>
      </c>
      <c r="U13" s="191">
        <v>32</v>
      </c>
      <c r="V13" s="191">
        <v>43</v>
      </c>
      <c r="W13" s="196">
        <v>93</v>
      </c>
      <c r="X13" s="195">
        <v>93</v>
      </c>
      <c r="Y13" s="190">
        <v>105</v>
      </c>
      <c r="Z13" s="191">
        <v>114</v>
      </c>
      <c r="AA13" s="196">
        <v>219</v>
      </c>
      <c r="AB13" s="193">
        <v>0</v>
      </c>
      <c r="AC13" s="191">
        <v>656</v>
      </c>
      <c r="AD13" s="191">
        <v>287</v>
      </c>
      <c r="AE13" s="191">
        <v>253</v>
      </c>
      <c r="AF13" s="191">
        <v>318</v>
      </c>
      <c r="AG13" s="191">
        <v>199</v>
      </c>
      <c r="AH13" s="196">
        <v>1713</v>
      </c>
      <c r="AI13" s="195">
        <v>1932</v>
      </c>
      <c r="AJ13" s="190">
        <v>6</v>
      </c>
      <c r="AK13" s="191">
        <v>20</v>
      </c>
      <c r="AL13" s="196">
        <v>26</v>
      </c>
      <c r="AM13" s="193">
        <v>0</v>
      </c>
      <c r="AN13" s="191">
        <v>119</v>
      </c>
      <c r="AO13" s="191">
        <v>75</v>
      </c>
      <c r="AP13" s="191">
        <v>37</v>
      </c>
      <c r="AQ13" s="191">
        <v>20</v>
      </c>
      <c r="AR13" s="191">
        <v>45</v>
      </c>
      <c r="AS13" s="196">
        <v>296</v>
      </c>
      <c r="AT13" s="195">
        <v>322</v>
      </c>
      <c r="AU13" s="190">
        <v>0</v>
      </c>
      <c r="AV13" s="191">
        <v>0</v>
      </c>
      <c r="AW13" s="196">
        <v>0</v>
      </c>
      <c r="AX13" s="193">
        <v>0</v>
      </c>
      <c r="AY13" s="191">
        <v>1012</v>
      </c>
      <c r="AZ13" s="191">
        <v>643</v>
      </c>
      <c r="BA13" s="191">
        <v>265</v>
      </c>
      <c r="BB13" s="191">
        <v>175</v>
      </c>
      <c r="BC13" s="191">
        <v>93</v>
      </c>
      <c r="BD13" s="194">
        <v>2188</v>
      </c>
      <c r="BE13" s="195">
        <v>2188</v>
      </c>
      <c r="BF13" s="190">
        <v>0</v>
      </c>
      <c r="BG13" s="191">
        <v>0</v>
      </c>
      <c r="BH13" s="196">
        <v>0</v>
      </c>
      <c r="BI13" s="193">
        <v>0</v>
      </c>
      <c r="BJ13" s="191">
        <v>146</v>
      </c>
      <c r="BK13" s="191">
        <v>74</v>
      </c>
      <c r="BL13" s="191">
        <v>59</v>
      </c>
      <c r="BM13" s="191">
        <v>37</v>
      </c>
      <c r="BN13" s="191">
        <v>17</v>
      </c>
      <c r="BO13" s="196">
        <v>333</v>
      </c>
      <c r="BP13" s="195">
        <v>333</v>
      </c>
      <c r="BQ13" s="190">
        <v>0</v>
      </c>
      <c r="BR13" s="191">
        <v>57</v>
      </c>
      <c r="BS13" s="196">
        <v>57</v>
      </c>
      <c r="BT13" s="193">
        <v>0</v>
      </c>
      <c r="BU13" s="191">
        <v>134</v>
      </c>
      <c r="BV13" s="191">
        <v>109</v>
      </c>
      <c r="BW13" s="191">
        <v>90</v>
      </c>
      <c r="BX13" s="191">
        <v>133</v>
      </c>
      <c r="BY13" s="191">
        <v>55</v>
      </c>
      <c r="BZ13" s="196">
        <v>521</v>
      </c>
      <c r="CA13" s="195">
        <v>578</v>
      </c>
      <c r="CB13" s="190">
        <v>0</v>
      </c>
      <c r="CC13" s="191">
        <v>5</v>
      </c>
      <c r="CD13" s="196">
        <v>5</v>
      </c>
      <c r="CE13" s="193">
        <v>0</v>
      </c>
      <c r="CF13" s="191">
        <v>1</v>
      </c>
      <c r="CG13" s="191">
        <v>4</v>
      </c>
      <c r="CH13" s="191">
        <v>23</v>
      </c>
      <c r="CI13" s="191">
        <v>0</v>
      </c>
      <c r="CJ13" s="191">
        <v>0</v>
      </c>
      <c r="CK13" s="196">
        <v>28</v>
      </c>
      <c r="CL13" s="195">
        <v>33</v>
      </c>
      <c r="CM13" s="190">
        <v>0</v>
      </c>
      <c r="CN13" s="191">
        <v>0</v>
      </c>
      <c r="CO13" s="196">
        <v>0</v>
      </c>
      <c r="CP13" s="193">
        <v>0</v>
      </c>
      <c r="CQ13" s="191">
        <v>0</v>
      </c>
      <c r="CR13" s="191">
        <v>0</v>
      </c>
      <c r="CS13" s="191">
        <v>0</v>
      </c>
      <c r="CT13" s="191">
        <v>0</v>
      </c>
      <c r="CU13" s="191">
        <v>0</v>
      </c>
      <c r="CV13" s="196">
        <v>0</v>
      </c>
      <c r="CW13" s="195">
        <v>0</v>
      </c>
      <c r="CX13" s="190">
        <v>0</v>
      </c>
      <c r="CY13" s="191">
        <v>0</v>
      </c>
      <c r="CZ13" s="196">
        <v>0</v>
      </c>
      <c r="DA13" s="193">
        <v>0</v>
      </c>
      <c r="DB13" s="191">
        <v>0</v>
      </c>
      <c r="DC13" s="191">
        <v>0</v>
      </c>
      <c r="DD13" s="191">
        <v>0</v>
      </c>
      <c r="DE13" s="191">
        <v>0</v>
      </c>
      <c r="DF13" s="191">
        <v>0</v>
      </c>
      <c r="DG13" s="196">
        <v>0</v>
      </c>
      <c r="DH13" s="195">
        <v>0</v>
      </c>
    </row>
    <row r="14" spans="2:112" ht="21" customHeight="1" x14ac:dyDescent="0.2">
      <c r="B14" s="106" t="s">
        <v>11</v>
      </c>
      <c r="C14" s="190">
        <v>0</v>
      </c>
      <c r="D14" s="191">
        <v>0</v>
      </c>
      <c r="E14" s="192">
        <v>0</v>
      </c>
      <c r="F14" s="193">
        <v>0</v>
      </c>
      <c r="G14" s="191">
        <v>353</v>
      </c>
      <c r="H14" s="191">
        <v>228</v>
      </c>
      <c r="I14" s="191">
        <v>163</v>
      </c>
      <c r="J14" s="191">
        <v>832</v>
      </c>
      <c r="K14" s="191">
        <v>202</v>
      </c>
      <c r="L14" s="194">
        <v>1778</v>
      </c>
      <c r="M14" s="195">
        <v>1778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9</v>
      </c>
      <c r="T14" s="191">
        <v>0</v>
      </c>
      <c r="U14" s="191">
        <v>44</v>
      </c>
      <c r="V14" s="191">
        <v>24</v>
      </c>
      <c r="W14" s="196">
        <v>77</v>
      </c>
      <c r="X14" s="195">
        <v>77</v>
      </c>
      <c r="Y14" s="190">
        <v>20</v>
      </c>
      <c r="Z14" s="191">
        <v>27</v>
      </c>
      <c r="AA14" s="196">
        <v>47</v>
      </c>
      <c r="AB14" s="193">
        <v>0</v>
      </c>
      <c r="AC14" s="191">
        <v>161</v>
      </c>
      <c r="AD14" s="191">
        <v>202</v>
      </c>
      <c r="AE14" s="191">
        <v>123</v>
      </c>
      <c r="AF14" s="191">
        <v>207</v>
      </c>
      <c r="AG14" s="191">
        <v>80</v>
      </c>
      <c r="AH14" s="196">
        <v>773</v>
      </c>
      <c r="AI14" s="195">
        <v>820</v>
      </c>
      <c r="AJ14" s="190">
        <v>0</v>
      </c>
      <c r="AK14" s="191">
        <v>9</v>
      </c>
      <c r="AL14" s="196">
        <v>9</v>
      </c>
      <c r="AM14" s="193">
        <v>0</v>
      </c>
      <c r="AN14" s="191">
        <v>16</v>
      </c>
      <c r="AO14" s="191">
        <v>12</v>
      </c>
      <c r="AP14" s="191">
        <v>42</v>
      </c>
      <c r="AQ14" s="191">
        <v>8</v>
      </c>
      <c r="AR14" s="191">
        <v>24</v>
      </c>
      <c r="AS14" s="196">
        <v>102</v>
      </c>
      <c r="AT14" s="195">
        <v>111</v>
      </c>
      <c r="AU14" s="190">
        <v>0</v>
      </c>
      <c r="AV14" s="191">
        <v>0</v>
      </c>
      <c r="AW14" s="196">
        <v>0</v>
      </c>
      <c r="AX14" s="193">
        <v>0</v>
      </c>
      <c r="AY14" s="191">
        <v>363</v>
      </c>
      <c r="AZ14" s="191">
        <v>287</v>
      </c>
      <c r="BA14" s="191">
        <v>201</v>
      </c>
      <c r="BB14" s="191">
        <v>68</v>
      </c>
      <c r="BC14" s="191">
        <v>18</v>
      </c>
      <c r="BD14" s="194">
        <v>937</v>
      </c>
      <c r="BE14" s="195">
        <v>937</v>
      </c>
      <c r="BF14" s="190">
        <v>0</v>
      </c>
      <c r="BG14" s="191">
        <v>0</v>
      </c>
      <c r="BH14" s="196">
        <v>0</v>
      </c>
      <c r="BI14" s="193">
        <v>0</v>
      </c>
      <c r="BJ14" s="191">
        <v>178</v>
      </c>
      <c r="BK14" s="191">
        <v>85</v>
      </c>
      <c r="BL14" s="191">
        <v>27</v>
      </c>
      <c r="BM14" s="191">
        <v>57</v>
      </c>
      <c r="BN14" s="191">
        <v>6</v>
      </c>
      <c r="BO14" s="196">
        <v>353</v>
      </c>
      <c r="BP14" s="195">
        <v>353</v>
      </c>
      <c r="BQ14" s="190">
        <v>0</v>
      </c>
      <c r="BR14" s="191">
        <v>0</v>
      </c>
      <c r="BS14" s="196">
        <v>0</v>
      </c>
      <c r="BT14" s="193">
        <v>0</v>
      </c>
      <c r="BU14" s="191">
        <v>28</v>
      </c>
      <c r="BV14" s="191">
        <v>59</v>
      </c>
      <c r="BW14" s="191">
        <v>42</v>
      </c>
      <c r="BX14" s="191">
        <v>21</v>
      </c>
      <c r="BY14" s="191">
        <v>0</v>
      </c>
      <c r="BZ14" s="196">
        <v>150</v>
      </c>
      <c r="CA14" s="195">
        <v>150</v>
      </c>
      <c r="CB14" s="190">
        <v>0</v>
      </c>
      <c r="CC14" s="191">
        <v>0</v>
      </c>
      <c r="CD14" s="196">
        <v>0</v>
      </c>
      <c r="CE14" s="193">
        <v>0</v>
      </c>
      <c r="CF14" s="191">
        <v>14</v>
      </c>
      <c r="CG14" s="191">
        <v>0</v>
      </c>
      <c r="CH14" s="191">
        <v>10</v>
      </c>
      <c r="CI14" s="191">
        <v>17</v>
      </c>
      <c r="CJ14" s="191">
        <v>0</v>
      </c>
      <c r="CK14" s="196">
        <v>41</v>
      </c>
      <c r="CL14" s="195">
        <v>41</v>
      </c>
      <c r="CM14" s="190">
        <v>0</v>
      </c>
      <c r="CN14" s="191">
        <v>0</v>
      </c>
      <c r="CO14" s="196">
        <v>0</v>
      </c>
      <c r="CP14" s="193">
        <v>0</v>
      </c>
      <c r="CQ14" s="191">
        <v>0</v>
      </c>
      <c r="CR14" s="191">
        <v>0</v>
      </c>
      <c r="CS14" s="191">
        <v>0</v>
      </c>
      <c r="CT14" s="191">
        <v>0</v>
      </c>
      <c r="CU14" s="191">
        <v>0</v>
      </c>
      <c r="CV14" s="196">
        <v>0</v>
      </c>
      <c r="CW14" s="195">
        <v>0</v>
      </c>
      <c r="CX14" s="190">
        <v>0</v>
      </c>
      <c r="CY14" s="191">
        <v>0</v>
      </c>
      <c r="CZ14" s="196">
        <v>0</v>
      </c>
      <c r="DA14" s="193">
        <v>0</v>
      </c>
      <c r="DB14" s="191">
        <v>0</v>
      </c>
      <c r="DC14" s="191">
        <v>0</v>
      </c>
      <c r="DD14" s="191">
        <v>0</v>
      </c>
      <c r="DE14" s="191">
        <v>0</v>
      </c>
      <c r="DF14" s="191">
        <v>0</v>
      </c>
      <c r="DG14" s="196">
        <v>0</v>
      </c>
      <c r="DH14" s="195">
        <v>0</v>
      </c>
    </row>
    <row r="15" spans="2:112" ht="21" customHeight="1" x14ac:dyDescent="0.2">
      <c r="B15" s="106" t="s">
        <v>12</v>
      </c>
      <c r="C15" s="190">
        <v>0</v>
      </c>
      <c r="D15" s="191">
        <v>0</v>
      </c>
      <c r="E15" s="192">
        <v>0</v>
      </c>
      <c r="F15" s="193">
        <v>0</v>
      </c>
      <c r="G15" s="191">
        <v>342</v>
      </c>
      <c r="H15" s="191">
        <v>1061</v>
      </c>
      <c r="I15" s="191">
        <v>598</v>
      </c>
      <c r="J15" s="191">
        <v>1114</v>
      </c>
      <c r="K15" s="191">
        <v>481</v>
      </c>
      <c r="L15" s="194">
        <v>3596</v>
      </c>
      <c r="M15" s="195">
        <v>3596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5</v>
      </c>
      <c r="T15" s="191">
        <v>22</v>
      </c>
      <c r="U15" s="191">
        <v>5</v>
      </c>
      <c r="V15" s="191">
        <v>17</v>
      </c>
      <c r="W15" s="196">
        <v>49</v>
      </c>
      <c r="X15" s="195">
        <v>49</v>
      </c>
      <c r="Y15" s="190">
        <v>60</v>
      </c>
      <c r="Z15" s="191">
        <v>195</v>
      </c>
      <c r="AA15" s="196">
        <v>255</v>
      </c>
      <c r="AB15" s="193">
        <v>0</v>
      </c>
      <c r="AC15" s="191">
        <v>179</v>
      </c>
      <c r="AD15" s="191">
        <v>414</v>
      </c>
      <c r="AE15" s="191">
        <v>187</v>
      </c>
      <c r="AF15" s="191">
        <v>118</v>
      </c>
      <c r="AG15" s="191">
        <v>72</v>
      </c>
      <c r="AH15" s="196">
        <v>970</v>
      </c>
      <c r="AI15" s="195">
        <v>1225</v>
      </c>
      <c r="AJ15" s="190">
        <v>0</v>
      </c>
      <c r="AK15" s="191">
        <v>10</v>
      </c>
      <c r="AL15" s="196">
        <v>10</v>
      </c>
      <c r="AM15" s="193">
        <v>0</v>
      </c>
      <c r="AN15" s="191">
        <v>0</v>
      </c>
      <c r="AO15" s="191">
        <v>52</v>
      </c>
      <c r="AP15" s="191">
        <v>24</v>
      </c>
      <c r="AQ15" s="191">
        <v>18</v>
      </c>
      <c r="AR15" s="191">
        <v>0</v>
      </c>
      <c r="AS15" s="196">
        <v>94</v>
      </c>
      <c r="AT15" s="195">
        <v>104</v>
      </c>
      <c r="AU15" s="190">
        <v>0</v>
      </c>
      <c r="AV15" s="191">
        <v>0</v>
      </c>
      <c r="AW15" s="196">
        <v>0</v>
      </c>
      <c r="AX15" s="193">
        <v>0</v>
      </c>
      <c r="AY15" s="191">
        <v>461</v>
      </c>
      <c r="AZ15" s="191">
        <v>436</v>
      </c>
      <c r="BA15" s="191">
        <v>323</v>
      </c>
      <c r="BB15" s="191">
        <v>115</v>
      </c>
      <c r="BC15" s="191">
        <v>15</v>
      </c>
      <c r="BD15" s="194">
        <v>1350</v>
      </c>
      <c r="BE15" s="195">
        <v>1350</v>
      </c>
      <c r="BF15" s="190">
        <v>0</v>
      </c>
      <c r="BG15" s="191">
        <v>0</v>
      </c>
      <c r="BH15" s="196">
        <v>0</v>
      </c>
      <c r="BI15" s="193">
        <v>0</v>
      </c>
      <c r="BJ15" s="191">
        <v>50</v>
      </c>
      <c r="BK15" s="191">
        <v>186</v>
      </c>
      <c r="BL15" s="191">
        <v>88</v>
      </c>
      <c r="BM15" s="191">
        <v>31</v>
      </c>
      <c r="BN15" s="191">
        <v>3</v>
      </c>
      <c r="BO15" s="196">
        <v>358</v>
      </c>
      <c r="BP15" s="195">
        <v>358</v>
      </c>
      <c r="BQ15" s="190">
        <v>0</v>
      </c>
      <c r="BR15" s="191">
        <v>10</v>
      </c>
      <c r="BS15" s="196">
        <v>10</v>
      </c>
      <c r="BT15" s="193">
        <v>0</v>
      </c>
      <c r="BU15" s="191">
        <v>25</v>
      </c>
      <c r="BV15" s="191">
        <v>87</v>
      </c>
      <c r="BW15" s="191">
        <v>60</v>
      </c>
      <c r="BX15" s="191">
        <v>87</v>
      </c>
      <c r="BY15" s="191">
        <v>84</v>
      </c>
      <c r="BZ15" s="196">
        <v>343</v>
      </c>
      <c r="CA15" s="195">
        <v>353</v>
      </c>
      <c r="CB15" s="190">
        <v>0</v>
      </c>
      <c r="CC15" s="191">
        <v>0</v>
      </c>
      <c r="CD15" s="196">
        <v>0</v>
      </c>
      <c r="CE15" s="193">
        <v>0</v>
      </c>
      <c r="CF15" s="191">
        <v>5</v>
      </c>
      <c r="CG15" s="191">
        <v>5</v>
      </c>
      <c r="CH15" s="191">
        <v>3</v>
      </c>
      <c r="CI15" s="191">
        <v>13</v>
      </c>
      <c r="CJ15" s="191">
        <v>0</v>
      </c>
      <c r="CK15" s="196">
        <v>26</v>
      </c>
      <c r="CL15" s="195">
        <v>26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0</v>
      </c>
      <c r="CS15" s="191">
        <v>0</v>
      </c>
      <c r="CT15" s="191">
        <v>0</v>
      </c>
      <c r="CU15" s="191">
        <v>0</v>
      </c>
      <c r="CV15" s="196">
        <v>0</v>
      </c>
      <c r="CW15" s="195">
        <v>0</v>
      </c>
      <c r="CX15" s="190">
        <v>0</v>
      </c>
      <c r="CY15" s="191">
        <v>0</v>
      </c>
      <c r="CZ15" s="196">
        <v>0</v>
      </c>
      <c r="DA15" s="193">
        <v>0</v>
      </c>
      <c r="DB15" s="191">
        <v>0</v>
      </c>
      <c r="DC15" s="191">
        <v>0</v>
      </c>
      <c r="DD15" s="191">
        <v>0</v>
      </c>
      <c r="DE15" s="191">
        <v>0</v>
      </c>
      <c r="DF15" s="191">
        <v>0</v>
      </c>
      <c r="DG15" s="196">
        <v>0</v>
      </c>
      <c r="DH15" s="195">
        <v>0</v>
      </c>
    </row>
    <row r="16" spans="2:112" ht="21" customHeight="1" x14ac:dyDescent="0.2">
      <c r="B16" s="106" t="s">
        <v>13</v>
      </c>
      <c r="C16" s="190">
        <v>0</v>
      </c>
      <c r="D16" s="191">
        <v>0</v>
      </c>
      <c r="E16" s="192">
        <v>0</v>
      </c>
      <c r="F16" s="193">
        <v>0</v>
      </c>
      <c r="G16" s="191">
        <v>143</v>
      </c>
      <c r="H16" s="191">
        <v>211</v>
      </c>
      <c r="I16" s="191">
        <v>584</v>
      </c>
      <c r="J16" s="191">
        <v>548</v>
      </c>
      <c r="K16" s="191">
        <v>511</v>
      </c>
      <c r="L16" s="194">
        <v>1997</v>
      </c>
      <c r="M16" s="195">
        <v>1997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0</v>
      </c>
      <c r="T16" s="191">
        <v>4</v>
      </c>
      <c r="U16" s="191">
        <v>11</v>
      </c>
      <c r="V16" s="191">
        <v>17</v>
      </c>
      <c r="W16" s="196">
        <v>32</v>
      </c>
      <c r="X16" s="195">
        <v>32</v>
      </c>
      <c r="Y16" s="190">
        <v>4</v>
      </c>
      <c r="Z16" s="191">
        <v>6</v>
      </c>
      <c r="AA16" s="196">
        <v>10</v>
      </c>
      <c r="AB16" s="193">
        <v>0</v>
      </c>
      <c r="AC16" s="191">
        <v>147</v>
      </c>
      <c r="AD16" s="191">
        <v>221</v>
      </c>
      <c r="AE16" s="191">
        <v>117</v>
      </c>
      <c r="AF16" s="191">
        <v>53</v>
      </c>
      <c r="AG16" s="191">
        <v>123</v>
      </c>
      <c r="AH16" s="196">
        <v>661</v>
      </c>
      <c r="AI16" s="195">
        <v>671</v>
      </c>
      <c r="AJ16" s="190">
        <v>0</v>
      </c>
      <c r="AK16" s="191">
        <v>0</v>
      </c>
      <c r="AL16" s="196">
        <v>0</v>
      </c>
      <c r="AM16" s="193">
        <v>0</v>
      </c>
      <c r="AN16" s="191">
        <v>22</v>
      </c>
      <c r="AO16" s="191">
        <v>15</v>
      </c>
      <c r="AP16" s="191">
        <v>20</v>
      </c>
      <c r="AQ16" s="191">
        <v>0</v>
      </c>
      <c r="AR16" s="191">
        <v>0</v>
      </c>
      <c r="AS16" s="196">
        <v>57</v>
      </c>
      <c r="AT16" s="195">
        <v>57</v>
      </c>
      <c r="AU16" s="190">
        <v>0</v>
      </c>
      <c r="AV16" s="191">
        <v>0</v>
      </c>
      <c r="AW16" s="196">
        <v>0</v>
      </c>
      <c r="AX16" s="193">
        <v>0</v>
      </c>
      <c r="AY16" s="191">
        <v>175</v>
      </c>
      <c r="AZ16" s="191">
        <v>124</v>
      </c>
      <c r="BA16" s="191">
        <v>65</v>
      </c>
      <c r="BB16" s="191">
        <v>43</v>
      </c>
      <c r="BC16" s="191">
        <v>15</v>
      </c>
      <c r="BD16" s="194">
        <v>422</v>
      </c>
      <c r="BE16" s="195">
        <v>422</v>
      </c>
      <c r="BF16" s="190">
        <v>0</v>
      </c>
      <c r="BG16" s="191">
        <v>0</v>
      </c>
      <c r="BH16" s="196">
        <v>0</v>
      </c>
      <c r="BI16" s="193">
        <v>0</v>
      </c>
      <c r="BJ16" s="191">
        <v>30</v>
      </c>
      <c r="BK16" s="191">
        <v>6</v>
      </c>
      <c r="BL16" s="191">
        <v>5</v>
      </c>
      <c r="BM16" s="191">
        <v>4</v>
      </c>
      <c r="BN16" s="191">
        <v>2</v>
      </c>
      <c r="BO16" s="196">
        <v>47</v>
      </c>
      <c r="BP16" s="195">
        <v>47</v>
      </c>
      <c r="BQ16" s="190">
        <v>0</v>
      </c>
      <c r="BR16" s="191">
        <v>0</v>
      </c>
      <c r="BS16" s="196">
        <v>0</v>
      </c>
      <c r="BT16" s="193">
        <v>0</v>
      </c>
      <c r="BU16" s="191">
        <v>23</v>
      </c>
      <c r="BV16" s="191">
        <v>9</v>
      </c>
      <c r="BW16" s="191">
        <v>37</v>
      </c>
      <c r="BX16" s="191">
        <v>3</v>
      </c>
      <c r="BY16" s="191">
        <v>0</v>
      </c>
      <c r="BZ16" s="196">
        <v>72</v>
      </c>
      <c r="CA16" s="195">
        <v>72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0</v>
      </c>
      <c r="CH16" s="191">
        <v>3</v>
      </c>
      <c r="CI16" s="191">
        <v>0</v>
      </c>
      <c r="CJ16" s="191">
        <v>0</v>
      </c>
      <c r="CK16" s="196">
        <v>3</v>
      </c>
      <c r="CL16" s="195">
        <v>3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  <c r="CX16" s="190">
        <v>0</v>
      </c>
      <c r="CY16" s="191">
        <v>0</v>
      </c>
      <c r="CZ16" s="196">
        <v>0</v>
      </c>
      <c r="DA16" s="193">
        <v>0</v>
      </c>
      <c r="DB16" s="191">
        <v>0</v>
      </c>
      <c r="DC16" s="191">
        <v>0</v>
      </c>
      <c r="DD16" s="191">
        <v>0</v>
      </c>
      <c r="DE16" s="191">
        <v>0</v>
      </c>
      <c r="DF16" s="191">
        <v>0</v>
      </c>
      <c r="DG16" s="196">
        <v>0</v>
      </c>
      <c r="DH16" s="195">
        <v>0</v>
      </c>
    </row>
    <row r="17" spans="2:112" ht="21" customHeight="1" x14ac:dyDescent="0.2">
      <c r="B17" s="106" t="s">
        <v>15</v>
      </c>
      <c r="C17" s="190">
        <v>0</v>
      </c>
      <c r="D17" s="191">
        <v>0</v>
      </c>
      <c r="E17" s="192">
        <v>0</v>
      </c>
      <c r="F17" s="193">
        <v>0</v>
      </c>
      <c r="G17" s="191">
        <v>51</v>
      </c>
      <c r="H17" s="191">
        <v>196</v>
      </c>
      <c r="I17" s="191">
        <v>8</v>
      </c>
      <c r="J17" s="191">
        <v>652</v>
      </c>
      <c r="K17" s="191">
        <v>44</v>
      </c>
      <c r="L17" s="194">
        <v>951</v>
      </c>
      <c r="M17" s="195">
        <v>951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11</v>
      </c>
      <c r="V17" s="191">
        <v>16</v>
      </c>
      <c r="W17" s="196">
        <v>27</v>
      </c>
      <c r="X17" s="195">
        <v>27</v>
      </c>
      <c r="Y17" s="190">
        <v>0</v>
      </c>
      <c r="Z17" s="191">
        <v>14</v>
      </c>
      <c r="AA17" s="196">
        <v>14</v>
      </c>
      <c r="AB17" s="193">
        <v>0</v>
      </c>
      <c r="AC17" s="191">
        <v>32</v>
      </c>
      <c r="AD17" s="191">
        <v>46</v>
      </c>
      <c r="AE17" s="191">
        <v>4</v>
      </c>
      <c r="AF17" s="191">
        <v>26</v>
      </c>
      <c r="AG17" s="191">
        <v>19</v>
      </c>
      <c r="AH17" s="196">
        <v>127</v>
      </c>
      <c r="AI17" s="195">
        <v>141</v>
      </c>
      <c r="AJ17" s="190">
        <v>0</v>
      </c>
      <c r="AK17" s="191">
        <v>0</v>
      </c>
      <c r="AL17" s="196">
        <v>0</v>
      </c>
      <c r="AM17" s="193">
        <v>0</v>
      </c>
      <c r="AN17" s="191">
        <v>23</v>
      </c>
      <c r="AO17" s="191">
        <v>12</v>
      </c>
      <c r="AP17" s="191">
        <v>0</v>
      </c>
      <c r="AQ17" s="191">
        <v>0</v>
      </c>
      <c r="AR17" s="191">
        <v>0</v>
      </c>
      <c r="AS17" s="196">
        <v>35</v>
      </c>
      <c r="AT17" s="195">
        <v>35</v>
      </c>
      <c r="AU17" s="190">
        <v>0</v>
      </c>
      <c r="AV17" s="191">
        <v>0</v>
      </c>
      <c r="AW17" s="196">
        <v>0</v>
      </c>
      <c r="AX17" s="193">
        <v>0</v>
      </c>
      <c r="AY17" s="191">
        <v>19</v>
      </c>
      <c r="AZ17" s="191">
        <v>46</v>
      </c>
      <c r="BA17" s="191">
        <v>9</v>
      </c>
      <c r="BB17" s="191">
        <v>29</v>
      </c>
      <c r="BC17" s="191">
        <v>0</v>
      </c>
      <c r="BD17" s="194">
        <v>103</v>
      </c>
      <c r="BE17" s="195">
        <v>103</v>
      </c>
      <c r="BF17" s="190">
        <v>0</v>
      </c>
      <c r="BG17" s="191">
        <v>0</v>
      </c>
      <c r="BH17" s="196">
        <v>0</v>
      </c>
      <c r="BI17" s="193">
        <v>0</v>
      </c>
      <c r="BJ17" s="191">
        <v>0</v>
      </c>
      <c r="BK17" s="191">
        <v>4</v>
      </c>
      <c r="BL17" s="191">
        <v>81</v>
      </c>
      <c r="BM17" s="191">
        <v>8</v>
      </c>
      <c r="BN17" s="191">
        <v>0</v>
      </c>
      <c r="BO17" s="196">
        <v>93</v>
      </c>
      <c r="BP17" s="195">
        <v>93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49</v>
      </c>
      <c r="BW17" s="191">
        <v>3</v>
      </c>
      <c r="BX17" s="191">
        <v>5</v>
      </c>
      <c r="BY17" s="191">
        <v>30</v>
      </c>
      <c r="BZ17" s="196">
        <v>87</v>
      </c>
      <c r="CA17" s="195">
        <v>87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3</v>
      </c>
      <c r="CH17" s="191">
        <v>4</v>
      </c>
      <c r="CI17" s="191">
        <v>0</v>
      </c>
      <c r="CJ17" s="191">
        <v>0</v>
      </c>
      <c r="CK17" s="196">
        <v>7</v>
      </c>
      <c r="CL17" s="195">
        <v>7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0</v>
      </c>
      <c r="CT17" s="191">
        <v>0</v>
      </c>
      <c r="CU17" s="191">
        <v>0</v>
      </c>
      <c r="CV17" s="196">
        <v>0</v>
      </c>
      <c r="CW17" s="195">
        <v>0</v>
      </c>
      <c r="CX17" s="190">
        <v>0</v>
      </c>
      <c r="CY17" s="191">
        <v>0</v>
      </c>
      <c r="CZ17" s="196">
        <v>0</v>
      </c>
      <c r="DA17" s="193">
        <v>0</v>
      </c>
      <c r="DB17" s="191">
        <v>0</v>
      </c>
      <c r="DC17" s="191">
        <v>0</v>
      </c>
      <c r="DD17" s="191">
        <v>0</v>
      </c>
      <c r="DE17" s="191">
        <v>0</v>
      </c>
      <c r="DF17" s="191">
        <v>0</v>
      </c>
      <c r="DG17" s="196">
        <v>0</v>
      </c>
      <c r="DH17" s="195">
        <v>0</v>
      </c>
    </row>
    <row r="18" spans="2:112" ht="21" customHeight="1" x14ac:dyDescent="0.2">
      <c r="B18" s="106" t="s">
        <v>16</v>
      </c>
      <c r="C18" s="190">
        <v>0</v>
      </c>
      <c r="D18" s="191">
        <v>0</v>
      </c>
      <c r="E18" s="192">
        <v>0</v>
      </c>
      <c r="F18" s="193">
        <v>0</v>
      </c>
      <c r="G18" s="191">
        <v>151</v>
      </c>
      <c r="H18" s="191">
        <v>122</v>
      </c>
      <c r="I18" s="191">
        <v>504</v>
      </c>
      <c r="J18" s="191">
        <v>113</v>
      </c>
      <c r="K18" s="191">
        <v>76</v>
      </c>
      <c r="L18" s="194">
        <v>966</v>
      </c>
      <c r="M18" s="195">
        <v>966</v>
      </c>
      <c r="N18" s="190">
        <v>0</v>
      </c>
      <c r="O18" s="191">
        <v>0</v>
      </c>
      <c r="P18" s="196">
        <v>0</v>
      </c>
      <c r="Q18" s="193">
        <v>0</v>
      </c>
      <c r="R18" s="191">
        <v>1</v>
      </c>
      <c r="S18" s="191">
        <v>0</v>
      </c>
      <c r="T18" s="191">
        <v>7</v>
      </c>
      <c r="U18" s="191">
        <v>0</v>
      </c>
      <c r="V18" s="191">
        <v>8</v>
      </c>
      <c r="W18" s="196">
        <v>16</v>
      </c>
      <c r="X18" s="195">
        <v>16</v>
      </c>
      <c r="Y18" s="190">
        <v>24</v>
      </c>
      <c r="Z18" s="191">
        <v>15</v>
      </c>
      <c r="AA18" s="196">
        <v>39</v>
      </c>
      <c r="AB18" s="193">
        <v>0</v>
      </c>
      <c r="AC18" s="191">
        <v>101</v>
      </c>
      <c r="AD18" s="191">
        <v>139</v>
      </c>
      <c r="AE18" s="191">
        <v>88</v>
      </c>
      <c r="AF18" s="191">
        <v>86</v>
      </c>
      <c r="AG18" s="191">
        <v>61</v>
      </c>
      <c r="AH18" s="196">
        <v>475</v>
      </c>
      <c r="AI18" s="195">
        <v>514</v>
      </c>
      <c r="AJ18" s="190">
        <v>0</v>
      </c>
      <c r="AK18" s="191">
        <v>12</v>
      </c>
      <c r="AL18" s="196">
        <v>12</v>
      </c>
      <c r="AM18" s="193">
        <v>0</v>
      </c>
      <c r="AN18" s="191">
        <v>12</v>
      </c>
      <c r="AO18" s="191">
        <v>33</v>
      </c>
      <c r="AP18" s="191">
        <v>0</v>
      </c>
      <c r="AQ18" s="191">
        <v>0</v>
      </c>
      <c r="AR18" s="191">
        <v>17</v>
      </c>
      <c r="AS18" s="196">
        <v>62</v>
      </c>
      <c r="AT18" s="195">
        <v>74</v>
      </c>
      <c r="AU18" s="190">
        <v>0</v>
      </c>
      <c r="AV18" s="191">
        <v>0</v>
      </c>
      <c r="AW18" s="196">
        <v>0</v>
      </c>
      <c r="AX18" s="193">
        <v>0</v>
      </c>
      <c r="AY18" s="191">
        <v>141</v>
      </c>
      <c r="AZ18" s="191">
        <v>199</v>
      </c>
      <c r="BA18" s="191">
        <v>62</v>
      </c>
      <c r="BB18" s="191">
        <v>60</v>
      </c>
      <c r="BC18" s="191">
        <v>13</v>
      </c>
      <c r="BD18" s="194">
        <v>475</v>
      </c>
      <c r="BE18" s="195">
        <v>475</v>
      </c>
      <c r="BF18" s="190">
        <v>0</v>
      </c>
      <c r="BG18" s="191">
        <v>0</v>
      </c>
      <c r="BH18" s="196">
        <v>0</v>
      </c>
      <c r="BI18" s="193">
        <v>0</v>
      </c>
      <c r="BJ18" s="191">
        <v>63</v>
      </c>
      <c r="BK18" s="191">
        <v>134</v>
      </c>
      <c r="BL18" s="191">
        <v>68</v>
      </c>
      <c r="BM18" s="191">
        <v>11</v>
      </c>
      <c r="BN18" s="191">
        <v>9</v>
      </c>
      <c r="BO18" s="196">
        <v>285</v>
      </c>
      <c r="BP18" s="195">
        <v>285</v>
      </c>
      <c r="BQ18" s="190">
        <v>0</v>
      </c>
      <c r="BR18" s="191">
        <v>0</v>
      </c>
      <c r="BS18" s="196">
        <v>0</v>
      </c>
      <c r="BT18" s="193">
        <v>0</v>
      </c>
      <c r="BU18" s="191">
        <v>2</v>
      </c>
      <c r="BV18" s="191">
        <v>2</v>
      </c>
      <c r="BW18" s="191">
        <v>98</v>
      </c>
      <c r="BX18" s="191">
        <v>6</v>
      </c>
      <c r="BY18" s="191">
        <v>0</v>
      </c>
      <c r="BZ18" s="196">
        <v>108</v>
      </c>
      <c r="CA18" s="195">
        <v>108</v>
      </c>
      <c r="CB18" s="190">
        <v>0</v>
      </c>
      <c r="CC18" s="191">
        <v>0</v>
      </c>
      <c r="CD18" s="196">
        <v>0</v>
      </c>
      <c r="CE18" s="193">
        <v>0</v>
      </c>
      <c r="CF18" s="191">
        <v>7</v>
      </c>
      <c r="CG18" s="191">
        <v>24</v>
      </c>
      <c r="CH18" s="191">
        <v>0</v>
      </c>
      <c r="CI18" s="191">
        <v>0</v>
      </c>
      <c r="CJ18" s="191">
        <v>11</v>
      </c>
      <c r="CK18" s="196">
        <v>42</v>
      </c>
      <c r="CL18" s="195">
        <v>42</v>
      </c>
      <c r="CM18" s="190">
        <v>0</v>
      </c>
      <c r="CN18" s="191">
        <v>0</v>
      </c>
      <c r="CO18" s="196">
        <v>0</v>
      </c>
      <c r="CP18" s="193">
        <v>0</v>
      </c>
      <c r="CQ18" s="191">
        <v>0</v>
      </c>
      <c r="CR18" s="191">
        <v>0</v>
      </c>
      <c r="CS18" s="191">
        <v>0</v>
      </c>
      <c r="CT18" s="191">
        <v>0</v>
      </c>
      <c r="CU18" s="191">
        <v>0</v>
      </c>
      <c r="CV18" s="196">
        <v>0</v>
      </c>
      <c r="CW18" s="195">
        <v>0</v>
      </c>
      <c r="CX18" s="190">
        <v>0</v>
      </c>
      <c r="CY18" s="191">
        <v>0</v>
      </c>
      <c r="CZ18" s="196">
        <v>0</v>
      </c>
      <c r="DA18" s="193">
        <v>0</v>
      </c>
      <c r="DB18" s="191">
        <v>0</v>
      </c>
      <c r="DC18" s="191">
        <v>0</v>
      </c>
      <c r="DD18" s="191">
        <v>0</v>
      </c>
      <c r="DE18" s="191">
        <v>0</v>
      </c>
      <c r="DF18" s="191">
        <v>0</v>
      </c>
      <c r="DG18" s="196">
        <v>0</v>
      </c>
      <c r="DH18" s="195">
        <v>0</v>
      </c>
    </row>
    <row r="19" spans="2:112" ht="21" customHeight="1" x14ac:dyDescent="0.2">
      <c r="B19" s="106" t="s">
        <v>17</v>
      </c>
      <c r="C19" s="190">
        <v>0</v>
      </c>
      <c r="D19" s="191">
        <v>0</v>
      </c>
      <c r="E19" s="192">
        <v>0</v>
      </c>
      <c r="F19" s="193">
        <v>0</v>
      </c>
      <c r="G19" s="191">
        <v>195</v>
      </c>
      <c r="H19" s="191">
        <v>549</v>
      </c>
      <c r="I19" s="191">
        <v>679</v>
      </c>
      <c r="J19" s="191">
        <v>437</v>
      </c>
      <c r="K19" s="191">
        <v>570</v>
      </c>
      <c r="L19" s="194">
        <v>2430</v>
      </c>
      <c r="M19" s="195">
        <v>2430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5</v>
      </c>
      <c r="T19" s="191">
        <v>4</v>
      </c>
      <c r="U19" s="191">
        <v>0</v>
      </c>
      <c r="V19" s="191">
        <v>0</v>
      </c>
      <c r="W19" s="196">
        <v>9</v>
      </c>
      <c r="X19" s="195">
        <v>9</v>
      </c>
      <c r="Y19" s="190">
        <v>10</v>
      </c>
      <c r="Z19" s="191">
        <v>13</v>
      </c>
      <c r="AA19" s="196">
        <v>23</v>
      </c>
      <c r="AB19" s="193">
        <v>0</v>
      </c>
      <c r="AC19" s="191">
        <v>144</v>
      </c>
      <c r="AD19" s="191">
        <v>146</v>
      </c>
      <c r="AE19" s="191">
        <v>136</v>
      </c>
      <c r="AF19" s="191">
        <v>45</v>
      </c>
      <c r="AG19" s="191">
        <v>24</v>
      </c>
      <c r="AH19" s="196">
        <v>495</v>
      </c>
      <c r="AI19" s="195">
        <v>518</v>
      </c>
      <c r="AJ19" s="190">
        <v>0</v>
      </c>
      <c r="AK19" s="191">
        <v>33</v>
      </c>
      <c r="AL19" s="196">
        <v>33</v>
      </c>
      <c r="AM19" s="193">
        <v>0</v>
      </c>
      <c r="AN19" s="191">
        <v>16</v>
      </c>
      <c r="AO19" s="191">
        <v>46</v>
      </c>
      <c r="AP19" s="191">
        <v>24</v>
      </c>
      <c r="AQ19" s="191">
        <v>0</v>
      </c>
      <c r="AR19" s="191">
        <v>12</v>
      </c>
      <c r="AS19" s="196">
        <v>98</v>
      </c>
      <c r="AT19" s="195">
        <v>131</v>
      </c>
      <c r="AU19" s="190">
        <v>0</v>
      </c>
      <c r="AV19" s="191">
        <v>0</v>
      </c>
      <c r="AW19" s="196">
        <v>0</v>
      </c>
      <c r="AX19" s="193">
        <v>0</v>
      </c>
      <c r="AY19" s="191">
        <v>183</v>
      </c>
      <c r="AZ19" s="191">
        <v>212</v>
      </c>
      <c r="BA19" s="191">
        <v>217</v>
      </c>
      <c r="BB19" s="191">
        <v>18</v>
      </c>
      <c r="BC19" s="191">
        <v>15</v>
      </c>
      <c r="BD19" s="194">
        <v>645</v>
      </c>
      <c r="BE19" s="195">
        <v>645</v>
      </c>
      <c r="BF19" s="190">
        <v>0</v>
      </c>
      <c r="BG19" s="191">
        <v>0</v>
      </c>
      <c r="BH19" s="196">
        <v>0</v>
      </c>
      <c r="BI19" s="193">
        <v>0</v>
      </c>
      <c r="BJ19" s="191">
        <v>28</v>
      </c>
      <c r="BK19" s="191">
        <v>98</v>
      </c>
      <c r="BL19" s="191">
        <v>50</v>
      </c>
      <c r="BM19" s="191">
        <v>29</v>
      </c>
      <c r="BN19" s="191">
        <v>0</v>
      </c>
      <c r="BO19" s="196">
        <v>205</v>
      </c>
      <c r="BP19" s="195">
        <v>205</v>
      </c>
      <c r="BQ19" s="190">
        <v>0</v>
      </c>
      <c r="BR19" s="191">
        <v>3</v>
      </c>
      <c r="BS19" s="196">
        <v>3</v>
      </c>
      <c r="BT19" s="193">
        <v>0</v>
      </c>
      <c r="BU19" s="191">
        <v>22</v>
      </c>
      <c r="BV19" s="191">
        <v>74</v>
      </c>
      <c r="BW19" s="191">
        <v>88</v>
      </c>
      <c r="BX19" s="191">
        <v>69</v>
      </c>
      <c r="BY19" s="191">
        <v>28</v>
      </c>
      <c r="BZ19" s="196">
        <v>281</v>
      </c>
      <c r="CA19" s="195">
        <v>284</v>
      </c>
      <c r="CB19" s="190">
        <v>0</v>
      </c>
      <c r="CC19" s="191">
        <v>0</v>
      </c>
      <c r="CD19" s="196">
        <v>0</v>
      </c>
      <c r="CE19" s="193">
        <v>0</v>
      </c>
      <c r="CF19" s="191">
        <v>3</v>
      </c>
      <c r="CG19" s="191">
        <v>6</v>
      </c>
      <c r="CH19" s="191">
        <v>11</v>
      </c>
      <c r="CI19" s="191">
        <v>5</v>
      </c>
      <c r="CJ19" s="191">
        <v>0</v>
      </c>
      <c r="CK19" s="196">
        <v>25</v>
      </c>
      <c r="CL19" s="195">
        <v>25</v>
      </c>
      <c r="CM19" s="190">
        <v>0</v>
      </c>
      <c r="CN19" s="191">
        <v>0</v>
      </c>
      <c r="CO19" s="196">
        <v>0</v>
      </c>
      <c r="CP19" s="193">
        <v>0</v>
      </c>
      <c r="CQ19" s="191">
        <v>0</v>
      </c>
      <c r="CR19" s="191">
        <v>0</v>
      </c>
      <c r="CS19" s="191">
        <v>0</v>
      </c>
      <c r="CT19" s="191">
        <v>0</v>
      </c>
      <c r="CU19" s="191">
        <v>0</v>
      </c>
      <c r="CV19" s="196">
        <v>0</v>
      </c>
      <c r="CW19" s="195">
        <v>0</v>
      </c>
      <c r="CX19" s="190">
        <v>0</v>
      </c>
      <c r="CY19" s="191">
        <v>0</v>
      </c>
      <c r="CZ19" s="196">
        <v>0</v>
      </c>
      <c r="DA19" s="193">
        <v>0</v>
      </c>
      <c r="DB19" s="191">
        <v>0</v>
      </c>
      <c r="DC19" s="191">
        <v>0</v>
      </c>
      <c r="DD19" s="191">
        <v>0</v>
      </c>
      <c r="DE19" s="191">
        <v>0</v>
      </c>
      <c r="DF19" s="191">
        <v>0</v>
      </c>
      <c r="DG19" s="196">
        <v>0</v>
      </c>
      <c r="DH19" s="195">
        <v>0</v>
      </c>
    </row>
    <row r="20" spans="2:112" ht="21" customHeight="1" x14ac:dyDescent="0.2">
      <c r="B20" s="106" t="s">
        <v>18</v>
      </c>
      <c r="C20" s="190">
        <v>0</v>
      </c>
      <c r="D20" s="191">
        <v>0</v>
      </c>
      <c r="E20" s="192">
        <v>0</v>
      </c>
      <c r="F20" s="193">
        <v>0</v>
      </c>
      <c r="G20" s="191">
        <v>247</v>
      </c>
      <c r="H20" s="191">
        <v>408</v>
      </c>
      <c r="I20" s="191">
        <v>524</v>
      </c>
      <c r="J20" s="191">
        <v>693</v>
      </c>
      <c r="K20" s="191">
        <v>319</v>
      </c>
      <c r="L20" s="194">
        <v>2191</v>
      </c>
      <c r="M20" s="195">
        <v>2191</v>
      </c>
      <c r="N20" s="190">
        <v>0</v>
      </c>
      <c r="O20" s="191">
        <v>0</v>
      </c>
      <c r="P20" s="196">
        <v>0</v>
      </c>
      <c r="Q20" s="193">
        <v>0</v>
      </c>
      <c r="R20" s="191">
        <v>2</v>
      </c>
      <c r="S20" s="191">
        <v>0</v>
      </c>
      <c r="T20" s="191">
        <v>0</v>
      </c>
      <c r="U20" s="191">
        <v>19</v>
      </c>
      <c r="V20" s="191">
        <v>30</v>
      </c>
      <c r="W20" s="196">
        <v>51</v>
      </c>
      <c r="X20" s="195">
        <v>51</v>
      </c>
      <c r="Y20" s="190">
        <v>50</v>
      </c>
      <c r="Z20" s="191">
        <v>54</v>
      </c>
      <c r="AA20" s="196">
        <v>104</v>
      </c>
      <c r="AB20" s="193">
        <v>0</v>
      </c>
      <c r="AC20" s="191">
        <v>234</v>
      </c>
      <c r="AD20" s="191">
        <v>407</v>
      </c>
      <c r="AE20" s="191">
        <v>159</v>
      </c>
      <c r="AF20" s="191">
        <v>98</v>
      </c>
      <c r="AG20" s="191">
        <v>35</v>
      </c>
      <c r="AH20" s="196">
        <v>933</v>
      </c>
      <c r="AI20" s="195">
        <v>1037</v>
      </c>
      <c r="AJ20" s="190">
        <v>0</v>
      </c>
      <c r="AK20" s="191">
        <v>0</v>
      </c>
      <c r="AL20" s="196">
        <v>0</v>
      </c>
      <c r="AM20" s="193">
        <v>0</v>
      </c>
      <c r="AN20" s="191">
        <v>66</v>
      </c>
      <c r="AO20" s="191">
        <v>48</v>
      </c>
      <c r="AP20" s="191">
        <v>65</v>
      </c>
      <c r="AQ20" s="191">
        <v>0</v>
      </c>
      <c r="AR20" s="191">
        <v>12</v>
      </c>
      <c r="AS20" s="196">
        <v>191</v>
      </c>
      <c r="AT20" s="195">
        <v>191</v>
      </c>
      <c r="AU20" s="190">
        <v>0</v>
      </c>
      <c r="AV20" s="191">
        <v>0</v>
      </c>
      <c r="AW20" s="196">
        <v>0</v>
      </c>
      <c r="AX20" s="193">
        <v>0</v>
      </c>
      <c r="AY20" s="191">
        <v>428</v>
      </c>
      <c r="AZ20" s="191">
        <v>298</v>
      </c>
      <c r="BA20" s="191">
        <v>253</v>
      </c>
      <c r="BB20" s="191">
        <v>25</v>
      </c>
      <c r="BC20" s="191">
        <v>56</v>
      </c>
      <c r="BD20" s="194">
        <v>1060</v>
      </c>
      <c r="BE20" s="195">
        <v>1060</v>
      </c>
      <c r="BF20" s="190">
        <v>0</v>
      </c>
      <c r="BG20" s="191">
        <v>0</v>
      </c>
      <c r="BH20" s="196">
        <v>0</v>
      </c>
      <c r="BI20" s="193">
        <v>0</v>
      </c>
      <c r="BJ20" s="191">
        <v>99</v>
      </c>
      <c r="BK20" s="191">
        <v>39</v>
      </c>
      <c r="BL20" s="191">
        <v>36</v>
      </c>
      <c r="BM20" s="191">
        <v>8</v>
      </c>
      <c r="BN20" s="191">
        <v>3</v>
      </c>
      <c r="BO20" s="196">
        <v>185</v>
      </c>
      <c r="BP20" s="195">
        <v>185</v>
      </c>
      <c r="BQ20" s="190">
        <v>0</v>
      </c>
      <c r="BR20" s="191">
        <v>15</v>
      </c>
      <c r="BS20" s="196">
        <v>15</v>
      </c>
      <c r="BT20" s="193">
        <v>0</v>
      </c>
      <c r="BU20" s="191">
        <v>33</v>
      </c>
      <c r="BV20" s="191">
        <v>56</v>
      </c>
      <c r="BW20" s="191">
        <v>148</v>
      </c>
      <c r="BX20" s="191">
        <v>144</v>
      </c>
      <c r="BY20" s="191">
        <v>39</v>
      </c>
      <c r="BZ20" s="196">
        <v>420</v>
      </c>
      <c r="CA20" s="195">
        <v>435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0</v>
      </c>
      <c r="CH20" s="191">
        <v>3</v>
      </c>
      <c r="CI20" s="191">
        <v>0</v>
      </c>
      <c r="CJ20" s="191">
        <v>0</v>
      </c>
      <c r="CK20" s="196">
        <v>3</v>
      </c>
      <c r="CL20" s="195">
        <v>3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0</v>
      </c>
      <c r="CT20" s="191">
        <v>0</v>
      </c>
      <c r="CU20" s="191">
        <v>0</v>
      </c>
      <c r="CV20" s="196">
        <v>0</v>
      </c>
      <c r="CW20" s="195">
        <v>0</v>
      </c>
      <c r="CX20" s="190">
        <v>0</v>
      </c>
      <c r="CY20" s="191">
        <v>0</v>
      </c>
      <c r="CZ20" s="196">
        <v>0</v>
      </c>
      <c r="DA20" s="193">
        <v>0</v>
      </c>
      <c r="DB20" s="191">
        <v>0</v>
      </c>
      <c r="DC20" s="191">
        <v>0</v>
      </c>
      <c r="DD20" s="191">
        <v>0</v>
      </c>
      <c r="DE20" s="191">
        <v>0</v>
      </c>
      <c r="DF20" s="191">
        <v>0</v>
      </c>
      <c r="DG20" s="196">
        <v>0</v>
      </c>
      <c r="DH20" s="195">
        <v>0</v>
      </c>
    </row>
    <row r="21" spans="2:112" ht="21" customHeight="1" x14ac:dyDescent="0.2">
      <c r="B21" s="106" t="s">
        <v>19</v>
      </c>
      <c r="C21" s="190">
        <v>0</v>
      </c>
      <c r="D21" s="191">
        <v>0</v>
      </c>
      <c r="E21" s="192">
        <v>0</v>
      </c>
      <c r="F21" s="193">
        <v>0</v>
      </c>
      <c r="G21" s="191">
        <v>157</v>
      </c>
      <c r="H21" s="191">
        <v>96</v>
      </c>
      <c r="I21" s="191">
        <v>127</v>
      </c>
      <c r="J21" s="191">
        <v>124</v>
      </c>
      <c r="K21" s="191">
        <v>127</v>
      </c>
      <c r="L21" s="194">
        <v>631</v>
      </c>
      <c r="M21" s="195">
        <v>631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0</v>
      </c>
      <c r="T21" s="191">
        <v>10</v>
      </c>
      <c r="U21" s="191">
        <v>3</v>
      </c>
      <c r="V21" s="191">
        <v>18</v>
      </c>
      <c r="W21" s="196">
        <v>31</v>
      </c>
      <c r="X21" s="195">
        <v>31</v>
      </c>
      <c r="Y21" s="190">
        <v>9</v>
      </c>
      <c r="Z21" s="191">
        <v>28</v>
      </c>
      <c r="AA21" s="196">
        <v>37</v>
      </c>
      <c r="AB21" s="193">
        <v>0</v>
      </c>
      <c r="AC21" s="191">
        <v>126</v>
      </c>
      <c r="AD21" s="191">
        <v>49</v>
      </c>
      <c r="AE21" s="191">
        <v>45</v>
      </c>
      <c r="AF21" s="191">
        <v>33</v>
      </c>
      <c r="AG21" s="191">
        <v>74</v>
      </c>
      <c r="AH21" s="196">
        <v>327</v>
      </c>
      <c r="AI21" s="195">
        <v>364</v>
      </c>
      <c r="AJ21" s="190">
        <v>0</v>
      </c>
      <c r="AK21" s="191">
        <v>0</v>
      </c>
      <c r="AL21" s="196">
        <v>0</v>
      </c>
      <c r="AM21" s="193">
        <v>0</v>
      </c>
      <c r="AN21" s="191">
        <v>6</v>
      </c>
      <c r="AO21" s="191">
        <v>3</v>
      </c>
      <c r="AP21" s="191">
        <v>24</v>
      </c>
      <c r="AQ21" s="191">
        <v>0</v>
      </c>
      <c r="AR21" s="191">
        <v>12</v>
      </c>
      <c r="AS21" s="196">
        <v>45</v>
      </c>
      <c r="AT21" s="195">
        <v>45</v>
      </c>
      <c r="AU21" s="190">
        <v>0</v>
      </c>
      <c r="AV21" s="191">
        <v>0</v>
      </c>
      <c r="AW21" s="196">
        <v>0</v>
      </c>
      <c r="AX21" s="193">
        <v>0</v>
      </c>
      <c r="AY21" s="191">
        <v>127</v>
      </c>
      <c r="AZ21" s="191">
        <v>110</v>
      </c>
      <c r="BA21" s="191">
        <v>22</v>
      </c>
      <c r="BB21" s="191">
        <v>0</v>
      </c>
      <c r="BC21" s="191">
        <v>26</v>
      </c>
      <c r="BD21" s="194">
        <v>285</v>
      </c>
      <c r="BE21" s="195">
        <v>285</v>
      </c>
      <c r="BF21" s="190">
        <v>0</v>
      </c>
      <c r="BG21" s="191">
        <v>0</v>
      </c>
      <c r="BH21" s="196">
        <v>0</v>
      </c>
      <c r="BI21" s="193">
        <v>0</v>
      </c>
      <c r="BJ21" s="191">
        <v>62</v>
      </c>
      <c r="BK21" s="191">
        <v>52</v>
      </c>
      <c r="BL21" s="191">
        <v>36</v>
      </c>
      <c r="BM21" s="191">
        <v>0</v>
      </c>
      <c r="BN21" s="191">
        <v>8</v>
      </c>
      <c r="BO21" s="196">
        <v>158</v>
      </c>
      <c r="BP21" s="195">
        <v>158</v>
      </c>
      <c r="BQ21" s="190">
        <v>0</v>
      </c>
      <c r="BR21" s="191">
        <v>4</v>
      </c>
      <c r="BS21" s="196">
        <v>4</v>
      </c>
      <c r="BT21" s="193">
        <v>0</v>
      </c>
      <c r="BU21" s="191">
        <v>7</v>
      </c>
      <c r="BV21" s="191">
        <v>23</v>
      </c>
      <c r="BW21" s="191">
        <v>2</v>
      </c>
      <c r="BX21" s="191">
        <v>15</v>
      </c>
      <c r="BY21" s="191">
        <v>0</v>
      </c>
      <c r="BZ21" s="196">
        <v>47</v>
      </c>
      <c r="CA21" s="195">
        <v>51</v>
      </c>
      <c r="CB21" s="190">
        <v>0</v>
      </c>
      <c r="CC21" s="191">
        <v>0</v>
      </c>
      <c r="CD21" s="196">
        <v>0</v>
      </c>
      <c r="CE21" s="193">
        <v>0</v>
      </c>
      <c r="CF21" s="191">
        <v>0</v>
      </c>
      <c r="CG21" s="191">
        <v>3</v>
      </c>
      <c r="CH21" s="191">
        <v>25</v>
      </c>
      <c r="CI21" s="191">
        <v>0</v>
      </c>
      <c r="CJ21" s="191">
        <v>0</v>
      </c>
      <c r="CK21" s="196">
        <v>28</v>
      </c>
      <c r="CL21" s="195">
        <v>28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0</v>
      </c>
      <c r="CT21" s="191">
        <v>0</v>
      </c>
      <c r="CU21" s="191">
        <v>0</v>
      </c>
      <c r="CV21" s="196">
        <v>0</v>
      </c>
      <c r="CW21" s="195">
        <v>0</v>
      </c>
      <c r="CX21" s="190">
        <v>0</v>
      </c>
      <c r="CY21" s="191">
        <v>0</v>
      </c>
      <c r="CZ21" s="196">
        <v>0</v>
      </c>
      <c r="DA21" s="193">
        <v>0</v>
      </c>
      <c r="DB21" s="191">
        <v>0</v>
      </c>
      <c r="DC21" s="191">
        <v>0</v>
      </c>
      <c r="DD21" s="191">
        <v>0</v>
      </c>
      <c r="DE21" s="191">
        <v>0</v>
      </c>
      <c r="DF21" s="191">
        <v>0</v>
      </c>
      <c r="DG21" s="196">
        <v>0</v>
      </c>
      <c r="DH21" s="195">
        <v>0</v>
      </c>
    </row>
    <row r="22" spans="2:112" ht="21" customHeight="1" x14ac:dyDescent="0.2">
      <c r="B22" s="106" t="s">
        <v>20</v>
      </c>
      <c r="C22" s="190">
        <v>0</v>
      </c>
      <c r="D22" s="191">
        <v>0</v>
      </c>
      <c r="E22" s="192">
        <v>0</v>
      </c>
      <c r="F22" s="193">
        <v>0</v>
      </c>
      <c r="G22" s="191">
        <v>167</v>
      </c>
      <c r="H22" s="191">
        <v>240</v>
      </c>
      <c r="I22" s="191">
        <v>110</v>
      </c>
      <c r="J22" s="191">
        <v>121</v>
      </c>
      <c r="K22" s="191">
        <v>145</v>
      </c>
      <c r="L22" s="194">
        <v>783</v>
      </c>
      <c r="M22" s="195">
        <v>783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3</v>
      </c>
      <c r="T22" s="191">
        <v>0</v>
      </c>
      <c r="U22" s="191">
        <v>19</v>
      </c>
      <c r="V22" s="191">
        <v>11</v>
      </c>
      <c r="W22" s="196">
        <v>33</v>
      </c>
      <c r="X22" s="195">
        <v>33</v>
      </c>
      <c r="Y22" s="190">
        <v>25</v>
      </c>
      <c r="Z22" s="191">
        <v>48</v>
      </c>
      <c r="AA22" s="196">
        <v>73</v>
      </c>
      <c r="AB22" s="193">
        <v>0</v>
      </c>
      <c r="AC22" s="191">
        <v>207</v>
      </c>
      <c r="AD22" s="191">
        <v>181</v>
      </c>
      <c r="AE22" s="191">
        <v>68</v>
      </c>
      <c r="AF22" s="191">
        <v>58</v>
      </c>
      <c r="AG22" s="191">
        <v>73</v>
      </c>
      <c r="AH22" s="196">
        <v>587</v>
      </c>
      <c r="AI22" s="195">
        <v>660</v>
      </c>
      <c r="AJ22" s="190">
        <v>20</v>
      </c>
      <c r="AK22" s="191">
        <v>26</v>
      </c>
      <c r="AL22" s="196">
        <v>46</v>
      </c>
      <c r="AM22" s="193">
        <v>0</v>
      </c>
      <c r="AN22" s="191">
        <v>42</v>
      </c>
      <c r="AO22" s="191">
        <v>98</v>
      </c>
      <c r="AP22" s="191">
        <v>63</v>
      </c>
      <c r="AQ22" s="191">
        <v>38</v>
      </c>
      <c r="AR22" s="191">
        <v>0</v>
      </c>
      <c r="AS22" s="196">
        <v>241</v>
      </c>
      <c r="AT22" s="195">
        <v>287</v>
      </c>
      <c r="AU22" s="190">
        <v>0</v>
      </c>
      <c r="AV22" s="191">
        <v>0</v>
      </c>
      <c r="AW22" s="196">
        <v>0</v>
      </c>
      <c r="AX22" s="193">
        <v>0</v>
      </c>
      <c r="AY22" s="191">
        <v>294</v>
      </c>
      <c r="AZ22" s="191">
        <v>191</v>
      </c>
      <c r="BA22" s="191">
        <v>141</v>
      </c>
      <c r="BB22" s="191">
        <v>51</v>
      </c>
      <c r="BC22" s="191">
        <v>0</v>
      </c>
      <c r="BD22" s="194">
        <v>677</v>
      </c>
      <c r="BE22" s="195">
        <v>677</v>
      </c>
      <c r="BF22" s="190">
        <v>0</v>
      </c>
      <c r="BG22" s="191">
        <v>0</v>
      </c>
      <c r="BH22" s="196">
        <v>0</v>
      </c>
      <c r="BI22" s="193">
        <v>0</v>
      </c>
      <c r="BJ22" s="191">
        <v>94</v>
      </c>
      <c r="BK22" s="191">
        <v>29</v>
      </c>
      <c r="BL22" s="191">
        <v>30</v>
      </c>
      <c r="BM22" s="191">
        <v>9</v>
      </c>
      <c r="BN22" s="191">
        <v>4</v>
      </c>
      <c r="BO22" s="196">
        <v>166</v>
      </c>
      <c r="BP22" s="195">
        <v>166</v>
      </c>
      <c r="BQ22" s="190">
        <v>0</v>
      </c>
      <c r="BR22" s="191">
        <v>0</v>
      </c>
      <c r="BS22" s="196">
        <v>0</v>
      </c>
      <c r="BT22" s="193">
        <v>0</v>
      </c>
      <c r="BU22" s="191">
        <v>58</v>
      </c>
      <c r="BV22" s="191">
        <v>89</v>
      </c>
      <c r="BW22" s="191">
        <v>37</v>
      </c>
      <c r="BX22" s="191">
        <v>39</v>
      </c>
      <c r="BY22" s="191">
        <v>6</v>
      </c>
      <c r="BZ22" s="196">
        <v>229</v>
      </c>
      <c r="CA22" s="195">
        <v>229</v>
      </c>
      <c r="CB22" s="190">
        <v>0</v>
      </c>
      <c r="CC22" s="191">
        <v>0</v>
      </c>
      <c r="CD22" s="196">
        <v>0</v>
      </c>
      <c r="CE22" s="193">
        <v>0</v>
      </c>
      <c r="CF22" s="191">
        <v>0</v>
      </c>
      <c r="CG22" s="191">
        <v>0</v>
      </c>
      <c r="CH22" s="191">
        <v>6</v>
      </c>
      <c r="CI22" s="191">
        <v>6</v>
      </c>
      <c r="CJ22" s="191">
        <v>0</v>
      </c>
      <c r="CK22" s="196">
        <v>12</v>
      </c>
      <c r="CL22" s="195">
        <v>12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  <c r="CX22" s="190">
        <v>0</v>
      </c>
      <c r="CY22" s="191">
        <v>0</v>
      </c>
      <c r="CZ22" s="196">
        <v>0</v>
      </c>
      <c r="DA22" s="193">
        <v>0</v>
      </c>
      <c r="DB22" s="191">
        <v>0</v>
      </c>
      <c r="DC22" s="191">
        <v>0</v>
      </c>
      <c r="DD22" s="191">
        <v>0</v>
      </c>
      <c r="DE22" s="191">
        <v>0</v>
      </c>
      <c r="DF22" s="191">
        <v>0</v>
      </c>
      <c r="DG22" s="196">
        <v>0</v>
      </c>
      <c r="DH22" s="195">
        <v>0</v>
      </c>
    </row>
    <row r="23" spans="2:112" ht="21" customHeight="1" x14ac:dyDescent="0.2">
      <c r="B23" s="106" t="s">
        <v>21</v>
      </c>
      <c r="C23" s="190">
        <v>0</v>
      </c>
      <c r="D23" s="191">
        <v>0</v>
      </c>
      <c r="E23" s="192">
        <v>0</v>
      </c>
      <c r="F23" s="193">
        <v>0</v>
      </c>
      <c r="G23" s="191">
        <v>90</v>
      </c>
      <c r="H23" s="191">
        <v>183</v>
      </c>
      <c r="I23" s="191">
        <v>77</v>
      </c>
      <c r="J23" s="191">
        <v>250</v>
      </c>
      <c r="K23" s="191">
        <v>262</v>
      </c>
      <c r="L23" s="194">
        <v>862</v>
      </c>
      <c r="M23" s="195">
        <v>862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5</v>
      </c>
      <c r="U23" s="191">
        <v>0</v>
      </c>
      <c r="V23" s="191">
        <v>3</v>
      </c>
      <c r="W23" s="196">
        <v>8</v>
      </c>
      <c r="X23" s="195">
        <v>8</v>
      </c>
      <c r="Y23" s="190">
        <v>18</v>
      </c>
      <c r="Z23" s="191">
        <v>37</v>
      </c>
      <c r="AA23" s="196">
        <v>55</v>
      </c>
      <c r="AB23" s="193">
        <v>0</v>
      </c>
      <c r="AC23" s="191">
        <v>92</v>
      </c>
      <c r="AD23" s="191">
        <v>126</v>
      </c>
      <c r="AE23" s="191">
        <v>121</v>
      </c>
      <c r="AF23" s="191">
        <v>80</v>
      </c>
      <c r="AG23" s="191">
        <v>30</v>
      </c>
      <c r="AH23" s="196">
        <v>449</v>
      </c>
      <c r="AI23" s="195">
        <v>504</v>
      </c>
      <c r="AJ23" s="190">
        <v>32</v>
      </c>
      <c r="AK23" s="191">
        <v>8</v>
      </c>
      <c r="AL23" s="196">
        <v>40</v>
      </c>
      <c r="AM23" s="193">
        <v>0</v>
      </c>
      <c r="AN23" s="191">
        <v>16</v>
      </c>
      <c r="AO23" s="191">
        <v>56</v>
      </c>
      <c r="AP23" s="191">
        <v>24</v>
      </c>
      <c r="AQ23" s="191">
        <v>8</v>
      </c>
      <c r="AR23" s="191">
        <v>0</v>
      </c>
      <c r="AS23" s="196">
        <v>104</v>
      </c>
      <c r="AT23" s="195">
        <v>144</v>
      </c>
      <c r="AU23" s="190">
        <v>0</v>
      </c>
      <c r="AV23" s="191">
        <v>0</v>
      </c>
      <c r="AW23" s="196">
        <v>0</v>
      </c>
      <c r="AX23" s="193">
        <v>0</v>
      </c>
      <c r="AY23" s="191">
        <v>164</v>
      </c>
      <c r="AZ23" s="191">
        <v>193</v>
      </c>
      <c r="BA23" s="191">
        <v>77</v>
      </c>
      <c r="BB23" s="191">
        <v>0</v>
      </c>
      <c r="BC23" s="191">
        <v>0</v>
      </c>
      <c r="BD23" s="194">
        <v>434</v>
      </c>
      <c r="BE23" s="195">
        <v>434</v>
      </c>
      <c r="BF23" s="190">
        <v>0</v>
      </c>
      <c r="BG23" s="191">
        <v>0</v>
      </c>
      <c r="BH23" s="196">
        <v>0</v>
      </c>
      <c r="BI23" s="193">
        <v>0</v>
      </c>
      <c r="BJ23" s="191">
        <v>44</v>
      </c>
      <c r="BK23" s="191">
        <v>18</v>
      </c>
      <c r="BL23" s="191">
        <v>10</v>
      </c>
      <c r="BM23" s="191">
        <v>0</v>
      </c>
      <c r="BN23" s="191">
        <v>3</v>
      </c>
      <c r="BO23" s="196">
        <v>75</v>
      </c>
      <c r="BP23" s="195">
        <v>75</v>
      </c>
      <c r="BQ23" s="190">
        <v>0</v>
      </c>
      <c r="BR23" s="191">
        <v>0</v>
      </c>
      <c r="BS23" s="196">
        <v>0</v>
      </c>
      <c r="BT23" s="193">
        <v>0</v>
      </c>
      <c r="BU23" s="191">
        <v>20</v>
      </c>
      <c r="BV23" s="191">
        <v>31</v>
      </c>
      <c r="BW23" s="191">
        <v>11</v>
      </c>
      <c r="BX23" s="191">
        <v>41</v>
      </c>
      <c r="BY23" s="191">
        <v>6</v>
      </c>
      <c r="BZ23" s="196">
        <v>109</v>
      </c>
      <c r="CA23" s="195">
        <v>109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0</v>
      </c>
      <c r="CH23" s="191">
        <v>0</v>
      </c>
      <c r="CI23" s="191">
        <v>0</v>
      </c>
      <c r="CJ23" s="191">
        <v>0</v>
      </c>
      <c r="CK23" s="196">
        <v>0</v>
      </c>
      <c r="CL23" s="195">
        <v>0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  <c r="CX23" s="190">
        <v>0</v>
      </c>
      <c r="CY23" s="191">
        <v>0</v>
      </c>
      <c r="CZ23" s="196">
        <v>0</v>
      </c>
      <c r="DA23" s="193">
        <v>0</v>
      </c>
      <c r="DB23" s="191">
        <v>0</v>
      </c>
      <c r="DC23" s="191">
        <v>0</v>
      </c>
      <c r="DD23" s="191">
        <v>0</v>
      </c>
      <c r="DE23" s="191">
        <v>0</v>
      </c>
      <c r="DF23" s="191">
        <v>0</v>
      </c>
      <c r="DG23" s="196">
        <v>0</v>
      </c>
      <c r="DH23" s="195">
        <v>0</v>
      </c>
    </row>
    <row r="24" spans="2:112" ht="21" customHeight="1" x14ac:dyDescent="0.2">
      <c r="B24" s="106" t="s">
        <v>22</v>
      </c>
      <c r="C24" s="190">
        <v>0</v>
      </c>
      <c r="D24" s="191">
        <v>0</v>
      </c>
      <c r="E24" s="192">
        <v>0</v>
      </c>
      <c r="F24" s="193">
        <v>0</v>
      </c>
      <c r="G24" s="191">
        <v>202</v>
      </c>
      <c r="H24" s="191">
        <v>166</v>
      </c>
      <c r="I24" s="191">
        <v>39</v>
      </c>
      <c r="J24" s="191">
        <v>63</v>
      </c>
      <c r="K24" s="191">
        <v>63</v>
      </c>
      <c r="L24" s="194">
        <v>533</v>
      </c>
      <c r="M24" s="195">
        <v>533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0</v>
      </c>
      <c r="V24" s="191">
        <v>0</v>
      </c>
      <c r="W24" s="196">
        <v>0</v>
      </c>
      <c r="X24" s="195">
        <v>0</v>
      </c>
      <c r="Y24" s="190">
        <v>0</v>
      </c>
      <c r="Z24" s="191">
        <v>0</v>
      </c>
      <c r="AA24" s="196">
        <v>0</v>
      </c>
      <c r="AB24" s="193">
        <v>0</v>
      </c>
      <c r="AC24" s="191">
        <v>20</v>
      </c>
      <c r="AD24" s="191">
        <v>65</v>
      </c>
      <c r="AE24" s="191">
        <v>28</v>
      </c>
      <c r="AF24" s="191">
        <v>19</v>
      </c>
      <c r="AG24" s="191">
        <v>19</v>
      </c>
      <c r="AH24" s="196">
        <v>151</v>
      </c>
      <c r="AI24" s="195">
        <v>151</v>
      </c>
      <c r="AJ24" s="190">
        <v>12</v>
      </c>
      <c r="AK24" s="191">
        <v>0</v>
      </c>
      <c r="AL24" s="196">
        <v>12</v>
      </c>
      <c r="AM24" s="193">
        <v>0</v>
      </c>
      <c r="AN24" s="191">
        <v>12</v>
      </c>
      <c r="AO24" s="191">
        <v>0</v>
      </c>
      <c r="AP24" s="191">
        <v>0</v>
      </c>
      <c r="AQ24" s="191">
        <v>0</v>
      </c>
      <c r="AR24" s="191">
        <v>0</v>
      </c>
      <c r="AS24" s="196">
        <v>12</v>
      </c>
      <c r="AT24" s="195">
        <v>24</v>
      </c>
      <c r="AU24" s="190">
        <v>0</v>
      </c>
      <c r="AV24" s="191">
        <v>0</v>
      </c>
      <c r="AW24" s="196">
        <v>0</v>
      </c>
      <c r="AX24" s="193">
        <v>0</v>
      </c>
      <c r="AY24" s="191">
        <v>81</v>
      </c>
      <c r="AZ24" s="191">
        <v>89</v>
      </c>
      <c r="BA24" s="191">
        <v>103</v>
      </c>
      <c r="BB24" s="191">
        <v>0</v>
      </c>
      <c r="BC24" s="191">
        <v>17</v>
      </c>
      <c r="BD24" s="194">
        <v>290</v>
      </c>
      <c r="BE24" s="195">
        <v>290</v>
      </c>
      <c r="BF24" s="190">
        <v>0</v>
      </c>
      <c r="BG24" s="191">
        <v>0</v>
      </c>
      <c r="BH24" s="196">
        <v>0</v>
      </c>
      <c r="BI24" s="193">
        <v>0</v>
      </c>
      <c r="BJ24" s="191">
        <v>29</v>
      </c>
      <c r="BK24" s="191">
        <v>1</v>
      </c>
      <c r="BL24" s="191">
        <v>0</v>
      </c>
      <c r="BM24" s="191">
        <v>0</v>
      </c>
      <c r="BN24" s="191">
        <v>7</v>
      </c>
      <c r="BO24" s="196">
        <v>37</v>
      </c>
      <c r="BP24" s="195">
        <v>37</v>
      </c>
      <c r="BQ24" s="190">
        <v>0</v>
      </c>
      <c r="BR24" s="191">
        <v>0</v>
      </c>
      <c r="BS24" s="196">
        <v>0</v>
      </c>
      <c r="BT24" s="193">
        <v>0</v>
      </c>
      <c r="BU24" s="191">
        <v>0</v>
      </c>
      <c r="BV24" s="191">
        <v>0</v>
      </c>
      <c r="BW24" s="191">
        <v>16</v>
      </c>
      <c r="BX24" s="191">
        <v>4</v>
      </c>
      <c r="BY24" s="191">
        <v>2</v>
      </c>
      <c r="BZ24" s="196">
        <v>22</v>
      </c>
      <c r="CA24" s="195">
        <v>22</v>
      </c>
      <c r="CB24" s="190">
        <v>0</v>
      </c>
      <c r="CC24" s="191">
        <v>0</v>
      </c>
      <c r="CD24" s="196">
        <v>0</v>
      </c>
      <c r="CE24" s="193">
        <v>0</v>
      </c>
      <c r="CF24" s="191">
        <v>8</v>
      </c>
      <c r="CG24" s="191">
        <v>0</v>
      </c>
      <c r="CH24" s="191">
        <v>0</v>
      </c>
      <c r="CI24" s="191">
        <v>0</v>
      </c>
      <c r="CJ24" s="191">
        <v>2</v>
      </c>
      <c r="CK24" s="196">
        <v>10</v>
      </c>
      <c r="CL24" s="195">
        <v>10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  <c r="CX24" s="190">
        <v>0</v>
      </c>
      <c r="CY24" s="191">
        <v>0</v>
      </c>
      <c r="CZ24" s="196">
        <v>0</v>
      </c>
      <c r="DA24" s="193">
        <v>0</v>
      </c>
      <c r="DB24" s="191">
        <v>0</v>
      </c>
      <c r="DC24" s="191">
        <v>0</v>
      </c>
      <c r="DD24" s="191">
        <v>0</v>
      </c>
      <c r="DE24" s="191">
        <v>0</v>
      </c>
      <c r="DF24" s="191">
        <v>0</v>
      </c>
      <c r="DG24" s="196">
        <v>0</v>
      </c>
      <c r="DH24" s="195">
        <v>0</v>
      </c>
    </row>
    <row r="25" spans="2:112" ht="21" customHeight="1" x14ac:dyDescent="0.2">
      <c r="B25" s="106" t="s">
        <v>23</v>
      </c>
      <c r="C25" s="190">
        <v>0</v>
      </c>
      <c r="D25" s="191">
        <v>0</v>
      </c>
      <c r="E25" s="192">
        <v>0</v>
      </c>
      <c r="F25" s="193">
        <v>0</v>
      </c>
      <c r="G25" s="191">
        <v>96</v>
      </c>
      <c r="H25" s="191">
        <v>81</v>
      </c>
      <c r="I25" s="191">
        <v>0</v>
      </c>
      <c r="J25" s="191">
        <v>75</v>
      </c>
      <c r="K25" s="191">
        <v>124</v>
      </c>
      <c r="L25" s="194">
        <v>376</v>
      </c>
      <c r="M25" s="195">
        <v>376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2</v>
      </c>
      <c r="V25" s="191">
        <v>0</v>
      </c>
      <c r="W25" s="196">
        <v>2</v>
      </c>
      <c r="X25" s="195">
        <v>2</v>
      </c>
      <c r="Y25" s="190">
        <v>25</v>
      </c>
      <c r="Z25" s="191">
        <v>12</v>
      </c>
      <c r="AA25" s="196">
        <v>37</v>
      </c>
      <c r="AB25" s="193">
        <v>0</v>
      </c>
      <c r="AC25" s="191">
        <v>98</v>
      </c>
      <c r="AD25" s="191">
        <v>134</v>
      </c>
      <c r="AE25" s="191">
        <v>20</v>
      </c>
      <c r="AF25" s="191">
        <v>22</v>
      </c>
      <c r="AG25" s="191">
        <v>2</v>
      </c>
      <c r="AH25" s="196">
        <v>276</v>
      </c>
      <c r="AI25" s="195">
        <v>313</v>
      </c>
      <c r="AJ25" s="190">
        <v>0</v>
      </c>
      <c r="AK25" s="191">
        <v>12</v>
      </c>
      <c r="AL25" s="196">
        <v>12</v>
      </c>
      <c r="AM25" s="193">
        <v>0</v>
      </c>
      <c r="AN25" s="191">
        <v>12</v>
      </c>
      <c r="AO25" s="191">
        <v>10</v>
      </c>
      <c r="AP25" s="191">
        <v>0</v>
      </c>
      <c r="AQ25" s="191">
        <v>0</v>
      </c>
      <c r="AR25" s="191">
        <v>0</v>
      </c>
      <c r="AS25" s="196">
        <v>22</v>
      </c>
      <c r="AT25" s="195">
        <v>34</v>
      </c>
      <c r="AU25" s="190">
        <v>0</v>
      </c>
      <c r="AV25" s="191">
        <v>0</v>
      </c>
      <c r="AW25" s="196">
        <v>0</v>
      </c>
      <c r="AX25" s="193">
        <v>0</v>
      </c>
      <c r="AY25" s="191">
        <v>109</v>
      </c>
      <c r="AZ25" s="191">
        <v>178</v>
      </c>
      <c r="BA25" s="191">
        <v>28</v>
      </c>
      <c r="BB25" s="191">
        <v>50</v>
      </c>
      <c r="BC25" s="191">
        <v>26</v>
      </c>
      <c r="BD25" s="194">
        <v>391</v>
      </c>
      <c r="BE25" s="195">
        <v>391</v>
      </c>
      <c r="BF25" s="190">
        <v>0</v>
      </c>
      <c r="BG25" s="191">
        <v>0</v>
      </c>
      <c r="BH25" s="196">
        <v>0</v>
      </c>
      <c r="BI25" s="193">
        <v>0</v>
      </c>
      <c r="BJ25" s="191">
        <v>21</v>
      </c>
      <c r="BK25" s="191">
        <v>26</v>
      </c>
      <c r="BL25" s="191">
        <v>0</v>
      </c>
      <c r="BM25" s="191">
        <v>0</v>
      </c>
      <c r="BN25" s="191">
        <v>0</v>
      </c>
      <c r="BO25" s="196">
        <v>47</v>
      </c>
      <c r="BP25" s="195">
        <v>47</v>
      </c>
      <c r="BQ25" s="190">
        <v>0</v>
      </c>
      <c r="BR25" s="191">
        <v>0</v>
      </c>
      <c r="BS25" s="196">
        <v>0</v>
      </c>
      <c r="BT25" s="193">
        <v>0</v>
      </c>
      <c r="BU25" s="191">
        <v>2</v>
      </c>
      <c r="BV25" s="191">
        <v>0</v>
      </c>
      <c r="BW25" s="191">
        <v>30</v>
      </c>
      <c r="BX25" s="191">
        <v>52</v>
      </c>
      <c r="BY25" s="191">
        <v>0</v>
      </c>
      <c r="BZ25" s="196">
        <v>84</v>
      </c>
      <c r="CA25" s="195">
        <v>84</v>
      </c>
      <c r="CB25" s="190">
        <v>0</v>
      </c>
      <c r="CC25" s="191">
        <v>0</v>
      </c>
      <c r="CD25" s="196">
        <v>0</v>
      </c>
      <c r="CE25" s="193">
        <v>0</v>
      </c>
      <c r="CF25" s="191">
        <v>8</v>
      </c>
      <c r="CG25" s="191">
        <v>3</v>
      </c>
      <c r="CH25" s="191">
        <v>0</v>
      </c>
      <c r="CI25" s="191">
        <v>0</v>
      </c>
      <c r="CJ25" s="191">
        <v>0</v>
      </c>
      <c r="CK25" s="196">
        <v>11</v>
      </c>
      <c r="CL25" s="195">
        <v>11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0</v>
      </c>
      <c r="CS25" s="191">
        <v>0</v>
      </c>
      <c r="CT25" s="191">
        <v>0</v>
      </c>
      <c r="CU25" s="191">
        <v>0</v>
      </c>
      <c r="CV25" s="196">
        <v>0</v>
      </c>
      <c r="CW25" s="195">
        <v>0</v>
      </c>
      <c r="CX25" s="190">
        <v>0</v>
      </c>
      <c r="CY25" s="191">
        <v>0</v>
      </c>
      <c r="CZ25" s="196">
        <v>0</v>
      </c>
      <c r="DA25" s="193">
        <v>0</v>
      </c>
      <c r="DB25" s="191">
        <v>0</v>
      </c>
      <c r="DC25" s="191">
        <v>0</v>
      </c>
      <c r="DD25" s="191">
        <v>0</v>
      </c>
      <c r="DE25" s="191">
        <v>0</v>
      </c>
      <c r="DF25" s="191">
        <v>0</v>
      </c>
      <c r="DG25" s="196">
        <v>0</v>
      </c>
      <c r="DH25" s="195">
        <v>0</v>
      </c>
    </row>
    <row r="26" spans="2:112" ht="21" customHeight="1" x14ac:dyDescent="0.2">
      <c r="B26" s="106" t="s">
        <v>24</v>
      </c>
      <c r="C26" s="190">
        <v>0</v>
      </c>
      <c r="D26" s="191">
        <v>0</v>
      </c>
      <c r="E26" s="192">
        <v>0</v>
      </c>
      <c r="F26" s="193">
        <v>0</v>
      </c>
      <c r="G26" s="191">
        <v>87</v>
      </c>
      <c r="H26" s="191">
        <v>11</v>
      </c>
      <c r="I26" s="191">
        <v>30</v>
      </c>
      <c r="J26" s="191">
        <v>141</v>
      </c>
      <c r="K26" s="191">
        <v>186</v>
      </c>
      <c r="L26" s="194">
        <v>455</v>
      </c>
      <c r="M26" s="195">
        <v>455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5</v>
      </c>
      <c r="V26" s="191">
        <v>5</v>
      </c>
      <c r="W26" s="196">
        <v>10</v>
      </c>
      <c r="X26" s="195">
        <v>10</v>
      </c>
      <c r="Y26" s="190">
        <v>4</v>
      </c>
      <c r="Z26" s="191">
        <v>15</v>
      </c>
      <c r="AA26" s="196">
        <v>19</v>
      </c>
      <c r="AB26" s="193">
        <v>0</v>
      </c>
      <c r="AC26" s="191">
        <v>60</v>
      </c>
      <c r="AD26" s="191">
        <v>45</v>
      </c>
      <c r="AE26" s="191">
        <v>85</v>
      </c>
      <c r="AF26" s="191">
        <v>51</v>
      </c>
      <c r="AG26" s="191">
        <v>4</v>
      </c>
      <c r="AH26" s="196">
        <v>245</v>
      </c>
      <c r="AI26" s="195">
        <v>264</v>
      </c>
      <c r="AJ26" s="190">
        <v>0</v>
      </c>
      <c r="AK26" s="191">
        <v>0</v>
      </c>
      <c r="AL26" s="196">
        <v>0</v>
      </c>
      <c r="AM26" s="193">
        <v>0</v>
      </c>
      <c r="AN26" s="191">
        <v>12</v>
      </c>
      <c r="AO26" s="191">
        <v>24</v>
      </c>
      <c r="AP26" s="191">
        <v>0</v>
      </c>
      <c r="AQ26" s="191">
        <v>0</v>
      </c>
      <c r="AR26" s="191">
        <v>0</v>
      </c>
      <c r="AS26" s="196">
        <v>36</v>
      </c>
      <c r="AT26" s="195">
        <v>36</v>
      </c>
      <c r="AU26" s="190">
        <v>0</v>
      </c>
      <c r="AV26" s="191">
        <v>0</v>
      </c>
      <c r="AW26" s="196">
        <v>0</v>
      </c>
      <c r="AX26" s="193">
        <v>0</v>
      </c>
      <c r="AY26" s="191">
        <v>121</v>
      </c>
      <c r="AZ26" s="191">
        <v>69</v>
      </c>
      <c r="BA26" s="191">
        <v>49</v>
      </c>
      <c r="BB26" s="191">
        <v>42</v>
      </c>
      <c r="BC26" s="191">
        <v>8</v>
      </c>
      <c r="BD26" s="194">
        <v>289</v>
      </c>
      <c r="BE26" s="195">
        <v>289</v>
      </c>
      <c r="BF26" s="190">
        <v>0</v>
      </c>
      <c r="BG26" s="191">
        <v>0</v>
      </c>
      <c r="BH26" s="196">
        <v>0</v>
      </c>
      <c r="BI26" s="193">
        <v>0</v>
      </c>
      <c r="BJ26" s="191">
        <v>4</v>
      </c>
      <c r="BK26" s="191">
        <v>58</v>
      </c>
      <c r="BL26" s="191">
        <v>53</v>
      </c>
      <c r="BM26" s="191">
        <v>33</v>
      </c>
      <c r="BN26" s="191">
        <v>15</v>
      </c>
      <c r="BO26" s="196">
        <v>163</v>
      </c>
      <c r="BP26" s="195">
        <v>163</v>
      </c>
      <c r="BQ26" s="190">
        <v>0</v>
      </c>
      <c r="BR26" s="191">
        <v>0</v>
      </c>
      <c r="BS26" s="196">
        <v>0</v>
      </c>
      <c r="BT26" s="193">
        <v>0</v>
      </c>
      <c r="BU26" s="191">
        <v>15</v>
      </c>
      <c r="BV26" s="191">
        <v>27</v>
      </c>
      <c r="BW26" s="191">
        <v>12</v>
      </c>
      <c r="BX26" s="191">
        <v>51</v>
      </c>
      <c r="BY26" s="191">
        <v>0</v>
      </c>
      <c r="BZ26" s="196">
        <v>105</v>
      </c>
      <c r="CA26" s="195">
        <v>105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4</v>
      </c>
      <c r="CH26" s="191">
        <v>4</v>
      </c>
      <c r="CI26" s="191">
        <v>0</v>
      </c>
      <c r="CJ26" s="191">
        <v>0</v>
      </c>
      <c r="CK26" s="196">
        <v>8</v>
      </c>
      <c r="CL26" s="195">
        <v>8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  <c r="CX26" s="190">
        <v>0</v>
      </c>
      <c r="CY26" s="191">
        <v>0</v>
      </c>
      <c r="CZ26" s="196">
        <v>0</v>
      </c>
      <c r="DA26" s="193">
        <v>0</v>
      </c>
      <c r="DB26" s="191">
        <v>0</v>
      </c>
      <c r="DC26" s="191">
        <v>0</v>
      </c>
      <c r="DD26" s="191">
        <v>0</v>
      </c>
      <c r="DE26" s="191">
        <v>0</v>
      </c>
      <c r="DF26" s="191">
        <v>0</v>
      </c>
      <c r="DG26" s="196">
        <v>0</v>
      </c>
      <c r="DH26" s="195">
        <v>0</v>
      </c>
    </row>
    <row r="27" spans="2:112" ht="21" customHeight="1" x14ac:dyDescent="0.2">
      <c r="B27" s="106" t="s">
        <v>25</v>
      </c>
      <c r="C27" s="190">
        <v>0</v>
      </c>
      <c r="D27" s="191">
        <v>0</v>
      </c>
      <c r="E27" s="192">
        <v>0</v>
      </c>
      <c r="F27" s="193">
        <v>0</v>
      </c>
      <c r="G27" s="191">
        <v>22</v>
      </c>
      <c r="H27" s="191">
        <v>89</v>
      </c>
      <c r="I27" s="191">
        <v>29</v>
      </c>
      <c r="J27" s="191">
        <v>145</v>
      </c>
      <c r="K27" s="191">
        <v>0</v>
      </c>
      <c r="L27" s="194">
        <v>285</v>
      </c>
      <c r="M27" s="195">
        <v>285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4</v>
      </c>
      <c r="T27" s="191">
        <v>10</v>
      </c>
      <c r="U27" s="191">
        <v>0</v>
      </c>
      <c r="V27" s="191">
        <v>0</v>
      </c>
      <c r="W27" s="196">
        <v>14</v>
      </c>
      <c r="X27" s="195">
        <v>14</v>
      </c>
      <c r="Y27" s="190">
        <v>4</v>
      </c>
      <c r="Z27" s="191">
        <v>4</v>
      </c>
      <c r="AA27" s="196">
        <v>8</v>
      </c>
      <c r="AB27" s="193">
        <v>0</v>
      </c>
      <c r="AC27" s="191">
        <v>27</v>
      </c>
      <c r="AD27" s="191">
        <v>79</v>
      </c>
      <c r="AE27" s="191">
        <v>29</v>
      </c>
      <c r="AF27" s="191">
        <v>11</v>
      </c>
      <c r="AG27" s="191">
        <v>0</v>
      </c>
      <c r="AH27" s="196">
        <v>146</v>
      </c>
      <c r="AI27" s="195">
        <v>154</v>
      </c>
      <c r="AJ27" s="190">
        <v>0</v>
      </c>
      <c r="AK27" s="191">
        <v>38</v>
      </c>
      <c r="AL27" s="196">
        <v>38</v>
      </c>
      <c r="AM27" s="193">
        <v>0</v>
      </c>
      <c r="AN27" s="191">
        <v>0</v>
      </c>
      <c r="AO27" s="191">
        <v>20</v>
      </c>
      <c r="AP27" s="191">
        <v>0</v>
      </c>
      <c r="AQ27" s="191">
        <v>0</v>
      </c>
      <c r="AR27" s="191">
        <v>0</v>
      </c>
      <c r="AS27" s="196">
        <v>20</v>
      </c>
      <c r="AT27" s="195">
        <v>58</v>
      </c>
      <c r="AU27" s="190">
        <v>0</v>
      </c>
      <c r="AV27" s="191">
        <v>0</v>
      </c>
      <c r="AW27" s="196">
        <v>0</v>
      </c>
      <c r="AX27" s="193">
        <v>0</v>
      </c>
      <c r="AY27" s="191">
        <v>33</v>
      </c>
      <c r="AZ27" s="191">
        <v>20</v>
      </c>
      <c r="BA27" s="191">
        <v>32</v>
      </c>
      <c r="BB27" s="191">
        <v>8</v>
      </c>
      <c r="BC27" s="191">
        <v>0</v>
      </c>
      <c r="BD27" s="194">
        <v>93</v>
      </c>
      <c r="BE27" s="195">
        <v>93</v>
      </c>
      <c r="BF27" s="190">
        <v>0</v>
      </c>
      <c r="BG27" s="191">
        <v>0</v>
      </c>
      <c r="BH27" s="196">
        <v>0</v>
      </c>
      <c r="BI27" s="193">
        <v>0</v>
      </c>
      <c r="BJ27" s="191">
        <v>0</v>
      </c>
      <c r="BK27" s="191">
        <v>18</v>
      </c>
      <c r="BL27" s="191">
        <v>15</v>
      </c>
      <c r="BM27" s="191">
        <v>10</v>
      </c>
      <c r="BN27" s="191">
        <v>0</v>
      </c>
      <c r="BO27" s="196">
        <v>43</v>
      </c>
      <c r="BP27" s="195">
        <v>43</v>
      </c>
      <c r="BQ27" s="190">
        <v>0</v>
      </c>
      <c r="BR27" s="191">
        <v>0</v>
      </c>
      <c r="BS27" s="196">
        <v>0</v>
      </c>
      <c r="BT27" s="193">
        <v>0</v>
      </c>
      <c r="BU27" s="191">
        <v>19</v>
      </c>
      <c r="BV27" s="191">
        <v>15</v>
      </c>
      <c r="BW27" s="191">
        <v>0</v>
      </c>
      <c r="BX27" s="191">
        <v>5</v>
      </c>
      <c r="BY27" s="191">
        <v>0</v>
      </c>
      <c r="BZ27" s="196">
        <v>39</v>
      </c>
      <c r="CA27" s="195">
        <v>39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0</v>
      </c>
      <c r="CH27" s="191">
        <v>0</v>
      </c>
      <c r="CI27" s="191">
        <v>0</v>
      </c>
      <c r="CJ27" s="191">
        <v>0</v>
      </c>
      <c r="CK27" s="196">
        <v>0</v>
      </c>
      <c r="CL27" s="195">
        <v>0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  <c r="CX27" s="190">
        <v>0</v>
      </c>
      <c r="CY27" s="191">
        <v>0</v>
      </c>
      <c r="CZ27" s="196">
        <v>0</v>
      </c>
      <c r="DA27" s="193">
        <v>0</v>
      </c>
      <c r="DB27" s="191">
        <v>0</v>
      </c>
      <c r="DC27" s="191">
        <v>0</v>
      </c>
      <c r="DD27" s="191">
        <v>0</v>
      </c>
      <c r="DE27" s="191">
        <v>0</v>
      </c>
      <c r="DF27" s="191">
        <v>0</v>
      </c>
      <c r="DG27" s="196">
        <v>0</v>
      </c>
      <c r="DH27" s="195">
        <v>0</v>
      </c>
    </row>
    <row r="28" spans="2:112" ht="21" customHeight="1" x14ac:dyDescent="0.2">
      <c r="B28" s="106" t="s">
        <v>26</v>
      </c>
      <c r="C28" s="190">
        <v>0</v>
      </c>
      <c r="D28" s="191">
        <v>0</v>
      </c>
      <c r="E28" s="192">
        <v>0</v>
      </c>
      <c r="F28" s="193">
        <v>0</v>
      </c>
      <c r="G28" s="191">
        <v>114</v>
      </c>
      <c r="H28" s="191">
        <v>79</v>
      </c>
      <c r="I28" s="191">
        <v>103</v>
      </c>
      <c r="J28" s="191">
        <v>117</v>
      </c>
      <c r="K28" s="191">
        <v>116</v>
      </c>
      <c r="L28" s="194">
        <v>529</v>
      </c>
      <c r="M28" s="195">
        <v>529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8</v>
      </c>
      <c r="V28" s="191">
        <v>3</v>
      </c>
      <c r="W28" s="196">
        <v>11</v>
      </c>
      <c r="X28" s="195">
        <v>11</v>
      </c>
      <c r="Y28" s="190">
        <v>7</v>
      </c>
      <c r="Z28" s="191">
        <v>11</v>
      </c>
      <c r="AA28" s="196">
        <v>18</v>
      </c>
      <c r="AB28" s="193">
        <v>0</v>
      </c>
      <c r="AC28" s="191">
        <v>73</v>
      </c>
      <c r="AD28" s="191">
        <v>64</v>
      </c>
      <c r="AE28" s="191">
        <v>11</v>
      </c>
      <c r="AF28" s="191">
        <v>71</v>
      </c>
      <c r="AG28" s="191">
        <v>28</v>
      </c>
      <c r="AH28" s="196">
        <v>247</v>
      </c>
      <c r="AI28" s="195">
        <v>265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0</v>
      </c>
      <c r="AQ28" s="191">
        <v>0</v>
      </c>
      <c r="AR28" s="191">
        <v>0</v>
      </c>
      <c r="AS28" s="196">
        <v>0</v>
      </c>
      <c r="AT28" s="195">
        <v>0</v>
      </c>
      <c r="AU28" s="190">
        <v>0</v>
      </c>
      <c r="AV28" s="191">
        <v>0</v>
      </c>
      <c r="AW28" s="196">
        <v>0</v>
      </c>
      <c r="AX28" s="193">
        <v>0</v>
      </c>
      <c r="AY28" s="191">
        <v>46</v>
      </c>
      <c r="AZ28" s="191">
        <v>54</v>
      </c>
      <c r="BA28" s="191">
        <v>44</v>
      </c>
      <c r="BB28" s="191">
        <v>19</v>
      </c>
      <c r="BC28" s="191">
        <v>0</v>
      </c>
      <c r="BD28" s="194">
        <v>163</v>
      </c>
      <c r="BE28" s="195">
        <v>163</v>
      </c>
      <c r="BF28" s="190">
        <v>0</v>
      </c>
      <c r="BG28" s="191">
        <v>0</v>
      </c>
      <c r="BH28" s="196">
        <v>0</v>
      </c>
      <c r="BI28" s="193">
        <v>0</v>
      </c>
      <c r="BJ28" s="191">
        <v>13</v>
      </c>
      <c r="BK28" s="191">
        <v>24</v>
      </c>
      <c r="BL28" s="191">
        <v>0</v>
      </c>
      <c r="BM28" s="191">
        <v>6</v>
      </c>
      <c r="BN28" s="191">
        <v>0</v>
      </c>
      <c r="BO28" s="196">
        <v>43</v>
      </c>
      <c r="BP28" s="195">
        <v>43</v>
      </c>
      <c r="BQ28" s="190">
        <v>0</v>
      </c>
      <c r="BR28" s="191">
        <v>0</v>
      </c>
      <c r="BS28" s="196">
        <v>0</v>
      </c>
      <c r="BT28" s="193">
        <v>0</v>
      </c>
      <c r="BU28" s="191">
        <v>19</v>
      </c>
      <c r="BV28" s="191">
        <v>3</v>
      </c>
      <c r="BW28" s="191">
        <v>4</v>
      </c>
      <c r="BX28" s="191">
        <v>5</v>
      </c>
      <c r="BY28" s="191">
        <v>0</v>
      </c>
      <c r="BZ28" s="196">
        <v>31</v>
      </c>
      <c r="CA28" s="195">
        <v>31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5</v>
      </c>
      <c r="CJ28" s="191">
        <v>0</v>
      </c>
      <c r="CK28" s="196">
        <v>5</v>
      </c>
      <c r="CL28" s="195">
        <v>5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  <c r="CX28" s="190">
        <v>0</v>
      </c>
      <c r="CY28" s="191">
        <v>0</v>
      </c>
      <c r="CZ28" s="196">
        <v>0</v>
      </c>
      <c r="DA28" s="193">
        <v>0</v>
      </c>
      <c r="DB28" s="191">
        <v>0</v>
      </c>
      <c r="DC28" s="191">
        <v>0</v>
      </c>
      <c r="DD28" s="191">
        <v>0</v>
      </c>
      <c r="DE28" s="191">
        <v>0</v>
      </c>
      <c r="DF28" s="191">
        <v>0</v>
      </c>
      <c r="DG28" s="196">
        <v>0</v>
      </c>
      <c r="DH28" s="195">
        <v>0</v>
      </c>
    </row>
    <row r="29" spans="2:112" ht="21" customHeight="1" x14ac:dyDescent="0.2">
      <c r="B29" s="106" t="s">
        <v>27</v>
      </c>
      <c r="C29" s="190">
        <v>0</v>
      </c>
      <c r="D29" s="191">
        <v>0</v>
      </c>
      <c r="E29" s="192">
        <v>0</v>
      </c>
      <c r="F29" s="193">
        <v>0</v>
      </c>
      <c r="G29" s="191">
        <v>160</v>
      </c>
      <c r="H29" s="191">
        <v>59</v>
      </c>
      <c r="I29" s="191">
        <v>136</v>
      </c>
      <c r="J29" s="191">
        <v>94</v>
      </c>
      <c r="K29" s="191">
        <v>201</v>
      </c>
      <c r="L29" s="194">
        <v>650</v>
      </c>
      <c r="M29" s="195">
        <v>650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2</v>
      </c>
      <c r="U29" s="191">
        <v>6</v>
      </c>
      <c r="V29" s="191">
        <v>0</v>
      </c>
      <c r="W29" s="196">
        <v>8</v>
      </c>
      <c r="X29" s="195">
        <v>8</v>
      </c>
      <c r="Y29" s="190">
        <v>18</v>
      </c>
      <c r="Z29" s="191">
        <v>73</v>
      </c>
      <c r="AA29" s="196">
        <v>91</v>
      </c>
      <c r="AB29" s="193">
        <v>0</v>
      </c>
      <c r="AC29" s="191">
        <v>19</v>
      </c>
      <c r="AD29" s="191">
        <v>25</v>
      </c>
      <c r="AE29" s="191">
        <v>51</v>
      </c>
      <c r="AF29" s="191">
        <v>22</v>
      </c>
      <c r="AG29" s="191">
        <v>15</v>
      </c>
      <c r="AH29" s="196">
        <v>132</v>
      </c>
      <c r="AI29" s="195">
        <v>223</v>
      </c>
      <c r="AJ29" s="190">
        <v>0</v>
      </c>
      <c r="AK29" s="191">
        <v>0</v>
      </c>
      <c r="AL29" s="196">
        <v>0</v>
      </c>
      <c r="AM29" s="193">
        <v>0</v>
      </c>
      <c r="AN29" s="191">
        <v>0</v>
      </c>
      <c r="AO29" s="191">
        <v>0</v>
      </c>
      <c r="AP29" s="191">
        <v>0</v>
      </c>
      <c r="AQ29" s="191">
        <v>0</v>
      </c>
      <c r="AR29" s="191">
        <v>0</v>
      </c>
      <c r="AS29" s="196">
        <v>0</v>
      </c>
      <c r="AT29" s="195">
        <v>0</v>
      </c>
      <c r="AU29" s="190">
        <v>0</v>
      </c>
      <c r="AV29" s="191">
        <v>0</v>
      </c>
      <c r="AW29" s="196">
        <v>0</v>
      </c>
      <c r="AX29" s="193">
        <v>0</v>
      </c>
      <c r="AY29" s="191">
        <v>50</v>
      </c>
      <c r="AZ29" s="191">
        <v>60</v>
      </c>
      <c r="BA29" s="191">
        <v>4</v>
      </c>
      <c r="BB29" s="191">
        <v>22</v>
      </c>
      <c r="BC29" s="191">
        <v>0</v>
      </c>
      <c r="BD29" s="194">
        <v>136</v>
      </c>
      <c r="BE29" s="195">
        <v>136</v>
      </c>
      <c r="BF29" s="190">
        <v>0</v>
      </c>
      <c r="BG29" s="191">
        <v>0</v>
      </c>
      <c r="BH29" s="196">
        <v>0</v>
      </c>
      <c r="BI29" s="193">
        <v>0</v>
      </c>
      <c r="BJ29" s="191">
        <v>9</v>
      </c>
      <c r="BK29" s="191">
        <v>12</v>
      </c>
      <c r="BL29" s="191">
        <v>0</v>
      </c>
      <c r="BM29" s="191">
        <v>0</v>
      </c>
      <c r="BN29" s="191">
        <v>1</v>
      </c>
      <c r="BO29" s="196">
        <v>22</v>
      </c>
      <c r="BP29" s="195">
        <v>22</v>
      </c>
      <c r="BQ29" s="190">
        <v>0</v>
      </c>
      <c r="BR29" s="191">
        <v>0</v>
      </c>
      <c r="BS29" s="196">
        <v>0</v>
      </c>
      <c r="BT29" s="193">
        <v>0</v>
      </c>
      <c r="BU29" s="191">
        <v>0</v>
      </c>
      <c r="BV29" s="191">
        <v>6</v>
      </c>
      <c r="BW29" s="191">
        <v>0</v>
      </c>
      <c r="BX29" s="191">
        <v>0</v>
      </c>
      <c r="BY29" s="191">
        <v>0</v>
      </c>
      <c r="BZ29" s="196">
        <v>6</v>
      </c>
      <c r="CA29" s="195">
        <v>6</v>
      </c>
      <c r="CB29" s="190">
        <v>0</v>
      </c>
      <c r="CC29" s="191">
        <v>0</v>
      </c>
      <c r="CD29" s="196">
        <v>0</v>
      </c>
      <c r="CE29" s="193">
        <v>0</v>
      </c>
      <c r="CF29" s="191">
        <v>0</v>
      </c>
      <c r="CG29" s="191">
        <v>0</v>
      </c>
      <c r="CH29" s="191">
        <v>0</v>
      </c>
      <c r="CI29" s="191">
        <v>0</v>
      </c>
      <c r="CJ29" s="191">
        <v>0</v>
      </c>
      <c r="CK29" s="196">
        <v>0</v>
      </c>
      <c r="CL29" s="195">
        <v>0</v>
      </c>
      <c r="CM29" s="190">
        <v>0</v>
      </c>
      <c r="CN29" s="191">
        <v>0</v>
      </c>
      <c r="CO29" s="196">
        <v>0</v>
      </c>
      <c r="CP29" s="193">
        <v>0</v>
      </c>
      <c r="CQ29" s="191">
        <v>0</v>
      </c>
      <c r="CR29" s="191">
        <v>0</v>
      </c>
      <c r="CS29" s="191">
        <v>0</v>
      </c>
      <c r="CT29" s="191">
        <v>0</v>
      </c>
      <c r="CU29" s="191">
        <v>0</v>
      </c>
      <c r="CV29" s="196">
        <v>0</v>
      </c>
      <c r="CW29" s="195">
        <v>0</v>
      </c>
      <c r="CX29" s="190">
        <v>0</v>
      </c>
      <c r="CY29" s="191">
        <v>0</v>
      </c>
      <c r="CZ29" s="196">
        <v>0</v>
      </c>
      <c r="DA29" s="193">
        <v>0</v>
      </c>
      <c r="DB29" s="191">
        <v>0</v>
      </c>
      <c r="DC29" s="191">
        <v>0</v>
      </c>
      <c r="DD29" s="191">
        <v>0</v>
      </c>
      <c r="DE29" s="191">
        <v>0</v>
      </c>
      <c r="DF29" s="191">
        <v>0</v>
      </c>
      <c r="DG29" s="196">
        <v>0</v>
      </c>
      <c r="DH29" s="195">
        <v>0</v>
      </c>
    </row>
    <row r="30" spans="2:112" ht="21" customHeight="1" x14ac:dyDescent="0.2">
      <c r="B30" s="106" t="s">
        <v>28</v>
      </c>
      <c r="C30" s="190">
        <v>0</v>
      </c>
      <c r="D30" s="191">
        <v>0</v>
      </c>
      <c r="E30" s="192">
        <v>0</v>
      </c>
      <c r="F30" s="193">
        <v>0</v>
      </c>
      <c r="G30" s="191">
        <v>0</v>
      </c>
      <c r="H30" s="191">
        <v>0</v>
      </c>
      <c r="I30" s="191">
        <v>30</v>
      </c>
      <c r="J30" s="191">
        <v>0</v>
      </c>
      <c r="K30" s="191">
        <v>0</v>
      </c>
      <c r="L30" s="194">
        <v>30</v>
      </c>
      <c r="M30" s="195">
        <v>30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0</v>
      </c>
      <c r="AA30" s="196">
        <v>0</v>
      </c>
      <c r="AB30" s="193">
        <v>0</v>
      </c>
      <c r="AC30" s="191">
        <v>15</v>
      </c>
      <c r="AD30" s="191">
        <v>0</v>
      </c>
      <c r="AE30" s="191">
        <v>10</v>
      </c>
      <c r="AF30" s="191">
        <v>8</v>
      </c>
      <c r="AG30" s="191">
        <v>0</v>
      </c>
      <c r="AH30" s="196">
        <v>33</v>
      </c>
      <c r="AI30" s="195">
        <v>33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0</v>
      </c>
      <c r="AW30" s="196">
        <v>0</v>
      </c>
      <c r="AX30" s="193">
        <v>0</v>
      </c>
      <c r="AY30" s="191">
        <v>6</v>
      </c>
      <c r="AZ30" s="191">
        <v>14</v>
      </c>
      <c r="BA30" s="191">
        <v>11</v>
      </c>
      <c r="BB30" s="191">
        <v>0</v>
      </c>
      <c r="BC30" s="191">
        <v>0</v>
      </c>
      <c r="BD30" s="194">
        <v>31</v>
      </c>
      <c r="BE30" s="195">
        <v>31</v>
      </c>
      <c r="BF30" s="190">
        <v>0</v>
      </c>
      <c r="BG30" s="191">
        <v>0</v>
      </c>
      <c r="BH30" s="196">
        <v>0</v>
      </c>
      <c r="BI30" s="193">
        <v>0</v>
      </c>
      <c r="BJ30" s="191">
        <v>6</v>
      </c>
      <c r="BK30" s="191">
        <v>0</v>
      </c>
      <c r="BL30" s="191">
        <v>0</v>
      </c>
      <c r="BM30" s="191">
        <v>0</v>
      </c>
      <c r="BN30" s="191">
        <v>0</v>
      </c>
      <c r="BO30" s="196">
        <v>6</v>
      </c>
      <c r="BP30" s="195">
        <v>6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3</v>
      </c>
      <c r="BW30" s="191">
        <v>0</v>
      </c>
      <c r="BX30" s="191">
        <v>0</v>
      </c>
      <c r="BY30" s="191">
        <v>0</v>
      </c>
      <c r="BZ30" s="196">
        <v>3</v>
      </c>
      <c r="CA30" s="195">
        <v>3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5</v>
      </c>
      <c r="CI30" s="191">
        <v>0</v>
      </c>
      <c r="CJ30" s="191">
        <v>8</v>
      </c>
      <c r="CK30" s="196">
        <v>13</v>
      </c>
      <c r="CL30" s="195">
        <v>13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  <c r="CX30" s="190">
        <v>0</v>
      </c>
      <c r="CY30" s="191">
        <v>0</v>
      </c>
      <c r="CZ30" s="196">
        <v>0</v>
      </c>
      <c r="DA30" s="193">
        <v>0</v>
      </c>
      <c r="DB30" s="191">
        <v>0</v>
      </c>
      <c r="DC30" s="191">
        <v>0</v>
      </c>
      <c r="DD30" s="191">
        <v>0</v>
      </c>
      <c r="DE30" s="191">
        <v>0</v>
      </c>
      <c r="DF30" s="191">
        <v>0</v>
      </c>
      <c r="DG30" s="196">
        <v>0</v>
      </c>
      <c r="DH30" s="195">
        <v>0</v>
      </c>
    </row>
    <row r="31" spans="2:112" ht="21" customHeight="1" x14ac:dyDescent="0.2">
      <c r="B31" s="106" t="s">
        <v>29</v>
      </c>
      <c r="C31" s="190">
        <v>0</v>
      </c>
      <c r="D31" s="191">
        <v>0</v>
      </c>
      <c r="E31" s="192">
        <v>0</v>
      </c>
      <c r="F31" s="193">
        <v>0</v>
      </c>
      <c r="G31" s="191">
        <v>0</v>
      </c>
      <c r="H31" s="191">
        <v>28</v>
      </c>
      <c r="I31" s="191">
        <v>8</v>
      </c>
      <c r="J31" s="191">
        <v>80</v>
      </c>
      <c r="K31" s="191">
        <v>0</v>
      </c>
      <c r="L31" s="194">
        <v>116</v>
      </c>
      <c r="M31" s="195">
        <v>116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11</v>
      </c>
      <c r="Z31" s="191">
        <v>10</v>
      </c>
      <c r="AA31" s="196">
        <v>21</v>
      </c>
      <c r="AB31" s="193">
        <v>0</v>
      </c>
      <c r="AC31" s="191">
        <v>2</v>
      </c>
      <c r="AD31" s="191">
        <v>4</v>
      </c>
      <c r="AE31" s="191">
        <v>17</v>
      </c>
      <c r="AF31" s="191">
        <v>0</v>
      </c>
      <c r="AG31" s="191">
        <v>0</v>
      </c>
      <c r="AH31" s="196">
        <v>23</v>
      </c>
      <c r="AI31" s="195">
        <v>44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12</v>
      </c>
      <c r="AP31" s="191">
        <v>0</v>
      </c>
      <c r="AQ31" s="191">
        <v>0</v>
      </c>
      <c r="AR31" s="191">
        <v>0</v>
      </c>
      <c r="AS31" s="196">
        <v>12</v>
      </c>
      <c r="AT31" s="195">
        <v>12</v>
      </c>
      <c r="AU31" s="190">
        <v>0</v>
      </c>
      <c r="AV31" s="191">
        <v>0</v>
      </c>
      <c r="AW31" s="196">
        <v>0</v>
      </c>
      <c r="AX31" s="193">
        <v>0</v>
      </c>
      <c r="AY31" s="191">
        <v>0</v>
      </c>
      <c r="AZ31" s="191">
        <v>19</v>
      </c>
      <c r="BA31" s="191">
        <v>18</v>
      </c>
      <c r="BB31" s="191">
        <v>0</v>
      </c>
      <c r="BC31" s="191">
        <v>0</v>
      </c>
      <c r="BD31" s="194">
        <v>37</v>
      </c>
      <c r="BE31" s="195">
        <v>37</v>
      </c>
      <c r="BF31" s="190">
        <v>0</v>
      </c>
      <c r="BG31" s="191">
        <v>0</v>
      </c>
      <c r="BH31" s="196">
        <v>0</v>
      </c>
      <c r="BI31" s="193">
        <v>0</v>
      </c>
      <c r="BJ31" s="191">
        <v>3</v>
      </c>
      <c r="BK31" s="191">
        <v>0</v>
      </c>
      <c r="BL31" s="191">
        <v>6</v>
      </c>
      <c r="BM31" s="191">
        <v>9</v>
      </c>
      <c r="BN31" s="191">
        <v>0</v>
      </c>
      <c r="BO31" s="196">
        <v>18</v>
      </c>
      <c r="BP31" s="195">
        <v>18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2</v>
      </c>
      <c r="BW31" s="191">
        <v>0</v>
      </c>
      <c r="BX31" s="191">
        <v>0</v>
      </c>
      <c r="BY31" s="191">
        <v>0</v>
      </c>
      <c r="BZ31" s="196">
        <v>2</v>
      </c>
      <c r="CA31" s="195">
        <v>2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7</v>
      </c>
      <c r="CI31" s="191">
        <v>0</v>
      </c>
      <c r="CJ31" s="191">
        <v>0</v>
      </c>
      <c r="CK31" s="196">
        <v>7</v>
      </c>
      <c r="CL31" s="195">
        <v>7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  <c r="CX31" s="190">
        <v>0</v>
      </c>
      <c r="CY31" s="191">
        <v>0</v>
      </c>
      <c r="CZ31" s="196">
        <v>0</v>
      </c>
      <c r="DA31" s="193">
        <v>0</v>
      </c>
      <c r="DB31" s="191">
        <v>0</v>
      </c>
      <c r="DC31" s="191">
        <v>0</v>
      </c>
      <c r="DD31" s="191">
        <v>0</v>
      </c>
      <c r="DE31" s="191">
        <v>0</v>
      </c>
      <c r="DF31" s="191">
        <v>0</v>
      </c>
      <c r="DG31" s="196">
        <v>0</v>
      </c>
      <c r="DH31" s="195">
        <v>0</v>
      </c>
    </row>
    <row r="32" spans="2:112" ht="21" customHeight="1" x14ac:dyDescent="0.2">
      <c r="B32" s="106" t="s">
        <v>30</v>
      </c>
      <c r="C32" s="190">
        <v>0</v>
      </c>
      <c r="D32" s="191">
        <v>0</v>
      </c>
      <c r="E32" s="192">
        <v>0</v>
      </c>
      <c r="F32" s="193">
        <v>0</v>
      </c>
      <c r="G32" s="191">
        <v>9</v>
      </c>
      <c r="H32" s="191">
        <v>0</v>
      </c>
      <c r="I32" s="191">
        <v>10</v>
      </c>
      <c r="J32" s="191">
        <v>28</v>
      </c>
      <c r="K32" s="191">
        <v>61</v>
      </c>
      <c r="L32" s="194">
        <v>108</v>
      </c>
      <c r="M32" s="195">
        <v>108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7</v>
      </c>
      <c r="V32" s="191">
        <v>0</v>
      </c>
      <c r="W32" s="196">
        <v>7</v>
      </c>
      <c r="X32" s="195">
        <v>7</v>
      </c>
      <c r="Y32" s="190">
        <v>4</v>
      </c>
      <c r="Z32" s="191">
        <v>9</v>
      </c>
      <c r="AA32" s="196">
        <v>13</v>
      </c>
      <c r="AB32" s="193">
        <v>0</v>
      </c>
      <c r="AC32" s="191">
        <v>0</v>
      </c>
      <c r="AD32" s="191">
        <v>8</v>
      </c>
      <c r="AE32" s="191">
        <v>6</v>
      </c>
      <c r="AF32" s="191">
        <v>16</v>
      </c>
      <c r="AG32" s="191">
        <v>8</v>
      </c>
      <c r="AH32" s="196">
        <v>38</v>
      </c>
      <c r="AI32" s="195">
        <v>51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0</v>
      </c>
      <c r="AQ32" s="191">
        <v>0</v>
      </c>
      <c r="AR32" s="191">
        <v>0</v>
      </c>
      <c r="AS32" s="196">
        <v>0</v>
      </c>
      <c r="AT32" s="195">
        <v>0</v>
      </c>
      <c r="AU32" s="190">
        <v>0</v>
      </c>
      <c r="AV32" s="191">
        <v>0</v>
      </c>
      <c r="AW32" s="196">
        <v>0</v>
      </c>
      <c r="AX32" s="193">
        <v>0</v>
      </c>
      <c r="AY32" s="191">
        <v>27</v>
      </c>
      <c r="AZ32" s="191">
        <v>3</v>
      </c>
      <c r="BA32" s="191">
        <v>0</v>
      </c>
      <c r="BB32" s="191">
        <v>14</v>
      </c>
      <c r="BC32" s="191">
        <v>4</v>
      </c>
      <c r="BD32" s="194">
        <v>48</v>
      </c>
      <c r="BE32" s="195">
        <v>48</v>
      </c>
      <c r="BF32" s="190">
        <v>0</v>
      </c>
      <c r="BG32" s="191">
        <v>0</v>
      </c>
      <c r="BH32" s="196">
        <v>0</v>
      </c>
      <c r="BI32" s="193">
        <v>0</v>
      </c>
      <c r="BJ32" s="191">
        <v>9</v>
      </c>
      <c r="BK32" s="191">
        <v>0</v>
      </c>
      <c r="BL32" s="191">
        <v>0</v>
      </c>
      <c r="BM32" s="191">
        <v>0</v>
      </c>
      <c r="BN32" s="191">
        <v>0</v>
      </c>
      <c r="BO32" s="196">
        <v>9</v>
      </c>
      <c r="BP32" s="195">
        <v>9</v>
      </c>
      <c r="BQ32" s="190">
        <v>0</v>
      </c>
      <c r="BR32" s="191">
        <v>0</v>
      </c>
      <c r="BS32" s="196">
        <v>0</v>
      </c>
      <c r="BT32" s="193">
        <v>0</v>
      </c>
      <c r="BU32" s="191">
        <v>2</v>
      </c>
      <c r="BV32" s="191">
        <v>0</v>
      </c>
      <c r="BW32" s="191">
        <v>8</v>
      </c>
      <c r="BX32" s="191">
        <v>0</v>
      </c>
      <c r="BY32" s="191">
        <v>0</v>
      </c>
      <c r="BZ32" s="196">
        <v>10</v>
      </c>
      <c r="CA32" s="195">
        <v>10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0</v>
      </c>
      <c r="CH32" s="191">
        <v>0</v>
      </c>
      <c r="CI32" s="191">
        <v>0</v>
      </c>
      <c r="CJ32" s="191">
        <v>0</v>
      </c>
      <c r="CK32" s="196">
        <v>0</v>
      </c>
      <c r="CL32" s="195">
        <v>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  <c r="CX32" s="190">
        <v>0</v>
      </c>
      <c r="CY32" s="191">
        <v>0</v>
      </c>
      <c r="CZ32" s="196">
        <v>0</v>
      </c>
      <c r="DA32" s="193">
        <v>0</v>
      </c>
      <c r="DB32" s="191">
        <v>0</v>
      </c>
      <c r="DC32" s="191">
        <v>0</v>
      </c>
      <c r="DD32" s="191">
        <v>0</v>
      </c>
      <c r="DE32" s="191">
        <v>0</v>
      </c>
      <c r="DF32" s="191">
        <v>0</v>
      </c>
      <c r="DG32" s="196">
        <v>0</v>
      </c>
      <c r="DH32" s="195">
        <v>0</v>
      </c>
    </row>
    <row r="33" spans="2:112" ht="21" customHeight="1" x14ac:dyDescent="0.2">
      <c r="B33" s="106" t="s">
        <v>31</v>
      </c>
      <c r="C33" s="190">
        <v>0</v>
      </c>
      <c r="D33" s="191">
        <v>0</v>
      </c>
      <c r="E33" s="192">
        <v>0</v>
      </c>
      <c r="F33" s="193">
        <v>0</v>
      </c>
      <c r="G33" s="191">
        <v>2</v>
      </c>
      <c r="H33" s="191">
        <v>21</v>
      </c>
      <c r="I33" s="191">
        <v>51</v>
      </c>
      <c r="J33" s="191">
        <v>0</v>
      </c>
      <c r="K33" s="191">
        <v>0</v>
      </c>
      <c r="L33" s="194">
        <v>74</v>
      </c>
      <c r="M33" s="195">
        <v>74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5</v>
      </c>
      <c r="T33" s="191">
        <v>0</v>
      </c>
      <c r="U33" s="191">
        <v>0</v>
      </c>
      <c r="V33" s="191">
        <v>0</v>
      </c>
      <c r="W33" s="196">
        <v>5</v>
      </c>
      <c r="X33" s="195">
        <v>5</v>
      </c>
      <c r="Y33" s="190">
        <v>0</v>
      </c>
      <c r="Z33" s="191">
        <v>0</v>
      </c>
      <c r="AA33" s="196">
        <v>0</v>
      </c>
      <c r="AB33" s="193">
        <v>0</v>
      </c>
      <c r="AC33" s="191">
        <v>0</v>
      </c>
      <c r="AD33" s="191">
        <v>17</v>
      </c>
      <c r="AE33" s="191">
        <v>10</v>
      </c>
      <c r="AF33" s="191">
        <v>0</v>
      </c>
      <c r="AG33" s="191">
        <v>0</v>
      </c>
      <c r="AH33" s="196">
        <v>27</v>
      </c>
      <c r="AI33" s="195">
        <v>27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0</v>
      </c>
      <c r="AR33" s="191">
        <v>0</v>
      </c>
      <c r="AS33" s="196">
        <v>0</v>
      </c>
      <c r="AT33" s="195">
        <v>0</v>
      </c>
      <c r="AU33" s="190">
        <v>0</v>
      </c>
      <c r="AV33" s="191">
        <v>0</v>
      </c>
      <c r="AW33" s="196">
        <v>0</v>
      </c>
      <c r="AX33" s="193">
        <v>0</v>
      </c>
      <c r="AY33" s="191">
        <v>21</v>
      </c>
      <c r="AZ33" s="191">
        <v>21</v>
      </c>
      <c r="BA33" s="191">
        <v>0</v>
      </c>
      <c r="BB33" s="191">
        <v>7</v>
      </c>
      <c r="BC33" s="191">
        <v>0</v>
      </c>
      <c r="BD33" s="194">
        <v>49</v>
      </c>
      <c r="BE33" s="195">
        <v>49</v>
      </c>
      <c r="BF33" s="190">
        <v>0</v>
      </c>
      <c r="BG33" s="191">
        <v>0</v>
      </c>
      <c r="BH33" s="196">
        <v>0</v>
      </c>
      <c r="BI33" s="193">
        <v>0</v>
      </c>
      <c r="BJ33" s="191">
        <v>7</v>
      </c>
      <c r="BK33" s="191">
        <v>43</v>
      </c>
      <c r="BL33" s="191">
        <v>7</v>
      </c>
      <c r="BM33" s="191">
        <v>0</v>
      </c>
      <c r="BN33" s="191">
        <v>0</v>
      </c>
      <c r="BO33" s="196">
        <v>57</v>
      </c>
      <c r="BP33" s="195">
        <v>57</v>
      </c>
      <c r="BQ33" s="190">
        <v>0</v>
      </c>
      <c r="BR33" s="191">
        <v>0</v>
      </c>
      <c r="BS33" s="196">
        <v>0</v>
      </c>
      <c r="BT33" s="193">
        <v>0</v>
      </c>
      <c r="BU33" s="191">
        <v>7</v>
      </c>
      <c r="BV33" s="191">
        <v>0</v>
      </c>
      <c r="BW33" s="191">
        <v>0</v>
      </c>
      <c r="BX33" s="191">
        <v>6</v>
      </c>
      <c r="BY33" s="191">
        <v>0</v>
      </c>
      <c r="BZ33" s="196">
        <v>13</v>
      </c>
      <c r="CA33" s="195">
        <v>13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0</v>
      </c>
      <c r="CI33" s="191">
        <v>0</v>
      </c>
      <c r="CJ33" s="191">
        <v>0</v>
      </c>
      <c r="CK33" s="196">
        <v>0</v>
      </c>
      <c r="CL33" s="195">
        <v>0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  <c r="CX33" s="190">
        <v>0</v>
      </c>
      <c r="CY33" s="191">
        <v>0</v>
      </c>
      <c r="CZ33" s="196">
        <v>0</v>
      </c>
      <c r="DA33" s="193">
        <v>0</v>
      </c>
      <c r="DB33" s="191">
        <v>0</v>
      </c>
      <c r="DC33" s="191">
        <v>0</v>
      </c>
      <c r="DD33" s="191">
        <v>0</v>
      </c>
      <c r="DE33" s="191">
        <v>0</v>
      </c>
      <c r="DF33" s="191">
        <v>0</v>
      </c>
      <c r="DG33" s="196">
        <v>0</v>
      </c>
      <c r="DH33" s="195">
        <v>0</v>
      </c>
    </row>
    <row r="34" spans="2:112" ht="21" customHeight="1" x14ac:dyDescent="0.2">
      <c r="B34" s="106" t="s">
        <v>32</v>
      </c>
      <c r="C34" s="190">
        <v>0</v>
      </c>
      <c r="D34" s="191">
        <v>0</v>
      </c>
      <c r="E34" s="192">
        <v>0</v>
      </c>
      <c r="F34" s="193">
        <v>0</v>
      </c>
      <c r="G34" s="191">
        <v>21</v>
      </c>
      <c r="H34" s="191">
        <v>40</v>
      </c>
      <c r="I34" s="191">
        <v>34</v>
      </c>
      <c r="J34" s="191">
        <v>0</v>
      </c>
      <c r="K34" s="191">
        <v>89</v>
      </c>
      <c r="L34" s="194">
        <v>184</v>
      </c>
      <c r="M34" s="195">
        <v>184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5</v>
      </c>
      <c r="U34" s="191">
        <v>0</v>
      </c>
      <c r="V34" s="191">
        <v>5</v>
      </c>
      <c r="W34" s="196">
        <v>10</v>
      </c>
      <c r="X34" s="195">
        <v>10</v>
      </c>
      <c r="Y34" s="190">
        <v>4</v>
      </c>
      <c r="Z34" s="191">
        <v>0</v>
      </c>
      <c r="AA34" s="196">
        <v>4</v>
      </c>
      <c r="AB34" s="193">
        <v>0</v>
      </c>
      <c r="AC34" s="191">
        <v>3</v>
      </c>
      <c r="AD34" s="191">
        <v>21</v>
      </c>
      <c r="AE34" s="191">
        <v>0</v>
      </c>
      <c r="AF34" s="191">
        <v>0</v>
      </c>
      <c r="AG34" s="191">
        <v>3</v>
      </c>
      <c r="AH34" s="196">
        <v>27</v>
      </c>
      <c r="AI34" s="195">
        <v>31</v>
      </c>
      <c r="AJ34" s="190">
        <v>0</v>
      </c>
      <c r="AK34" s="191">
        <v>0</v>
      </c>
      <c r="AL34" s="196">
        <v>0</v>
      </c>
      <c r="AM34" s="193">
        <v>0</v>
      </c>
      <c r="AN34" s="191">
        <v>18</v>
      </c>
      <c r="AO34" s="191">
        <v>0</v>
      </c>
      <c r="AP34" s="191">
        <v>0</v>
      </c>
      <c r="AQ34" s="191">
        <v>0</v>
      </c>
      <c r="AR34" s="191">
        <v>0</v>
      </c>
      <c r="AS34" s="196">
        <v>18</v>
      </c>
      <c r="AT34" s="195">
        <v>18</v>
      </c>
      <c r="AU34" s="190">
        <v>0</v>
      </c>
      <c r="AV34" s="191">
        <v>0</v>
      </c>
      <c r="AW34" s="196">
        <v>0</v>
      </c>
      <c r="AX34" s="193">
        <v>0</v>
      </c>
      <c r="AY34" s="191">
        <v>14</v>
      </c>
      <c r="AZ34" s="191">
        <v>38</v>
      </c>
      <c r="BA34" s="191">
        <v>31</v>
      </c>
      <c r="BB34" s="191">
        <v>75</v>
      </c>
      <c r="BC34" s="191">
        <v>0</v>
      </c>
      <c r="BD34" s="194">
        <v>158</v>
      </c>
      <c r="BE34" s="195">
        <v>158</v>
      </c>
      <c r="BF34" s="190">
        <v>0</v>
      </c>
      <c r="BG34" s="191">
        <v>0</v>
      </c>
      <c r="BH34" s="196">
        <v>0</v>
      </c>
      <c r="BI34" s="193">
        <v>0</v>
      </c>
      <c r="BJ34" s="191">
        <v>0</v>
      </c>
      <c r="BK34" s="191">
        <v>8</v>
      </c>
      <c r="BL34" s="191">
        <v>0</v>
      </c>
      <c r="BM34" s="191">
        <v>0</v>
      </c>
      <c r="BN34" s="191">
        <v>0</v>
      </c>
      <c r="BO34" s="196">
        <v>8</v>
      </c>
      <c r="BP34" s="195">
        <v>8</v>
      </c>
      <c r="BQ34" s="190">
        <v>0</v>
      </c>
      <c r="BR34" s="191">
        <v>0</v>
      </c>
      <c r="BS34" s="196">
        <v>0</v>
      </c>
      <c r="BT34" s="193">
        <v>0</v>
      </c>
      <c r="BU34" s="191">
        <v>0</v>
      </c>
      <c r="BV34" s="191">
        <v>0</v>
      </c>
      <c r="BW34" s="191">
        <v>7</v>
      </c>
      <c r="BX34" s="191">
        <v>0</v>
      </c>
      <c r="BY34" s="191">
        <v>0</v>
      </c>
      <c r="BZ34" s="196">
        <v>7</v>
      </c>
      <c r="CA34" s="195">
        <v>7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0</v>
      </c>
      <c r="CI34" s="191">
        <v>0</v>
      </c>
      <c r="CJ34" s="191">
        <v>0</v>
      </c>
      <c r="CK34" s="196">
        <v>0</v>
      </c>
      <c r="CL34" s="195">
        <v>0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  <c r="CX34" s="190">
        <v>0</v>
      </c>
      <c r="CY34" s="191">
        <v>0</v>
      </c>
      <c r="CZ34" s="196">
        <v>0</v>
      </c>
      <c r="DA34" s="193">
        <v>0</v>
      </c>
      <c r="DB34" s="191">
        <v>0</v>
      </c>
      <c r="DC34" s="191">
        <v>0</v>
      </c>
      <c r="DD34" s="191">
        <v>0</v>
      </c>
      <c r="DE34" s="191">
        <v>0</v>
      </c>
      <c r="DF34" s="191">
        <v>0</v>
      </c>
      <c r="DG34" s="196">
        <v>0</v>
      </c>
      <c r="DH34" s="195">
        <v>0</v>
      </c>
    </row>
    <row r="35" spans="2:112" ht="21" customHeight="1" x14ac:dyDescent="0.2">
      <c r="B35" s="106" t="s">
        <v>33</v>
      </c>
      <c r="C35" s="190">
        <v>0</v>
      </c>
      <c r="D35" s="191">
        <v>0</v>
      </c>
      <c r="E35" s="192">
        <v>0</v>
      </c>
      <c r="F35" s="193">
        <v>0</v>
      </c>
      <c r="G35" s="191">
        <v>13</v>
      </c>
      <c r="H35" s="191">
        <v>0</v>
      </c>
      <c r="I35" s="191">
        <v>14</v>
      </c>
      <c r="J35" s="191">
        <v>0</v>
      </c>
      <c r="K35" s="191">
        <v>0</v>
      </c>
      <c r="L35" s="194">
        <v>27</v>
      </c>
      <c r="M35" s="195">
        <v>27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0</v>
      </c>
      <c r="AA35" s="196">
        <v>0</v>
      </c>
      <c r="AB35" s="193">
        <v>0</v>
      </c>
      <c r="AC35" s="191">
        <v>3</v>
      </c>
      <c r="AD35" s="191">
        <v>0</v>
      </c>
      <c r="AE35" s="191">
        <v>4</v>
      </c>
      <c r="AF35" s="191">
        <v>0</v>
      </c>
      <c r="AG35" s="191">
        <v>0</v>
      </c>
      <c r="AH35" s="196">
        <v>7</v>
      </c>
      <c r="AI35" s="195">
        <v>7</v>
      </c>
      <c r="AJ35" s="190">
        <v>21</v>
      </c>
      <c r="AK35" s="191">
        <v>16</v>
      </c>
      <c r="AL35" s="196">
        <v>37</v>
      </c>
      <c r="AM35" s="193">
        <v>0</v>
      </c>
      <c r="AN35" s="191">
        <v>36</v>
      </c>
      <c r="AO35" s="191">
        <v>0</v>
      </c>
      <c r="AP35" s="191">
        <v>36</v>
      </c>
      <c r="AQ35" s="191">
        <v>0</v>
      </c>
      <c r="AR35" s="191">
        <v>0</v>
      </c>
      <c r="AS35" s="196">
        <v>72</v>
      </c>
      <c r="AT35" s="195">
        <v>109</v>
      </c>
      <c r="AU35" s="190">
        <v>0</v>
      </c>
      <c r="AV35" s="191">
        <v>0</v>
      </c>
      <c r="AW35" s="196">
        <v>0</v>
      </c>
      <c r="AX35" s="193">
        <v>0</v>
      </c>
      <c r="AY35" s="191">
        <v>0</v>
      </c>
      <c r="AZ35" s="191">
        <v>0</v>
      </c>
      <c r="BA35" s="191">
        <v>0</v>
      </c>
      <c r="BB35" s="191">
        <v>0</v>
      </c>
      <c r="BC35" s="191">
        <v>0</v>
      </c>
      <c r="BD35" s="194">
        <v>0</v>
      </c>
      <c r="BE35" s="195">
        <v>0</v>
      </c>
      <c r="BF35" s="190">
        <v>0</v>
      </c>
      <c r="BG35" s="191">
        <v>0</v>
      </c>
      <c r="BH35" s="196">
        <v>0</v>
      </c>
      <c r="BI35" s="193">
        <v>0</v>
      </c>
      <c r="BJ35" s="191">
        <v>0</v>
      </c>
      <c r="BK35" s="191">
        <v>0</v>
      </c>
      <c r="BL35" s="191">
        <v>0</v>
      </c>
      <c r="BM35" s="191">
        <v>0</v>
      </c>
      <c r="BN35" s="191">
        <v>0</v>
      </c>
      <c r="BO35" s="196">
        <v>0</v>
      </c>
      <c r="BP35" s="195">
        <v>0</v>
      </c>
      <c r="BQ35" s="190">
        <v>0</v>
      </c>
      <c r="BR35" s="191">
        <v>0</v>
      </c>
      <c r="BS35" s="196">
        <v>0</v>
      </c>
      <c r="BT35" s="193">
        <v>0</v>
      </c>
      <c r="BU35" s="191">
        <v>5</v>
      </c>
      <c r="BV35" s="191">
        <v>0</v>
      </c>
      <c r="BW35" s="191">
        <v>0</v>
      </c>
      <c r="BX35" s="191">
        <v>0</v>
      </c>
      <c r="BY35" s="191">
        <v>31</v>
      </c>
      <c r="BZ35" s="196">
        <v>36</v>
      </c>
      <c r="CA35" s="195">
        <v>36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  <c r="CX35" s="190">
        <v>0</v>
      </c>
      <c r="CY35" s="191">
        <v>0</v>
      </c>
      <c r="CZ35" s="196">
        <v>0</v>
      </c>
      <c r="DA35" s="193">
        <v>0</v>
      </c>
      <c r="DB35" s="191">
        <v>0</v>
      </c>
      <c r="DC35" s="191">
        <v>0</v>
      </c>
      <c r="DD35" s="191">
        <v>0</v>
      </c>
      <c r="DE35" s="191">
        <v>0</v>
      </c>
      <c r="DF35" s="191">
        <v>0</v>
      </c>
      <c r="DG35" s="196">
        <v>0</v>
      </c>
      <c r="DH35" s="195">
        <v>0</v>
      </c>
    </row>
    <row r="36" spans="2:112" ht="21" customHeight="1" x14ac:dyDescent="0.2">
      <c r="B36" s="106" t="s">
        <v>34</v>
      </c>
      <c r="C36" s="190">
        <v>0</v>
      </c>
      <c r="D36" s="191">
        <v>0</v>
      </c>
      <c r="E36" s="192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0</v>
      </c>
      <c r="L36" s="194">
        <v>0</v>
      </c>
      <c r="M36" s="195">
        <v>0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0</v>
      </c>
      <c r="Z36" s="191">
        <v>0</v>
      </c>
      <c r="AA36" s="196">
        <v>0</v>
      </c>
      <c r="AB36" s="193">
        <v>0</v>
      </c>
      <c r="AC36" s="191">
        <v>0</v>
      </c>
      <c r="AD36" s="191">
        <v>32</v>
      </c>
      <c r="AE36" s="191">
        <v>0</v>
      </c>
      <c r="AF36" s="191">
        <v>0</v>
      </c>
      <c r="AG36" s="191">
        <v>12</v>
      </c>
      <c r="AH36" s="196">
        <v>44</v>
      </c>
      <c r="AI36" s="195">
        <v>44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0</v>
      </c>
      <c r="AP36" s="191">
        <v>0</v>
      </c>
      <c r="AQ36" s="191">
        <v>0</v>
      </c>
      <c r="AR36" s="191">
        <v>16</v>
      </c>
      <c r="AS36" s="196">
        <v>16</v>
      </c>
      <c r="AT36" s="195">
        <v>16</v>
      </c>
      <c r="AU36" s="190">
        <v>0</v>
      </c>
      <c r="AV36" s="191">
        <v>0</v>
      </c>
      <c r="AW36" s="196">
        <v>0</v>
      </c>
      <c r="AX36" s="193">
        <v>0</v>
      </c>
      <c r="AY36" s="191">
        <v>12</v>
      </c>
      <c r="AZ36" s="191">
        <v>12</v>
      </c>
      <c r="BA36" s="191">
        <v>0</v>
      </c>
      <c r="BB36" s="191">
        <v>0</v>
      </c>
      <c r="BC36" s="191">
        <v>0</v>
      </c>
      <c r="BD36" s="194">
        <v>24</v>
      </c>
      <c r="BE36" s="195">
        <v>24</v>
      </c>
      <c r="BF36" s="190">
        <v>0</v>
      </c>
      <c r="BG36" s="191">
        <v>0</v>
      </c>
      <c r="BH36" s="196">
        <v>0</v>
      </c>
      <c r="BI36" s="193">
        <v>0</v>
      </c>
      <c r="BJ36" s="191">
        <v>0</v>
      </c>
      <c r="BK36" s="191">
        <v>0</v>
      </c>
      <c r="BL36" s="191">
        <v>0</v>
      </c>
      <c r="BM36" s="191">
        <v>0</v>
      </c>
      <c r="BN36" s="191">
        <v>0</v>
      </c>
      <c r="BO36" s="196">
        <v>0</v>
      </c>
      <c r="BP36" s="195">
        <v>0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  <c r="CX36" s="190">
        <v>0</v>
      </c>
      <c r="CY36" s="191">
        <v>0</v>
      </c>
      <c r="CZ36" s="196">
        <v>0</v>
      </c>
      <c r="DA36" s="193">
        <v>0</v>
      </c>
      <c r="DB36" s="191">
        <v>0</v>
      </c>
      <c r="DC36" s="191">
        <v>0</v>
      </c>
      <c r="DD36" s="191">
        <v>0</v>
      </c>
      <c r="DE36" s="191">
        <v>0</v>
      </c>
      <c r="DF36" s="191">
        <v>0</v>
      </c>
      <c r="DG36" s="196">
        <v>0</v>
      </c>
      <c r="DH36" s="195">
        <v>0</v>
      </c>
    </row>
    <row r="37" spans="2:112" ht="21" customHeight="1" x14ac:dyDescent="0.2">
      <c r="B37" s="106" t="s">
        <v>35</v>
      </c>
      <c r="C37" s="190">
        <v>0</v>
      </c>
      <c r="D37" s="191">
        <v>0</v>
      </c>
      <c r="E37" s="192">
        <v>0</v>
      </c>
      <c r="F37" s="193">
        <v>0</v>
      </c>
      <c r="G37" s="191">
        <v>8</v>
      </c>
      <c r="H37" s="191">
        <v>170</v>
      </c>
      <c r="I37" s="191">
        <v>0</v>
      </c>
      <c r="J37" s="191">
        <v>0</v>
      </c>
      <c r="K37" s="191">
        <v>0</v>
      </c>
      <c r="L37" s="194">
        <v>178</v>
      </c>
      <c r="M37" s="195">
        <v>178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4</v>
      </c>
      <c r="U37" s="191">
        <v>0</v>
      </c>
      <c r="V37" s="191">
        <v>4</v>
      </c>
      <c r="W37" s="196">
        <v>8</v>
      </c>
      <c r="X37" s="195">
        <v>8</v>
      </c>
      <c r="Y37" s="190">
        <v>0</v>
      </c>
      <c r="Z37" s="191">
        <v>4</v>
      </c>
      <c r="AA37" s="196">
        <v>4</v>
      </c>
      <c r="AB37" s="193">
        <v>0</v>
      </c>
      <c r="AC37" s="191">
        <v>8</v>
      </c>
      <c r="AD37" s="191">
        <v>34</v>
      </c>
      <c r="AE37" s="191">
        <v>18</v>
      </c>
      <c r="AF37" s="191">
        <v>0</v>
      </c>
      <c r="AG37" s="191">
        <v>72</v>
      </c>
      <c r="AH37" s="196">
        <v>132</v>
      </c>
      <c r="AI37" s="195">
        <v>136</v>
      </c>
      <c r="AJ37" s="190">
        <v>0</v>
      </c>
      <c r="AK37" s="191">
        <v>12</v>
      </c>
      <c r="AL37" s="196">
        <v>12</v>
      </c>
      <c r="AM37" s="193">
        <v>0</v>
      </c>
      <c r="AN37" s="191">
        <v>24</v>
      </c>
      <c r="AO37" s="191">
        <v>0</v>
      </c>
      <c r="AP37" s="191">
        <v>0</v>
      </c>
      <c r="AQ37" s="191">
        <v>0</v>
      </c>
      <c r="AR37" s="191">
        <v>3</v>
      </c>
      <c r="AS37" s="196">
        <v>27</v>
      </c>
      <c r="AT37" s="195">
        <v>39</v>
      </c>
      <c r="AU37" s="190">
        <v>0</v>
      </c>
      <c r="AV37" s="191">
        <v>0</v>
      </c>
      <c r="AW37" s="196">
        <v>0</v>
      </c>
      <c r="AX37" s="193">
        <v>0</v>
      </c>
      <c r="AY37" s="191">
        <v>50</v>
      </c>
      <c r="AZ37" s="191">
        <v>24</v>
      </c>
      <c r="BA37" s="191">
        <v>0</v>
      </c>
      <c r="BB37" s="191">
        <v>0</v>
      </c>
      <c r="BC37" s="191">
        <v>0</v>
      </c>
      <c r="BD37" s="194">
        <v>74</v>
      </c>
      <c r="BE37" s="195">
        <v>74</v>
      </c>
      <c r="BF37" s="190">
        <v>0</v>
      </c>
      <c r="BG37" s="191">
        <v>0</v>
      </c>
      <c r="BH37" s="196">
        <v>0</v>
      </c>
      <c r="BI37" s="193">
        <v>0</v>
      </c>
      <c r="BJ37" s="191">
        <v>36</v>
      </c>
      <c r="BK37" s="191">
        <v>25</v>
      </c>
      <c r="BL37" s="191">
        <v>0</v>
      </c>
      <c r="BM37" s="191">
        <v>13</v>
      </c>
      <c r="BN37" s="191">
        <v>0</v>
      </c>
      <c r="BO37" s="196">
        <v>74</v>
      </c>
      <c r="BP37" s="195">
        <v>74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0</v>
      </c>
      <c r="BW37" s="191">
        <v>0</v>
      </c>
      <c r="BX37" s="191">
        <v>0</v>
      </c>
      <c r="BY37" s="191">
        <v>2</v>
      </c>
      <c r="BZ37" s="196">
        <v>2</v>
      </c>
      <c r="CA37" s="195">
        <v>2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  <c r="CX37" s="190">
        <v>0</v>
      </c>
      <c r="CY37" s="191">
        <v>0</v>
      </c>
      <c r="CZ37" s="196">
        <v>0</v>
      </c>
      <c r="DA37" s="193">
        <v>0</v>
      </c>
      <c r="DB37" s="191">
        <v>0</v>
      </c>
      <c r="DC37" s="191">
        <v>0</v>
      </c>
      <c r="DD37" s="191">
        <v>0</v>
      </c>
      <c r="DE37" s="191">
        <v>0</v>
      </c>
      <c r="DF37" s="191">
        <v>0</v>
      </c>
      <c r="DG37" s="196">
        <v>0</v>
      </c>
      <c r="DH37" s="195">
        <v>0</v>
      </c>
    </row>
    <row r="38" spans="2:112" ht="21" customHeight="1" x14ac:dyDescent="0.2">
      <c r="B38" s="106" t="s">
        <v>36</v>
      </c>
      <c r="C38" s="190">
        <v>0</v>
      </c>
      <c r="D38" s="191">
        <v>0</v>
      </c>
      <c r="E38" s="192">
        <v>0</v>
      </c>
      <c r="F38" s="193">
        <v>0</v>
      </c>
      <c r="G38" s="191">
        <v>10</v>
      </c>
      <c r="H38" s="191">
        <v>0</v>
      </c>
      <c r="I38" s="191">
        <v>0</v>
      </c>
      <c r="J38" s="191">
        <v>76</v>
      </c>
      <c r="K38" s="191">
        <v>124</v>
      </c>
      <c r="L38" s="194">
        <v>210</v>
      </c>
      <c r="M38" s="195">
        <v>210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9</v>
      </c>
      <c r="W38" s="196">
        <v>9</v>
      </c>
      <c r="X38" s="195">
        <v>9</v>
      </c>
      <c r="Y38" s="190">
        <v>0</v>
      </c>
      <c r="Z38" s="191">
        <v>4</v>
      </c>
      <c r="AA38" s="196">
        <v>4</v>
      </c>
      <c r="AB38" s="193">
        <v>0</v>
      </c>
      <c r="AC38" s="191">
        <v>48</v>
      </c>
      <c r="AD38" s="191">
        <v>0</v>
      </c>
      <c r="AE38" s="191">
        <v>0</v>
      </c>
      <c r="AF38" s="191">
        <v>0</v>
      </c>
      <c r="AG38" s="191">
        <v>13</v>
      </c>
      <c r="AH38" s="196">
        <v>61</v>
      </c>
      <c r="AI38" s="195">
        <v>65</v>
      </c>
      <c r="AJ38" s="190">
        <v>0</v>
      </c>
      <c r="AK38" s="191">
        <v>0</v>
      </c>
      <c r="AL38" s="196">
        <v>0</v>
      </c>
      <c r="AM38" s="193">
        <v>0</v>
      </c>
      <c r="AN38" s="191">
        <v>0</v>
      </c>
      <c r="AO38" s="191">
        <v>8</v>
      </c>
      <c r="AP38" s="191">
        <v>0</v>
      </c>
      <c r="AQ38" s="191">
        <v>0</v>
      </c>
      <c r="AR38" s="191">
        <v>0</v>
      </c>
      <c r="AS38" s="196">
        <v>8</v>
      </c>
      <c r="AT38" s="195">
        <v>8</v>
      </c>
      <c r="AU38" s="190">
        <v>0</v>
      </c>
      <c r="AV38" s="191">
        <v>0</v>
      </c>
      <c r="AW38" s="196">
        <v>0</v>
      </c>
      <c r="AX38" s="193">
        <v>0</v>
      </c>
      <c r="AY38" s="191">
        <v>0</v>
      </c>
      <c r="AZ38" s="191">
        <v>11</v>
      </c>
      <c r="BA38" s="191">
        <v>0</v>
      </c>
      <c r="BB38" s="191">
        <v>0</v>
      </c>
      <c r="BC38" s="191">
        <v>0</v>
      </c>
      <c r="BD38" s="194">
        <v>11</v>
      </c>
      <c r="BE38" s="195">
        <v>11</v>
      </c>
      <c r="BF38" s="190">
        <v>0</v>
      </c>
      <c r="BG38" s="191">
        <v>0</v>
      </c>
      <c r="BH38" s="196">
        <v>0</v>
      </c>
      <c r="BI38" s="193">
        <v>0</v>
      </c>
      <c r="BJ38" s="191">
        <v>13</v>
      </c>
      <c r="BK38" s="191">
        <v>6</v>
      </c>
      <c r="BL38" s="191">
        <v>0</v>
      </c>
      <c r="BM38" s="191">
        <v>0</v>
      </c>
      <c r="BN38" s="191">
        <v>0</v>
      </c>
      <c r="BO38" s="196">
        <v>19</v>
      </c>
      <c r="BP38" s="195">
        <v>19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3</v>
      </c>
      <c r="BW38" s="191">
        <v>0</v>
      </c>
      <c r="BX38" s="191">
        <v>0</v>
      </c>
      <c r="BY38" s="191">
        <v>0</v>
      </c>
      <c r="BZ38" s="196">
        <v>3</v>
      </c>
      <c r="CA38" s="195">
        <v>3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  <c r="CX38" s="190">
        <v>0</v>
      </c>
      <c r="CY38" s="191">
        <v>0</v>
      </c>
      <c r="CZ38" s="196">
        <v>0</v>
      </c>
      <c r="DA38" s="193">
        <v>0</v>
      </c>
      <c r="DB38" s="191">
        <v>0</v>
      </c>
      <c r="DC38" s="191">
        <v>0</v>
      </c>
      <c r="DD38" s="191">
        <v>0</v>
      </c>
      <c r="DE38" s="191">
        <v>0</v>
      </c>
      <c r="DF38" s="191">
        <v>0</v>
      </c>
      <c r="DG38" s="196">
        <v>0</v>
      </c>
      <c r="DH38" s="195">
        <v>0</v>
      </c>
    </row>
    <row r="39" spans="2:112" ht="21" customHeight="1" thickBot="1" x14ac:dyDescent="0.25">
      <c r="B39" s="108" t="s">
        <v>37</v>
      </c>
      <c r="C39" s="197">
        <v>0</v>
      </c>
      <c r="D39" s="198">
        <v>0</v>
      </c>
      <c r="E39" s="199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0</v>
      </c>
      <c r="AE39" s="198">
        <v>0</v>
      </c>
      <c r="AF39" s="198">
        <v>0</v>
      </c>
      <c r="AG39" s="198">
        <v>0</v>
      </c>
      <c r="AH39" s="203">
        <v>0</v>
      </c>
      <c r="AI39" s="202">
        <v>0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1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4</v>
      </c>
      <c r="BK39" s="198">
        <v>8</v>
      </c>
      <c r="BL39" s="198">
        <v>0</v>
      </c>
      <c r="BM39" s="198">
        <v>0</v>
      </c>
      <c r="BN39" s="198">
        <v>0</v>
      </c>
      <c r="BO39" s="203">
        <v>12</v>
      </c>
      <c r="BP39" s="202">
        <v>12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  <c r="CX39" s="197">
        <v>0</v>
      </c>
      <c r="CY39" s="198">
        <v>0</v>
      </c>
      <c r="CZ39" s="203">
        <v>0</v>
      </c>
      <c r="DA39" s="200">
        <v>0</v>
      </c>
      <c r="DB39" s="198">
        <v>0</v>
      </c>
      <c r="DC39" s="198">
        <v>0</v>
      </c>
      <c r="DD39" s="198">
        <v>0</v>
      </c>
      <c r="DE39" s="198">
        <v>0</v>
      </c>
      <c r="DF39" s="198">
        <v>0</v>
      </c>
      <c r="DG39" s="203">
        <v>0</v>
      </c>
      <c r="DH39" s="202">
        <v>0</v>
      </c>
    </row>
    <row r="40" spans="2:112" ht="27" customHeight="1" x14ac:dyDescent="0.2"/>
  </sheetData>
  <mergeCells count="43">
    <mergeCell ref="CX3:DH3"/>
    <mergeCell ref="CX4:CZ4"/>
    <mergeCell ref="DA4:DG4"/>
    <mergeCell ref="DH4:DH5"/>
    <mergeCell ref="CB3:CL3"/>
    <mergeCell ref="CM3:CW3"/>
    <mergeCell ref="CB4:CD4"/>
    <mergeCell ref="CE4:CK4"/>
    <mergeCell ref="CL4:CL5"/>
    <mergeCell ref="CM4:CO4"/>
    <mergeCell ref="CP4:CV4"/>
    <mergeCell ref="CW4:CW5"/>
    <mergeCell ref="J1:K1"/>
    <mergeCell ref="M1:N1"/>
    <mergeCell ref="B3:B5"/>
    <mergeCell ref="C3:M3"/>
    <mergeCell ref="N3:X3"/>
    <mergeCell ref="Y3:AI3"/>
    <mergeCell ref="C4:E4"/>
    <mergeCell ref="F4:L4"/>
    <mergeCell ref="M4:M5"/>
    <mergeCell ref="N4:P4"/>
    <mergeCell ref="Q4:W4"/>
    <mergeCell ref="X4:X5"/>
    <mergeCell ref="Y4:AA4"/>
    <mergeCell ref="AB4:AH4"/>
    <mergeCell ref="AI4:AI5"/>
    <mergeCell ref="AJ4:AL4"/>
    <mergeCell ref="AJ3:AT3"/>
    <mergeCell ref="AU3:BE3"/>
    <mergeCell ref="BF3:BP3"/>
    <mergeCell ref="BQ3:CA3"/>
    <mergeCell ref="AM4:AS4"/>
    <mergeCell ref="AT4:AT5"/>
    <mergeCell ref="AU4:AW4"/>
    <mergeCell ref="AX4:BD4"/>
    <mergeCell ref="BE4:BE5"/>
    <mergeCell ref="BF4:BH4"/>
    <mergeCell ref="BI4:BO4"/>
    <mergeCell ref="BP4:BP5"/>
    <mergeCell ref="BQ4:BS4"/>
    <mergeCell ref="BT4:BZ4"/>
    <mergeCell ref="CA4:CA5"/>
  </mergeCells>
  <phoneticPr fontId="4"/>
  <pageMargins left="0.70866141732283472" right="0.70866141732283472" top="0.47244094488188981" bottom="0.59055118110236227" header="0.27559055118110237" footer="0.31496062992125984"/>
  <pageSetup paperSize="9" scale="60" orientation="landscape" r:id="rId1"/>
  <headerFooter>
    <oddFooter>&amp;L&amp;20&amp;A&amp;C&amp;P/&amp;N</oddFooter>
  </headerFooter>
  <colBreaks count="4" manualBreakCount="4">
    <brk id="24" max="39" man="1"/>
    <brk id="46" max="39" man="1"/>
    <brk id="68" max="1048575" man="1"/>
    <brk id="90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DH40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5" width="9" style="175"/>
    <col min="6" max="6" width="7.77734375" style="175" customWidth="1"/>
    <col min="7" max="7" width="9" style="175"/>
    <col min="8" max="8" width="10.6640625" style="175" customWidth="1"/>
    <col min="9" max="16" width="9" style="175"/>
    <col min="17" max="17" width="7.88671875" style="175" customWidth="1"/>
    <col min="18" max="27" width="9" style="175"/>
    <col min="28" max="28" width="7.77734375" style="175" customWidth="1"/>
    <col min="29" max="38" width="9" style="175"/>
    <col min="39" max="39" width="7.5546875" style="175" customWidth="1"/>
    <col min="40" max="49" width="9" style="175"/>
    <col min="50" max="50" width="7.77734375" style="175" customWidth="1"/>
    <col min="51" max="60" width="9" style="175"/>
    <col min="61" max="61" width="7.44140625" style="175" customWidth="1"/>
    <col min="62" max="71" width="9" style="175"/>
    <col min="72" max="72" width="7.33203125" style="175" customWidth="1"/>
    <col min="73" max="82" width="9" style="175"/>
    <col min="83" max="83" width="7.44140625" style="175" customWidth="1"/>
    <col min="84" max="93" width="9" style="175"/>
    <col min="94" max="94" width="7.6640625" style="175" customWidth="1"/>
    <col min="95" max="16384" width="9" style="175"/>
  </cols>
  <sheetData>
    <row r="1" spans="2:112" ht="24" customHeight="1" x14ac:dyDescent="0.2">
      <c r="B1" s="142" t="s">
        <v>121</v>
      </c>
      <c r="J1" s="442">
        <f>第１表!F2</f>
        <v>7</v>
      </c>
      <c r="K1" s="442"/>
      <c r="L1" s="18">
        <f>第１表!G2</f>
        <v>2</v>
      </c>
      <c r="M1" s="447">
        <f>IF(L1&lt;3,L1+12-2,L1-2)</f>
        <v>12</v>
      </c>
      <c r="N1" s="447"/>
    </row>
    <row r="2" spans="2:112" ht="24" customHeight="1" thickBot="1" x14ac:dyDescent="0.25">
      <c r="B2" s="142" t="s">
        <v>150</v>
      </c>
    </row>
    <row r="3" spans="2:112" ht="21" customHeight="1" thickBot="1" x14ac:dyDescent="0.25">
      <c r="B3" s="484"/>
      <c r="C3" s="487" t="s">
        <v>111</v>
      </c>
      <c r="D3" s="487"/>
      <c r="E3" s="487"/>
      <c r="F3" s="487"/>
      <c r="G3" s="487"/>
      <c r="H3" s="487"/>
      <c r="I3" s="487"/>
      <c r="J3" s="487"/>
      <c r="K3" s="487"/>
      <c r="L3" s="487"/>
      <c r="M3" s="488"/>
      <c r="N3" s="482" t="s">
        <v>110</v>
      </c>
      <c r="O3" s="482"/>
      <c r="P3" s="482"/>
      <c r="Q3" s="482"/>
      <c r="R3" s="482"/>
      <c r="S3" s="482"/>
      <c r="T3" s="482"/>
      <c r="U3" s="482"/>
      <c r="V3" s="482"/>
      <c r="W3" s="482"/>
      <c r="X3" s="483"/>
      <c r="Y3" s="481" t="s">
        <v>109</v>
      </c>
      <c r="Z3" s="482"/>
      <c r="AA3" s="482"/>
      <c r="AB3" s="482"/>
      <c r="AC3" s="482"/>
      <c r="AD3" s="482"/>
      <c r="AE3" s="482"/>
      <c r="AF3" s="482"/>
      <c r="AG3" s="482"/>
      <c r="AH3" s="482"/>
      <c r="AI3" s="483"/>
      <c r="AJ3" s="481" t="s">
        <v>108</v>
      </c>
      <c r="AK3" s="482"/>
      <c r="AL3" s="482"/>
      <c r="AM3" s="482"/>
      <c r="AN3" s="482"/>
      <c r="AO3" s="482"/>
      <c r="AP3" s="482"/>
      <c r="AQ3" s="482"/>
      <c r="AR3" s="482"/>
      <c r="AS3" s="482"/>
      <c r="AT3" s="483"/>
      <c r="AU3" s="481" t="s">
        <v>107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106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105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124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1" t="s">
        <v>15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  <c r="CX3" s="481" t="s">
        <v>153</v>
      </c>
      <c r="CY3" s="482"/>
      <c r="CZ3" s="482"/>
      <c r="DA3" s="482"/>
      <c r="DB3" s="482"/>
      <c r="DC3" s="482"/>
      <c r="DD3" s="482"/>
      <c r="DE3" s="482"/>
      <c r="DF3" s="482"/>
      <c r="DG3" s="482"/>
      <c r="DH3" s="483"/>
    </row>
    <row r="4" spans="2:112" ht="21" customHeight="1" x14ac:dyDescent="0.2">
      <c r="B4" s="485"/>
      <c r="C4" s="489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89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71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65" t="s">
        <v>61</v>
      </c>
      <c r="AV4" s="466"/>
      <c r="AW4" s="471"/>
      <c r="AX4" s="468" t="s">
        <v>62</v>
      </c>
      <c r="AY4" s="466"/>
      <c r="AZ4" s="466"/>
      <c r="BA4" s="466"/>
      <c r="BB4" s="466"/>
      <c r="BC4" s="466"/>
      <c r="BD4" s="471"/>
      <c r="BE4" s="469" t="s">
        <v>52</v>
      </c>
      <c r="BF4" s="465" t="s">
        <v>61</v>
      </c>
      <c r="BG4" s="466"/>
      <c r="BH4" s="467"/>
      <c r="BI4" s="468" t="s">
        <v>62</v>
      </c>
      <c r="BJ4" s="466"/>
      <c r="BK4" s="466"/>
      <c r="BL4" s="466"/>
      <c r="BM4" s="466"/>
      <c r="BN4" s="466"/>
      <c r="BO4" s="467"/>
      <c r="BP4" s="469" t="s">
        <v>52</v>
      </c>
      <c r="BQ4" s="465" t="s">
        <v>61</v>
      </c>
      <c r="BR4" s="466"/>
      <c r="BS4" s="467"/>
      <c r="BT4" s="468" t="s">
        <v>62</v>
      </c>
      <c r="BU4" s="466"/>
      <c r="BV4" s="466"/>
      <c r="BW4" s="466"/>
      <c r="BX4" s="466"/>
      <c r="BY4" s="466"/>
      <c r="BZ4" s="467"/>
      <c r="CA4" s="469" t="s">
        <v>52</v>
      </c>
      <c r="CB4" s="465" t="s">
        <v>61</v>
      </c>
      <c r="CC4" s="466"/>
      <c r="CD4" s="467"/>
      <c r="CE4" s="468" t="s">
        <v>62</v>
      </c>
      <c r="CF4" s="466"/>
      <c r="CG4" s="466"/>
      <c r="CH4" s="466"/>
      <c r="CI4" s="466"/>
      <c r="CJ4" s="466"/>
      <c r="CK4" s="467"/>
      <c r="CL4" s="469" t="s">
        <v>52</v>
      </c>
      <c r="CM4" s="465" t="s">
        <v>61</v>
      </c>
      <c r="CN4" s="466"/>
      <c r="CO4" s="467"/>
      <c r="CP4" s="468" t="s">
        <v>62</v>
      </c>
      <c r="CQ4" s="466"/>
      <c r="CR4" s="466"/>
      <c r="CS4" s="466"/>
      <c r="CT4" s="466"/>
      <c r="CU4" s="466"/>
      <c r="CV4" s="467"/>
      <c r="CW4" s="469" t="s">
        <v>52</v>
      </c>
      <c r="CX4" s="465" t="s">
        <v>61</v>
      </c>
      <c r="CY4" s="466"/>
      <c r="CZ4" s="467"/>
      <c r="DA4" s="468" t="s">
        <v>62</v>
      </c>
      <c r="DB4" s="466"/>
      <c r="DC4" s="466"/>
      <c r="DD4" s="466"/>
      <c r="DE4" s="466"/>
      <c r="DF4" s="466"/>
      <c r="DG4" s="467"/>
      <c r="DH4" s="469" t="s">
        <v>52</v>
      </c>
    </row>
    <row r="5" spans="2:112" ht="30" customHeight="1" thickBot="1" x14ac:dyDescent="0.25">
      <c r="B5" s="486"/>
      <c r="C5" s="204" t="s">
        <v>43</v>
      </c>
      <c r="D5" s="182" t="s">
        <v>44</v>
      </c>
      <c r="E5" s="205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204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1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1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1" t="s">
        <v>45</v>
      </c>
      <c r="BE5" s="470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70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70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70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70"/>
      <c r="CX5" s="177" t="s">
        <v>43</v>
      </c>
      <c r="CY5" s="178" t="s">
        <v>44</v>
      </c>
      <c r="CZ5" s="182" t="s">
        <v>45</v>
      </c>
      <c r="DA5" s="180" t="s">
        <v>83</v>
      </c>
      <c r="DB5" s="178" t="s">
        <v>47</v>
      </c>
      <c r="DC5" s="178" t="s">
        <v>48</v>
      </c>
      <c r="DD5" s="178" t="s">
        <v>49</v>
      </c>
      <c r="DE5" s="178" t="s">
        <v>50</v>
      </c>
      <c r="DF5" s="178" t="s">
        <v>51</v>
      </c>
      <c r="DG5" s="182" t="s">
        <v>45</v>
      </c>
      <c r="DH5" s="470"/>
    </row>
    <row r="6" spans="2:112" ht="21" customHeight="1" x14ac:dyDescent="0.2">
      <c r="B6" s="84" t="s">
        <v>4</v>
      </c>
      <c r="C6" s="183">
        <v>0</v>
      </c>
      <c r="D6" s="189">
        <v>0</v>
      </c>
      <c r="E6" s="206">
        <v>0</v>
      </c>
      <c r="F6" s="186">
        <v>0</v>
      </c>
      <c r="G6" s="184">
        <v>13132</v>
      </c>
      <c r="H6" s="184">
        <v>22022</v>
      </c>
      <c r="I6" s="184">
        <v>20897</v>
      </c>
      <c r="J6" s="184">
        <v>26130</v>
      </c>
      <c r="K6" s="184">
        <v>25542</v>
      </c>
      <c r="L6" s="187">
        <v>107723</v>
      </c>
      <c r="M6" s="188">
        <v>107723</v>
      </c>
      <c r="N6" s="183">
        <v>0</v>
      </c>
      <c r="O6" s="184">
        <v>9</v>
      </c>
      <c r="P6" s="189">
        <v>9</v>
      </c>
      <c r="Q6" s="186">
        <v>0</v>
      </c>
      <c r="R6" s="184">
        <v>32</v>
      </c>
      <c r="S6" s="184">
        <v>92</v>
      </c>
      <c r="T6" s="184">
        <v>235</v>
      </c>
      <c r="U6" s="184">
        <v>669</v>
      </c>
      <c r="V6" s="184">
        <v>1240</v>
      </c>
      <c r="W6" s="189">
        <v>2268</v>
      </c>
      <c r="X6" s="188">
        <v>2277</v>
      </c>
      <c r="Y6" s="183">
        <v>1647</v>
      </c>
      <c r="Z6" s="184">
        <v>4442</v>
      </c>
      <c r="AA6" s="189">
        <v>6089</v>
      </c>
      <c r="AB6" s="186">
        <v>0</v>
      </c>
      <c r="AC6" s="184">
        <v>10321</v>
      </c>
      <c r="AD6" s="184">
        <v>16293</v>
      </c>
      <c r="AE6" s="184">
        <v>9177</v>
      </c>
      <c r="AF6" s="184">
        <v>8630</v>
      </c>
      <c r="AG6" s="184">
        <v>5637</v>
      </c>
      <c r="AH6" s="189">
        <v>50058</v>
      </c>
      <c r="AI6" s="188">
        <v>56147</v>
      </c>
      <c r="AJ6" s="183">
        <v>231</v>
      </c>
      <c r="AK6" s="184">
        <v>897</v>
      </c>
      <c r="AL6" s="189">
        <v>1128</v>
      </c>
      <c r="AM6" s="186">
        <v>0</v>
      </c>
      <c r="AN6" s="184">
        <v>1292</v>
      </c>
      <c r="AO6" s="184">
        <v>1855</v>
      </c>
      <c r="AP6" s="184">
        <v>1055</v>
      </c>
      <c r="AQ6" s="184">
        <v>1092</v>
      </c>
      <c r="AR6" s="184">
        <v>750</v>
      </c>
      <c r="AS6" s="189">
        <v>6044</v>
      </c>
      <c r="AT6" s="188">
        <v>7172</v>
      </c>
      <c r="AU6" s="183">
        <v>0</v>
      </c>
      <c r="AV6" s="184">
        <v>0</v>
      </c>
      <c r="AW6" s="189">
        <v>0</v>
      </c>
      <c r="AX6" s="186">
        <v>0</v>
      </c>
      <c r="AY6" s="184">
        <v>10626</v>
      </c>
      <c r="AZ6" s="184">
        <v>10447</v>
      </c>
      <c r="BA6" s="184">
        <v>5388</v>
      </c>
      <c r="BB6" s="184">
        <v>3043</v>
      </c>
      <c r="BC6" s="184">
        <v>1219</v>
      </c>
      <c r="BD6" s="187">
        <v>30723</v>
      </c>
      <c r="BE6" s="188">
        <v>30723</v>
      </c>
      <c r="BF6" s="183">
        <v>0</v>
      </c>
      <c r="BG6" s="184">
        <v>0</v>
      </c>
      <c r="BH6" s="189">
        <v>0</v>
      </c>
      <c r="BI6" s="186">
        <v>0</v>
      </c>
      <c r="BJ6" s="184">
        <v>2448</v>
      </c>
      <c r="BK6" s="184">
        <v>3163</v>
      </c>
      <c r="BL6" s="184">
        <v>2180</v>
      </c>
      <c r="BM6" s="184">
        <v>1286</v>
      </c>
      <c r="BN6" s="184">
        <v>348</v>
      </c>
      <c r="BO6" s="189">
        <v>9425</v>
      </c>
      <c r="BP6" s="188">
        <v>9425</v>
      </c>
      <c r="BQ6" s="183">
        <v>28</v>
      </c>
      <c r="BR6" s="184">
        <v>80</v>
      </c>
      <c r="BS6" s="189">
        <v>108</v>
      </c>
      <c r="BT6" s="186">
        <v>0</v>
      </c>
      <c r="BU6" s="184">
        <v>1092</v>
      </c>
      <c r="BV6" s="184">
        <v>1942</v>
      </c>
      <c r="BW6" s="184">
        <v>2630</v>
      </c>
      <c r="BX6" s="184">
        <v>2017</v>
      </c>
      <c r="BY6" s="184">
        <v>1049</v>
      </c>
      <c r="BZ6" s="189">
        <v>8730</v>
      </c>
      <c r="CA6" s="188">
        <v>8838</v>
      </c>
      <c r="CB6" s="183">
        <v>3</v>
      </c>
      <c r="CC6" s="184">
        <v>3</v>
      </c>
      <c r="CD6" s="189">
        <v>6</v>
      </c>
      <c r="CE6" s="186">
        <v>0</v>
      </c>
      <c r="CF6" s="184">
        <v>124</v>
      </c>
      <c r="CG6" s="184">
        <v>259</v>
      </c>
      <c r="CH6" s="184">
        <v>425</v>
      </c>
      <c r="CI6" s="184">
        <v>401</v>
      </c>
      <c r="CJ6" s="184">
        <v>226</v>
      </c>
      <c r="CK6" s="189">
        <v>1435</v>
      </c>
      <c r="CL6" s="188">
        <v>1441</v>
      </c>
      <c r="CM6" s="183">
        <v>0</v>
      </c>
      <c r="CN6" s="184">
        <v>0</v>
      </c>
      <c r="CO6" s="189">
        <v>0</v>
      </c>
      <c r="CP6" s="186">
        <v>0</v>
      </c>
      <c r="CQ6" s="184">
        <v>0</v>
      </c>
      <c r="CR6" s="184">
        <v>0</v>
      </c>
      <c r="CS6" s="184">
        <v>0</v>
      </c>
      <c r="CT6" s="184">
        <v>0</v>
      </c>
      <c r="CU6" s="184">
        <v>0</v>
      </c>
      <c r="CV6" s="189">
        <v>0</v>
      </c>
      <c r="CW6" s="188">
        <v>0</v>
      </c>
      <c r="CX6" s="183">
        <v>0</v>
      </c>
      <c r="CY6" s="184">
        <v>0</v>
      </c>
      <c r="CZ6" s="189">
        <v>0</v>
      </c>
      <c r="DA6" s="186">
        <v>0</v>
      </c>
      <c r="DB6" s="184">
        <v>0</v>
      </c>
      <c r="DC6" s="184">
        <v>0</v>
      </c>
      <c r="DD6" s="184">
        <v>0</v>
      </c>
      <c r="DE6" s="184">
        <v>0</v>
      </c>
      <c r="DF6" s="184">
        <v>0</v>
      </c>
      <c r="DG6" s="189">
        <v>0</v>
      </c>
      <c r="DH6" s="188">
        <v>0</v>
      </c>
    </row>
    <row r="7" spans="2:112" ht="21" customHeight="1" x14ac:dyDescent="0.2">
      <c r="B7" s="95" t="s">
        <v>5</v>
      </c>
      <c r="C7" s="190">
        <v>0</v>
      </c>
      <c r="D7" s="196">
        <v>0</v>
      </c>
      <c r="E7" s="207">
        <v>0</v>
      </c>
      <c r="F7" s="193">
        <v>0</v>
      </c>
      <c r="G7" s="191">
        <v>5068</v>
      </c>
      <c r="H7" s="191">
        <v>9619</v>
      </c>
      <c r="I7" s="191">
        <v>7637</v>
      </c>
      <c r="J7" s="191">
        <v>10610</v>
      </c>
      <c r="K7" s="191">
        <v>11198</v>
      </c>
      <c r="L7" s="194">
        <v>44132</v>
      </c>
      <c r="M7" s="195">
        <v>44132</v>
      </c>
      <c r="N7" s="190">
        <v>0</v>
      </c>
      <c r="O7" s="191">
        <v>9</v>
      </c>
      <c r="P7" s="196">
        <v>9</v>
      </c>
      <c r="Q7" s="193">
        <v>0</v>
      </c>
      <c r="R7" s="191">
        <v>13</v>
      </c>
      <c r="S7" s="191">
        <v>42</v>
      </c>
      <c r="T7" s="191">
        <v>76</v>
      </c>
      <c r="U7" s="191">
        <v>227</v>
      </c>
      <c r="V7" s="191">
        <v>668</v>
      </c>
      <c r="W7" s="196">
        <v>1026</v>
      </c>
      <c r="X7" s="195">
        <v>1035</v>
      </c>
      <c r="Y7" s="190">
        <v>747</v>
      </c>
      <c r="Z7" s="191">
        <v>2455</v>
      </c>
      <c r="AA7" s="196">
        <v>3202</v>
      </c>
      <c r="AB7" s="193">
        <v>0</v>
      </c>
      <c r="AC7" s="191">
        <v>4037</v>
      </c>
      <c r="AD7" s="191">
        <v>8977</v>
      </c>
      <c r="AE7" s="191">
        <v>4586</v>
      </c>
      <c r="AF7" s="191">
        <v>4067</v>
      </c>
      <c r="AG7" s="191">
        <v>2650</v>
      </c>
      <c r="AH7" s="196">
        <v>24317</v>
      </c>
      <c r="AI7" s="195">
        <v>27519</v>
      </c>
      <c r="AJ7" s="190">
        <v>110</v>
      </c>
      <c r="AK7" s="191">
        <v>561</v>
      </c>
      <c r="AL7" s="196">
        <v>671</v>
      </c>
      <c r="AM7" s="193">
        <v>0</v>
      </c>
      <c r="AN7" s="191">
        <v>449</v>
      </c>
      <c r="AO7" s="191">
        <v>909</v>
      </c>
      <c r="AP7" s="191">
        <v>416</v>
      </c>
      <c r="AQ7" s="191">
        <v>442</v>
      </c>
      <c r="AR7" s="191">
        <v>320</v>
      </c>
      <c r="AS7" s="196">
        <v>2536</v>
      </c>
      <c r="AT7" s="195">
        <v>3207</v>
      </c>
      <c r="AU7" s="190">
        <v>0</v>
      </c>
      <c r="AV7" s="191">
        <v>0</v>
      </c>
      <c r="AW7" s="196">
        <v>0</v>
      </c>
      <c r="AX7" s="193">
        <v>0</v>
      </c>
      <c r="AY7" s="191">
        <v>3648</v>
      </c>
      <c r="AZ7" s="191">
        <v>4530</v>
      </c>
      <c r="BA7" s="191">
        <v>2065</v>
      </c>
      <c r="BB7" s="191">
        <v>1071</v>
      </c>
      <c r="BC7" s="191">
        <v>436</v>
      </c>
      <c r="BD7" s="194">
        <v>11750</v>
      </c>
      <c r="BE7" s="195">
        <v>11750</v>
      </c>
      <c r="BF7" s="190">
        <v>0</v>
      </c>
      <c r="BG7" s="191">
        <v>0</v>
      </c>
      <c r="BH7" s="196">
        <v>0</v>
      </c>
      <c r="BI7" s="193">
        <v>0</v>
      </c>
      <c r="BJ7" s="191">
        <v>785</v>
      </c>
      <c r="BK7" s="191">
        <v>1527</v>
      </c>
      <c r="BL7" s="191">
        <v>997</v>
      </c>
      <c r="BM7" s="191">
        <v>577</v>
      </c>
      <c r="BN7" s="191">
        <v>170</v>
      </c>
      <c r="BO7" s="196">
        <v>4056</v>
      </c>
      <c r="BP7" s="195">
        <v>4056</v>
      </c>
      <c r="BQ7" s="190">
        <v>0</v>
      </c>
      <c r="BR7" s="191">
        <v>35</v>
      </c>
      <c r="BS7" s="196">
        <v>35</v>
      </c>
      <c r="BT7" s="193">
        <v>0</v>
      </c>
      <c r="BU7" s="191">
        <v>459</v>
      </c>
      <c r="BV7" s="191">
        <v>688</v>
      </c>
      <c r="BW7" s="191">
        <v>1200</v>
      </c>
      <c r="BX7" s="191">
        <v>833</v>
      </c>
      <c r="BY7" s="191">
        <v>496</v>
      </c>
      <c r="BZ7" s="196">
        <v>3676</v>
      </c>
      <c r="CA7" s="195">
        <v>3711</v>
      </c>
      <c r="CB7" s="190">
        <v>3</v>
      </c>
      <c r="CC7" s="191">
        <v>3</v>
      </c>
      <c r="CD7" s="196">
        <v>6</v>
      </c>
      <c r="CE7" s="193">
        <v>0</v>
      </c>
      <c r="CF7" s="191">
        <v>80</v>
      </c>
      <c r="CG7" s="191">
        <v>146</v>
      </c>
      <c r="CH7" s="191">
        <v>213</v>
      </c>
      <c r="CI7" s="191">
        <v>279</v>
      </c>
      <c r="CJ7" s="191">
        <v>107</v>
      </c>
      <c r="CK7" s="196">
        <v>825</v>
      </c>
      <c r="CL7" s="195">
        <v>831</v>
      </c>
      <c r="CM7" s="190">
        <v>0</v>
      </c>
      <c r="CN7" s="191">
        <v>0</v>
      </c>
      <c r="CO7" s="196">
        <v>0</v>
      </c>
      <c r="CP7" s="193">
        <v>0</v>
      </c>
      <c r="CQ7" s="191">
        <v>0</v>
      </c>
      <c r="CR7" s="191">
        <v>0</v>
      </c>
      <c r="CS7" s="191">
        <v>0</v>
      </c>
      <c r="CT7" s="191">
        <v>0</v>
      </c>
      <c r="CU7" s="191">
        <v>0</v>
      </c>
      <c r="CV7" s="196">
        <v>0</v>
      </c>
      <c r="CW7" s="195">
        <v>0</v>
      </c>
      <c r="CX7" s="190">
        <v>0</v>
      </c>
      <c r="CY7" s="191">
        <v>0</v>
      </c>
      <c r="CZ7" s="196">
        <v>0</v>
      </c>
      <c r="DA7" s="193">
        <v>0</v>
      </c>
      <c r="DB7" s="191">
        <v>0</v>
      </c>
      <c r="DC7" s="191">
        <v>0</v>
      </c>
      <c r="DD7" s="191">
        <v>0</v>
      </c>
      <c r="DE7" s="191">
        <v>0</v>
      </c>
      <c r="DF7" s="191">
        <v>0</v>
      </c>
      <c r="DG7" s="196">
        <v>0</v>
      </c>
      <c r="DH7" s="195">
        <v>0</v>
      </c>
    </row>
    <row r="8" spans="2:112" ht="21" customHeight="1" x14ac:dyDescent="0.2">
      <c r="B8" s="106" t="s">
        <v>6</v>
      </c>
      <c r="C8" s="190">
        <v>0</v>
      </c>
      <c r="D8" s="196">
        <v>0</v>
      </c>
      <c r="E8" s="207">
        <v>0</v>
      </c>
      <c r="F8" s="193">
        <v>0</v>
      </c>
      <c r="G8" s="191">
        <v>2205</v>
      </c>
      <c r="H8" s="191">
        <v>3367</v>
      </c>
      <c r="I8" s="191">
        <v>2736</v>
      </c>
      <c r="J8" s="191">
        <v>4095</v>
      </c>
      <c r="K8" s="191">
        <v>4328</v>
      </c>
      <c r="L8" s="194">
        <v>16731</v>
      </c>
      <c r="M8" s="195">
        <v>16731</v>
      </c>
      <c r="N8" s="190">
        <v>0</v>
      </c>
      <c r="O8" s="191">
        <v>0</v>
      </c>
      <c r="P8" s="196">
        <v>0</v>
      </c>
      <c r="Q8" s="193">
        <v>0</v>
      </c>
      <c r="R8" s="191">
        <v>14</v>
      </c>
      <c r="S8" s="191">
        <v>6</v>
      </c>
      <c r="T8" s="191">
        <v>57</v>
      </c>
      <c r="U8" s="191">
        <v>102</v>
      </c>
      <c r="V8" s="191">
        <v>170</v>
      </c>
      <c r="W8" s="196">
        <v>349</v>
      </c>
      <c r="X8" s="195">
        <v>349</v>
      </c>
      <c r="Y8" s="190">
        <v>358</v>
      </c>
      <c r="Z8" s="191">
        <v>879</v>
      </c>
      <c r="AA8" s="196">
        <v>1237</v>
      </c>
      <c r="AB8" s="193">
        <v>0</v>
      </c>
      <c r="AC8" s="191">
        <v>2396</v>
      </c>
      <c r="AD8" s="191">
        <v>2597</v>
      </c>
      <c r="AE8" s="191">
        <v>1688</v>
      </c>
      <c r="AF8" s="191">
        <v>1604</v>
      </c>
      <c r="AG8" s="191">
        <v>1045</v>
      </c>
      <c r="AH8" s="196">
        <v>9330</v>
      </c>
      <c r="AI8" s="195">
        <v>10567</v>
      </c>
      <c r="AJ8" s="190">
        <v>9</v>
      </c>
      <c r="AK8" s="191">
        <v>106</v>
      </c>
      <c r="AL8" s="196">
        <v>115</v>
      </c>
      <c r="AM8" s="193">
        <v>0</v>
      </c>
      <c r="AN8" s="191">
        <v>242</v>
      </c>
      <c r="AO8" s="191">
        <v>230</v>
      </c>
      <c r="AP8" s="191">
        <v>187</v>
      </c>
      <c r="AQ8" s="191">
        <v>201</v>
      </c>
      <c r="AR8" s="191">
        <v>170</v>
      </c>
      <c r="AS8" s="196">
        <v>1030</v>
      </c>
      <c r="AT8" s="195">
        <v>1145</v>
      </c>
      <c r="AU8" s="190">
        <v>0</v>
      </c>
      <c r="AV8" s="191">
        <v>0</v>
      </c>
      <c r="AW8" s="196">
        <v>0</v>
      </c>
      <c r="AX8" s="193">
        <v>0</v>
      </c>
      <c r="AY8" s="191">
        <v>2087</v>
      </c>
      <c r="AZ8" s="191">
        <v>1641</v>
      </c>
      <c r="BA8" s="191">
        <v>809</v>
      </c>
      <c r="BB8" s="191">
        <v>620</v>
      </c>
      <c r="BC8" s="191">
        <v>189</v>
      </c>
      <c r="BD8" s="194">
        <v>5346</v>
      </c>
      <c r="BE8" s="195">
        <v>5346</v>
      </c>
      <c r="BF8" s="190">
        <v>0</v>
      </c>
      <c r="BG8" s="191">
        <v>0</v>
      </c>
      <c r="BH8" s="196">
        <v>0</v>
      </c>
      <c r="BI8" s="193">
        <v>0</v>
      </c>
      <c r="BJ8" s="191">
        <v>393</v>
      </c>
      <c r="BK8" s="191">
        <v>462</v>
      </c>
      <c r="BL8" s="191">
        <v>302</v>
      </c>
      <c r="BM8" s="191">
        <v>155</v>
      </c>
      <c r="BN8" s="191">
        <v>34</v>
      </c>
      <c r="BO8" s="196">
        <v>1346</v>
      </c>
      <c r="BP8" s="195">
        <v>1346</v>
      </c>
      <c r="BQ8" s="190">
        <v>0</v>
      </c>
      <c r="BR8" s="191">
        <v>3</v>
      </c>
      <c r="BS8" s="196">
        <v>3</v>
      </c>
      <c r="BT8" s="193">
        <v>0</v>
      </c>
      <c r="BU8" s="191">
        <v>117</v>
      </c>
      <c r="BV8" s="191">
        <v>260</v>
      </c>
      <c r="BW8" s="191">
        <v>307</v>
      </c>
      <c r="BX8" s="191">
        <v>269</v>
      </c>
      <c r="BY8" s="191">
        <v>153</v>
      </c>
      <c r="BZ8" s="196">
        <v>1106</v>
      </c>
      <c r="CA8" s="195">
        <v>1109</v>
      </c>
      <c r="CB8" s="190">
        <v>0</v>
      </c>
      <c r="CC8" s="191">
        <v>0</v>
      </c>
      <c r="CD8" s="196">
        <v>0</v>
      </c>
      <c r="CE8" s="193">
        <v>0</v>
      </c>
      <c r="CF8" s="191">
        <v>4</v>
      </c>
      <c r="CG8" s="191">
        <v>60</v>
      </c>
      <c r="CH8" s="191">
        <v>98</v>
      </c>
      <c r="CI8" s="191">
        <v>16</v>
      </c>
      <c r="CJ8" s="191">
        <v>48</v>
      </c>
      <c r="CK8" s="196">
        <v>226</v>
      </c>
      <c r="CL8" s="195">
        <v>226</v>
      </c>
      <c r="CM8" s="190">
        <v>0</v>
      </c>
      <c r="CN8" s="191">
        <v>0</v>
      </c>
      <c r="CO8" s="196">
        <v>0</v>
      </c>
      <c r="CP8" s="193">
        <v>0</v>
      </c>
      <c r="CQ8" s="191">
        <v>0</v>
      </c>
      <c r="CR8" s="191">
        <v>0</v>
      </c>
      <c r="CS8" s="191">
        <v>0</v>
      </c>
      <c r="CT8" s="191">
        <v>0</v>
      </c>
      <c r="CU8" s="191">
        <v>0</v>
      </c>
      <c r="CV8" s="196">
        <v>0</v>
      </c>
      <c r="CW8" s="195">
        <v>0</v>
      </c>
      <c r="CX8" s="190">
        <v>0</v>
      </c>
      <c r="CY8" s="191">
        <v>0</v>
      </c>
      <c r="CZ8" s="196">
        <v>0</v>
      </c>
      <c r="DA8" s="193">
        <v>0</v>
      </c>
      <c r="DB8" s="191">
        <v>0</v>
      </c>
      <c r="DC8" s="191">
        <v>0</v>
      </c>
      <c r="DD8" s="191">
        <v>0</v>
      </c>
      <c r="DE8" s="191">
        <v>0</v>
      </c>
      <c r="DF8" s="191">
        <v>0</v>
      </c>
      <c r="DG8" s="196">
        <v>0</v>
      </c>
      <c r="DH8" s="195">
        <v>0</v>
      </c>
    </row>
    <row r="9" spans="2:112" ht="21" customHeight="1" x14ac:dyDescent="0.2">
      <c r="B9" s="106" t="s">
        <v>14</v>
      </c>
      <c r="C9" s="190">
        <v>0</v>
      </c>
      <c r="D9" s="196">
        <v>0</v>
      </c>
      <c r="E9" s="207">
        <v>0</v>
      </c>
      <c r="F9" s="193">
        <v>0</v>
      </c>
      <c r="G9" s="191">
        <v>436</v>
      </c>
      <c r="H9" s="191">
        <v>1686</v>
      </c>
      <c r="I9" s="191">
        <v>1571</v>
      </c>
      <c r="J9" s="191">
        <v>1450</v>
      </c>
      <c r="K9" s="191">
        <v>2023</v>
      </c>
      <c r="L9" s="194">
        <v>7166</v>
      </c>
      <c r="M9" s="195">
        <v>7166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4</v>
      </c>
      <c r="T9" s="191">
        <v>21</v>
      </c>
      <c r="U9" s="191">
        <v>57</v>
      </c>
      <c r="V9" s="191">
        <v>63</v>
      </c>
      <c r="W9" s="196">
        <v>145</v>
      </c>
      <c r="X9" s="195">
        <v>145</v>
      </c>
      <c r="Y9" s="190">
        <v>39</v>
      </c>
      <c r="Z9" s="191">
        <v>168</v>
      </c>
      <c r="AA9" s="196">
        <v>207</v>
      </c>
      <c r="AB9" s="193">
        <v>0</v>
      </c>
      <c r="AC9" s="191">
        <v>372</v>
      </c>
      <c r="AD9" s="191">
        <v>695</v>
      </c>
      <c r="AE9" s="191">
        <v>547</v>
      </c>
      <c r="AF9" s="191">
        <v>471</v>
      </c>
      <c r="AG9" s="191">
        <v>365</v>
      </c>
      <c r="AH9" s="196">
        <v>2450</v>
      </c>
      <c r="AI9" s="195">
        <v>2657</v>
      </c>
      <c r="AJ9" s="190">
        <v>0</v>
      </c>
      <c r="AK9" s="191">
        <v>30</v>
      </c>
      <c r="AL9" s="196">
        <v>30</v>
      </c>
      <c r="AM9" s="193">
        <v>0</v>
      </c>
      <c r="AN9" s="191">
        <v>0</v>
      </c>
      <c r="AO9" s="191">
        <v>126</v>
      </c>
      <c r="AP9" s="191">
        <v>6</v>
      </c>
      <c r="AQ9" s="191">
        <v>32</v>
      </c>
      <c r="AR9" s="191">
        <v>42</v>
      </c>
      <c r="AS9" s="196">
        <v>206</v>
      </c>
      <c r="AT9" s="195">
        <v>236</v>
      </c>
      <c r="AU9" s="190">
        <v>0</v>
      </c>
      <c r="AV9" s="191">
        <v>0</v>
      </c>
      <c r="AW9" s="196">
        <v>0</v>
      </c>
      <c r="AX9" s="193">
        <v>0</v>
      </c>
      <c r="AY9" s="191">
        <v>737</v>
      </c>
      <c r="AZ9" s="191">
        <v>947</v>
      </c>
      <c r="BA9" s="191">
        <v>650</v>
      </c>
      <c r="BB9" s="191">
        <v>225</v>
      </c>
      <c r="BC9" s="191">
        <v>127</v>
      </c>
      <c r="BD9" s="194">
        <v>2686</v>
      </c>
      <c r="BE9" s="195">
        <v>2686</v>
      </c>
      <c r="BF9" s="190">
        <v>0</v>
      </c>
      <c r="BG9" s="191">
        <v>0</v>
      </c>
      <c r="BH9" s="196">
        <v>0</v>
      </c>
      <c r="BI9" s="193">
        <v>0</v>
      </c>
      <c r="BJ9" s="191">
        <v>46</v>
      </c>
      <c r="BK9" s="191">
        <v>122</v>
      </c>
      <c r="BL9" s="191">
        <v>121</v>
      </c>
      <c r="BM9" s="191">
        <v>91</v>
      </c>
      <c r="BN9" s="191">
        <v>26</v>
      </c>
      <c r="BO9" s="196">
        <v>406</v>
      </c>
      <c r="BP9" s="195">
        <v>406</v>
      </c>
      <c r="BQ9" s="190">
        <v>0</v>
      </c>
      <c r="BR9" s="191">
        <v>0</v>
      </c>
      <c r="BS9" s="196">
        <v>0</v>
      </c>
      <c r="BT9" s="193">
        <v>0</v>
      </c>
      <c r="BU9" s="191">
        <v>39</v>
      </c>
      <c r="BV9" s="191">
        <v>110</v>
      </c>
      <c r="BW9" s="191">
        <v>162</v>
      </c>
      <c r="BX9" s="191">
        <v>240</v>
      </c>
      <c r="BY9" s="191">
        <v>75</v>
      </c>
      <c r="BZ9" s="196">
        <v>626</v>
      </c>
      <c r="CA9" s="195">
        <v>626</v>
      </c>
      <c r="CB9" s="190">
        <v>0</v>
      </c>
      <c r="CC9" s="191">
        <v>0</v>
      </c>
      <c r="CD9" s="196">
        <v>0</v>
      </c>
      <c r="CE9" s="193">
        <v>0</v>
      </c>
      <c r="CF9" s="191">
        <v>9</v>
      </c>
      <c r="CG9" s="191">
        <v>0</v>
      </c>
      <c r="CH9" s="191">
        <v>0</v>
      </c>
      <c r="CI9" s="191">
        <v>0</v>
      </c>
      <c r="CJ9" s="191">
        <v>0</v>
      </c>
      <c r="CK9" s="196">
        <v>9</v>
      </c>
      <c r="CL9" s="195">
        <v>9</v>
      </c>
      <c r="CM9" s="190">
        <v>0</v>
      </c>
      <c r="CN9" s="191">
        <v>0</v>
      </c>
      <c r="CO9" s="196">
        <v>0</v>
      </c>
      <c r="CP9" s="193">
        <v>0</v>
      </c>
      <c r="CQ9" s="191">
        <v>0</v>
      </c>
      <c r="CR9" s="191">
        <v>0</v>
      </c>
      <c r="CS9" s="191">
        <v>0</v>
      </c>
      <c r="CT9" s="191">
        <v>0</v>
      </c>
      <c r="CU9" s="191">
        <v>0</v>
      </c>
      <c r="CV9" s="196">
        <v>0</v>
      </c>
      <c r="CW9" s="195">
        <v>0</v>
      </c>
      <c r="CX9" s="190">
        <v>0</v>
      </c>
      <c r="CY9" s="191">
        <v>0</v>
      </c>
      <c r="CZ9" s="196">
        <v>0</v>
      </c>
      <c r="DA9" s="193">
        <v>0</v>
      </c>
      <c r="DB9" s="191">
        <v>0</v>
      </c>
      <c r="DC9" s="191">
        <v>0</v>
      </c>
      <c r="DD9" s="191">
        <v>0</v>
      </c>
      <c r="DE9" s="191">
        <v>0</v>
      </c>
      <c r="DF9" s="191">
        <v>0</v>
      </c>
      <c r="DG9" s="196">
        <v>0</v>
      </c>
      <c r="DH9" s="195">
        <v>0</v>
      </c>
    </row>
    <row r="10" spans="2:112" ht="21" customHeight="1" x14ac:dyDescent="0.2">
      <c r="B10" s="106" t="s">
        <v>7</v>
      </c>
      <c r="C10" s="190">
        <v>0</v>
      </c>
      <c r="D10" s="196">
        <v>0</v>
      </c>
      <c r="E10" s="207">
        <v>0</v>
      </c>
      <c r="F10" s="193">
        <v>0</v>
      </c>
      <c r="G10" s="191">
        <v>922</v>
      </c>
      <c r="H10" s="191">
        <v>484</v>
      </c>
      <c r="I10" s="191">
        <v>977</v>
      </c>
      <c r="J10" s="191">
        <v>1142</v>
      </c>
      <c r="K10" s="191">
        <v>364</v>
      </c>
      <c r="L10" s="194">
        <v>3889</v>
      </c>
      <c r="M10" s="195">
        <v>3889</v>
      </c>
      <c r="N10" s="190">
        <v>0</v>
      </c>
      <c r="O10" s="191">
        <v>0</v>
      </c>
      <c r="P10" s="196">
        <v>0</v>
      </c>
      <c r="Q10" s="193">
        <v>0</v>
      </c>
      <c r="R10" s="191">
        <v>0</v>
      </c>
      <c r="S10" s="191">
        <v>0</v>
      </c>
      <c r="T10" s="191">
        <v>13</v>
      </c>
      <c r="U10" s="191">
        <v>39</v>
      </c>
      <c r="V10" s="191">
        <v>39</v>
      </c>
      <c r="W10" s="196">
        <v>91</v>
      </c>
      <c r="X10" s="195">
        <v>91</v>
      </c>
      <c r="Y10" s="190">
        <v>0</v>
      </c>
      <c r="Z10" s="191">
        <v>23</v>
      </c>
      <c r="AA10" s="196">
        <v>23</v>
      </c>
      <c r="AB10" s="193">
        <v>0</v>
      </c>
      <c r="AC10" s="191">
        <v>327</v>
      </c>
      <c r="AD10" s="191">
        <v>253</v>
      </c>
      <c r="AE10" s="191">
        <v>190</v>
      </c>
      <c r="AF10" s="191">
        <v>297</v>
      </c>
      <c r="AG10" s="191">
        <v>108</v>
      </c>
      <c r="AH10" s="196">
        <v>1175</v>
      </c>
      <c r="AI10" s="195">
        <v>1198</v>
      </c>
      <c r="AJ10" s="190">
        <v>10</v>
      </c>
      <c r="AK10" s="191">
        <v>8</v>
      </c>
      <c r="AL10" s="196">
        <v>18</v>
      </c>
      <c r="AM10" s="193">
        <v>0</v>
      </c>
      <c r="AN10" s="191">
        <v>73</v>
      </c>
      <c r="AO10" s="191">
        <v>36</v>
      </c>
      <c r="AP10" s="191">
        <v>36</v>
      </c>
      <c r="AQ10" s="191">
        <v>48</v>
      </c>
      <c r="AR10" s="191">
        <v>0</v>
      </c>
      <c r="AS10" s="196">
        <v>193</v>
      </c>
      <c r="AT10" s="195">
        <v>211</v>
      </c>
      <c r="AU10" s="190">
        <v>0</v>
      </c>
      <c r="AV10" s="191">
        <v>0</v>
      </c>
      <c r="AW10" s="196">
        <v>0</v>
      </c>
      <c r="AX10" s="193">
        <v>0</v>
      </c>
      <c r="AY10" s="191">
        <v>588</v>
      </c>
      <c r="AZ10" s="191">
        <v>310</v>
      </c>
      <c r="BA10" s="191">
        <v>117</v>
      </c>
      <c r="BB10" s="191">
        <v>83</v>
      </c>
      <c r="BC10" s="191">
        <v>24</v>
      </c>
      <c r="BD10" s="194">
        <v>1122</v>
      </c>
      <c r="BE10" s="195">
        <v>1122</v>
      </c>
      <c r="BF10" s="190">
        <v>0</v>
      </c>
      <c r="BG10" s="191">
        <v>0</v>
      </c>
      <c r="BH10" s="196">
        <v>0</v>
      </c>
      <c r="BI10" s="193">
        <v>0</v>
      </c>
      <c r="BJ10" s="191">
        <v>73</v>
      </c>
      <c r="BK10" s="191">
        <v>88</v>
      </c>
      <c r="BL10" s="191">
        <v>46</v>
      </c>
      <c r="BM10" s="191">
        <v>56</v>
      </c>
      <c r="BN10" s="191">
        <v>0</v>
      </c>
      <c r="BO10" s="196">
        <v>263</v>
      </c>
      <c r="BP10" s="195">
        <v>263</v>
      </c>
      <c r="BQ10" s="190">
        <v>0</v>
      </c>
      <c r="BR10" s="191">
        <v>0</v>
      </c>
      <c r="BS10" s="196">
        <v>0</v>
      </c>
      <c r="BT10" s="193">
        <v>0</v>
      </c>
      <c r="BU10" s="191">
        <v>75</v>
      </c>
      <c r="BV10" s="191">
        <v>45</v>
      </c>
      <c r="BW10" s="191">
        <v>60</v>
      </c>
      <c r="BX10" s="191">
        <v>114</v>
      </c>
      <c r="BY10" s="191">
        <v>49</v>
      </c>
      <c r="BZ10" s="196">
        <v>343</v>
      </c>
      <c r="CA10" s="195">
        <v>343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0</v>
      </c>
      <c r="CH10" s="191">
        <v>9</v>
      </c>
      <c r="CI10" s="191">
        <v>3</v>
      </c>
      <c r="CJ10" s="191">
        <v>0</v>
      </c>
      <c r="CK10" s="196">
        <v>12</v>
      </c>
      <c r="CL10" s="195">
        <v>12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0</v>
      </c>
      <c r="CS10" s="191">
        <v>0</v>
      </c>
      <c r="CT10" s="191">
        <v>0</v>
      </c>
      <c r="CU10" s="191">
        <v>0</v>
      </c>
      <c r="CV10" s="196">
        <v>0</v>
      </c>
      <c r="CW10" s="195">
        <v>0</v>
      </c>
      <c r="CX10" s="190">
        <v>0</v>
      </c>
      <c r="CY10" s="191">
        <v>0</v>
      </c>
      <c r="CZ10" s="196">
        <v>0</v>
      </c>
      <c r="DA10" s="193">
        <v>0</v>
      </c>
      <c r="DB10" s="191">
        <v>0</v>
      </c>
      <c r="DC10" s="191">
        <v>0</v>
      </c>
      <c r="DD10" s="191">
        <v>0</v>
      </c>
      <c r="DE10" s="191">
        <v>0</v>
      </c>
      <c r="DF10" s="191">
        <v>0</v>
      </c>
      <c r="DG10" s="196">
        <v>0</v>
      </c>
      <c r="DH10" s="195">
        <v>0</v>
      </c>
    </row>
    <row r="11" spans="2:112" ht="21" customHeight="1" x14ac:dyDescent="0.2">
      <c r="B11" s="106" t="s">
        <v>8</v>
      </c>
      <c r="C11" s="190">
        <v>0</v>
      </c>
      <c r="D11" s="196">
        <v>0</v>
      </c>
      <c r="E11" s="207">
        <v>0</v>
      </c>
      <c r="F11" s="193">
        <v>0</v>
      </c>
      <c r="G11" s="191">
        <v>235</v>
      </c>
      <c r="H11" s="191">
        <v>400</v>
      </c>
      <c r="I11" s="191">
        <v>796</v>
      </c>
      <c r="J11" s="191">
        <v>599</v>
      </c>
      <c r="K11" s="191">
        <v>611</v>
      </c>
      <c r="L11" s="194">
        <v>2641</v>
      </c>
      <c r="M11" s="195">
        <v>2641</v>
      </c>
      <c r="N11" s="190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13</v>
      </c>
      <c r="T11" s="191">
        <v>8</v>
      </c>
      <c r="U11" s="191">
        <v>12</v>
      </c>
      <c r="V11" s="191">
        <v>10</v>
      </c>
      <c r="W11" s="196">
        <v>43</v>
      </c>
      <c r="X11" s="195">
        <v>43</v>
      </c>
      <c r="Y11" s="190">
        <v>24</v>
      </c>
      <c r="Z11" s="191">
        <v>33</v>
      </c>
      <c r="AA11" s="196">
        <v>57</v>
      </c>
      <c r="AB11" s="193">
        <v>0</v>
      </c>
      <c r="AC11" s="191">
        <v>162</v>
      </c>
      <c r="AD11" s="191">
        <v>234</v>
      </c>
      <c r="AE11" s="191">
        <v>123</v>
      </c>
      <c r="AF11" s="191">
        <v>160</v>
      </c>
      <c r="AG11" s="191">
        <v>102</v>
      </c>
      <c r="AH11" s="196">
        <v>781</v>
      </c>
      <c r="AI11" s="195">
        <v>838</v>
      </c>
      <c r="AJ11" s="190">
        <v>9</v>
      </c>
      <c r="AK11" s="191">
        <v>0</v>
      </c>
      <c r="AL11" s="196">
        <v>9</v>
      </c>
      <c r="AM11" s="193">
        <v>0</v>
      </c>
      <c r="AN11" s="191">
        <v>53</v>
      </c>
      <c r="AO11" s="191">
        <v>52</v>
      </c>
      <c r="AP11" s="191">
        <v>32</v>
      </c>
      <c r="AQ11" s="191">
        <v>35</v>
      </c>
      <c r="AR11" s="191">
        <v>0</v>
      </c>
      <c r="AS11" s="196">
        <v>172</v>
      </c>
      <c r="AT11" s="195">
        <v>181</v>
      </c>
      <c r="AU11" s="190">
        <v>0</v>
      </c>
      <c r="AV11" s="191">
        <v>0</v>
      </c>
      <c r="AW11" s="196">
        <v>0</v>
      </c>
      <c r="AX11" s="193">
        <v>0</v>
      </c>
      <c r="AY11" s="191">
        <v>215</v>
      </c>
      <c r="AZ11" s="191">
        <v>159</v>
      </c>
      <c r="BA11" s="191">
        <v>151</v>
      </c>
      <c r="BB11" s="191">
        <v>36</v>
      </c>
      <c r="BC11" s="191">
        <v>51</v>
      </c>
      <c r="BD11" s="194">
        <v>612</v>
      </c>
      <c r="BE11" s="195">
        <v>612</v>
      </c>
      <c r="BF11" s="190">
        <v>0</v>
      </c>
      <c r="BG11" s="191">
        <v>0</v>
      </c>
      <c r="BH11" s="196">
        <v>0</v>
      </c>
      <c r="BI11" s="193">
        <v>0</v>
      </c>
      <c r="BJ11" s="191">
        <v>61</v>
      </c>
      <c r="BK11" s="191">
        <v>58</v>
      </c>
      <c r="BL11" s="191">
        <v>105</v>
      </c>
      <c r="BM11" s="191">
        <v>31</v>
      </c>
      <c r="BN11" s="191">
        <v>14</v>
      </c>
      <c r="BO11" s="196">
        <v>269</v>
      </c>
      <c r="BP11" s="195">
        <v>269</v>
      </c>
      <c r="BQ11" s="190">
        <v>8</v>
      </c>
      <c r="BR11" s="191">
        <v>0</v>
      </c>
      <c r="BS11" s="196">
        <v>8</v>
      </c>
      <c r="BT11" s="193">
        <v>0</v>
      </c>
      <c r="BU11" s="191">
        <v>61</v>
      </c>
      <c r="BV11" s="191">
        <v>72</v>
      </c>
      <c r="BW11" s="191">
        <v>97</v>
      </c>
      <c r="BX11" s="191">
        <v>38</v>
      </c>
      <c r="BY11" s="191">
        <v>30</v>
      </c>
      <c r="BZ11" s="196">
        <v>298</v>
      </c>
      <c r="CA11" s="195">
        <v>306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14</v>
      </c>
      <c r="CI11" s="191">
        <v>0</v>
      </c>
      <c r="CJ11" s="191">
        <v>6</v>
      </c>
      <c r="CK11" s="196">
        <v>20</v>
      </c>
      <c r="CL11" s="195">
        <v>20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0</v>
      </c>
      <c r="CU11" s="191">
        <v>0</v>
      </c>
      <c r="CV11" s="196">
        <v>0</v>
      </c>
      <c r="CW11" s="195">
        <v>0</v>
      </c>
      <c r="CX11" s="190">
        <v>0</v>
      </c>
      <c r="CY11" s="191">
        <v>0</v>
      </c>
      <c r="CZ11" s="196">
        <v>0</v>
      </c>
      <c r="DA11" s="193">
        <v>0</v>
      </c>
      <c r="DB11" s="191">
        <v>0</v>
      </c>
      <c r="DC11" s="191">
        <v>0</v>
      </c>
      <c r="DD11" s="191">
        <v>0</v>
      </c>
      <c r="DE11" s="191">
        <v>0</v>
      </c>
      <c r="DF11" s="191">
        <v>0</v>
      </c>
      <c r="DG11" s="196">
        <v>0</v>
      </c>
      <c r="DH11" s="195">
        <v>0</v>
      </c>
    </row>
    <row r="12" spans="2:112" ht="21" customHeight="1" x14ac:dyDescent="0.2">
      <c r="B12" s="106" t="s">
        <v>9</v>
      </c>
      <c r="C12" s="190">
        <v>0</v>
      </c>
      <c r="D12" s="196">
        <v>0</v>
      </c>
      <c r="E12" s="207">
        <v>0</v>
      </c>
      <c r="F12" s="193">
        <v>0</v>
      </c>
      <c r="G12" s="191">
        <v>797</v>
      </c>
      <c r="H12" s="191">
        <v>948</v>
      </c>
      <c r="I12" s="191">
        <v>992</v>
      </c>
      <c r="J12" s="191">
        <v>1498</v>
      </c>
      <c r="K12" s="191">
        <v>956</v>
      </c>
      <c r="L12" s="194">
        <v>5191</v>
      </c>
      <c r="M12" s="195">
        <v>5191</v>
      </c>
      <c r="N12" s="190">
        <v>0</v>
      </c>
      <c r="O12" s="191">
        <v>0</v>
      </c>
      <c r="P12" s="196">
        <v>0</v>
      </c>
      <c r="Q12" s="193">
        <v>0</v>
      </c>
      <c r="R12" s="191">
        <v>5</v>
      </c>
      <c r="S12" s="191">
        <v>1</v>
      </c>
      <c r="T12" s="191">
        <v>5</v>
      </c>
      <c r="U12" s="191">
        <v>54</v>
      </c>
      <c r="V12" s="191">
        <v>44</v>
      </c>
      <c r="W12" s="196">
        <v>109</v>
      </c>
      <c r="X12" s="195">
        <v>109</v>
      </c>
      <c r="Y12" s="190">
        <v>59</v>
      </c>
      <c r="Z12" s="191">
        <v>95</v>
      </c>
      <c r="AA12" s="196">
        <v>154</v>
      </c>
      <c r="AB12" s="193">
        <v>0</v>
      </c>
      <c r="AC12" s="191">
        <v>492</v>
      </c>
      <c r="AD12" s="191">
        <v>525</v>
      </c>
      <c r="AE12" s="191">
        <v>417</v>
      </c>
      <c r="AF12" s="191">
        <v>315</v>
      </c>
      <c r="AG12" s="191">
        <v>223</v>
      </c>
      <c r="AH12" s="196">
        <v>1972</v>
      </c>
      <c r="AI12" s="195">
        <v>2126</v>
      </c>
      <c r="AJ12" s="190">
        <v>0</v>
      </c>
      <c r="AK12" s="191">
        <v>0</v>
      </c>
      <c r="AL12" s="196">
        <v>0</v>
      </c>
      <c r="AM12" s="193">
        <v>0</v>
      </c>
      <c r="AN12" s="191">
        <v>50</v>
      </c>
      <c r="AO12" s="191">
        <v>82</v>
      </c>
      <c r="AP12" s="191">
        <v>33</v>
      </c>
      <c r="AQ12" s="191">
        <v>58</v>
      </c>
      <c r="AR12" s="191">
        <v>32</v>
      </c>
      <c r="AS12" s="196">
        <v>255</v>
      </c>
      <c r="AT12" s="195">
        <v>255</v>
      </c>
      <c r="AU12" s="190">
        <v>0</v>
      </c>
      <c r="AV12" s="191">
        <v>0</v>
      </c>
      <c r="AW12" s="196">
        <v>0</v>
      </c>
      <c r="AX12" s="193">
        <v>0</v>
      </c>
      <c r="AY12" s="191">
        <v>474</v>
      </c>
      <c r="AZ12" s="191">
        <v>330</v>
      </c>
      <c r="BA12" s="191">
        <v>189</v>
      </c>
      <c r="BB12" s="191">
        <v>95</v>
      </c>
      <c r="BC12" s="191">
        <v>32</v>
      </c>
      <c r="BD12" s="194">
        <v>1120</v>
      </c>
      <c r="BE12" s="195">
        <v>1120</v>
      </c>
      <c r="BF12" s="190">
        <v>0</v>
      </c>
      <c r="BG12" s="191">
        <v>0</v>
      </c>
      <c r="BH12" s="196">
        <v>0</v>
      </c>
      <c r="BI12" s="193">
        <v>0</v>
      </c>
      <c r="BJ12" s="191">
        <v>144</v>
      </c>
      <c r="BK12" s="191">
        <v>66</v>
      </c>
      <c r="BL12" s="191">
        <v>58</v>
      </c>
      <c r="BM12" s="191">
        <v>75</v>
      </c>
      <c r="BN12" s="191">
        <v>20</v>
      </c>
      <c r="BO12" s="196">
        <v>363</v>
      </c>
      <c r="BP12" s="195">
        <v>363</v>
      </c>
      <c r="BQ12" s="190">
        <v>15</v>
      </c>
      <c r="BR12" s="191">
        <v>0</v>
      </c>
      <c r="BS12" s="196">
        <v>15</v>
      </c>
      <c r="BT12" s="193">
        <v>0</v>
      </c>
      <c r="BU12" s="191">
        <v>40</v>
      </c>
      <c r="BV12" s="191">
        <v>34</v>
      </c>
      <c r="BW12" s="191">
        <v>88</v>
      </c>
      <c r="BX12" s="191">
        <v>91</v>
      </c>
      <c r="BY12" s="191">
        <v>20</v>
      </c>
      <c r="BZ12" s="196">
        <v>273</v>
      </c>
      <c r="CA12" s="195">
        <v>288</v>
      </c>
      <c r="CB12" s="190">
        <v>0</v>
      </c>
      <c r="CC12" s="191">
        <v>0</v>
      </c>
      <c r="CD12" s="196">
        <v>0</v>
      </c>
      <c r="CE12" s="193">
        <v>0</v>
      </c>
      <c r="CF12" s="191">
        <v>11</v>
      </c>
      <c r="CG12" s="191">
        <v>4</v>
      </c>
      <c r="CH12" s="191">
        <v>38</v>
      </c>
      <c r="CI12" s="191">
        <v>30</v>
      </c>
      <c r="CJ12" s="191">
        <v>3</v>
      </c>
      <c r="CK12" s="196">
        <v>86</v>
      </c>
      <c r="CL12" s="195">
        <v>86</v>
      </c>
      <c r="CM12" s="190">
        <v>0</v>
      </c>
      <c r="CN12" s="191">
        <v>0</v>
      </c>
      <c r="CO12" s="196">
        <v>0</v>
      </c>
      <c r="CP12" s="193">
        <v>0</v>
      </c>
      <c r="CQ12" s="191">
        <v>0</v>
      </c>
      <c r="CR12" s="191">
        <v>0</v>
      </c>
      <c r="CS12" s="191">
        <v>0</v>
      </c>
      <c r="CT12" s="191">
        <v>0</v>
      </c>
      <c r="CU12" s="191">
        <v>0</v>
      </c>
      <c r="CV12" s="196">
        <v>0</v>
      </c>
      <c r="CW12" s="195">
        <v>0</v>
      </c>
      <c r="CX12" s="190">
        <v>0</v>
      </c>
      <c r="CY12" s="191">
        <v>0</v>
      </c>
      <c r="CZ12" s="196">
        <v>0</v>
      </c>
      <c r="DA12" s="193">
        <v>0</v>
      </c>
      <c r="DB12" s="191">
        <v>0</v>
      </c>
      <c r="DC12" s="191">
        <v>0</v>
      </c>
      <c r="DD12" s="191">
        <v>0</v>
      </c>
      <c r="DE12" s="191">
        <v>0</v>
      </c>
      <c r="DF12" s="191">
        <v>0</v>
      </c>
      <c r="DG12" s="196">
        <v>0</v>
      </c>
      <c r="DH12" s="195">
        <v>0</v>
      </c>
    </row>
    <row r="13" spans="2:112" ht="21" customHeight="1" x14ac:dyDescent="0.2">
      <c r="B13" s="106" t="s">
        <v>10</v>
      </c>
      <c r="C13" s="190">
        <v>0</v>
      </c>
      <c r="D13" s="196">
        <v>0</v>
      </c>
      <c r="E13" s="207">
        <v>0</v>
      </c>
      <c r="F13" s="193">
        <v>0</v>
      </c>
      <c r="G13" s="191">
        <v>1075</v>
      </c>
      <c r="H13" s="191">
        <v>1530</v>
      </c>
      <c r="I13" s="191">
        <v>1712</v>
      </c>
      <c r="J13" s="191">
        <v>2679</v>
      </c>
      <c r="K13" s="191">
        <v>1909</v>
      </c>
      <c r="L13" s="194">
        <v>8905</v>
      </c>
      <c r="M13" s="195">
        <v>8905</v>
      </c>
      <c r="N13" s="190">
        <v>0</v>
      </c>
      <c r="O13" s="191">
        <v>0</v>
      </c>
      <c r="P13" s="196">
        <v>0</v>
      </c>
      <c r="Q13" s="193">
        <v>0</v>
      </c>
      <c r="R13" s="191">
        <v>0</v>
      </c>
      <c r="S13" s="191">
        <v>10</v>
      </c>
      <c r="T13" s="191">
        <v>9</v>
      </c>
      <c r="U13" s="191">
        <v>28</v>
      </c>
      <c r="V13" s="191">
        <v>31</v>
      </c>
      <c r="W13" s="196">
        <v>78</v>
      </c>
      <c r="X13" s="195">
        <v>78</v>
      </c>
      <c r="Y13" s="190">
        <v>83</v>
      </c>
      <c r="Z13" s="191">
        <v>206</v>
      </c>
      <c r="AA13" s="196">
        <v>289</v>
      </c>
      <c r="AB13" s="193">
        <v>0</v>
      </c>
      <c r="AC13" s="191">
        <v>732</v>
      </c>
      <c r="AD13" s="191">
        <v>524</v>
      </c>
      <c r="AE13" s="191">
        <v>222</v>
      </c>
      <c r="AF13" s="191">
        <v>389</v>
      </c>
      <c r="AG13" s="191">
        <v>176</v>
      </c>
      <c r="AH13" s="196">
        <v>2043</v>
      </c>
      <c r="AI13" s="195">
        <v>2332</v>
      </c>
      <c r="AJ13" s="190">
        <v>0</v>
      </c>
      <c r="AK13" s="191">
        <v>82</v>
      </c>
      <c r="AL13" s="196">
        <v>82</v>
      </c>
      <c r="AM13" s="193">
        <v>0</v>
      </c>
      <c r="AN13" s="191">
        <v>140</v>
      </c>
      <c r="AO13" s="191">
        <v>101</v>
      </c>
      <c r="AP13" s="191">
        <v>11</v>
      </c>
      <c r="AQ13" s="191">
        <v>45</v>
      </c>
      <c r="AR13" s="191">
        <v>30</v>
      </c>
      <c r="AS13" s="196">
        <v>327</v>
      </c>
      <c r="AT13" s="195">
        <v>409</v>
      </c>
      <c r="AU13" s="190">
        <v>0</v>
      </c>
      <c r="AV13" s="191">
        <v>0</v>
      </c>
      <c r="AW13" s="196">
        <v>0</v>
      </c>
      <c r="AX13" s="193">
        <v>0</v>
      </c>
      <c r="AY13" s="191">
        <v>910</v>
      </c>
      <c r="AZ13" s="191">
        <v>405</v>
      </c>
      <c r="BA13" s="191">
        <v>290</v>
      </c>
      <c r="BB13" s="191">
        <v>225</v>
      </c>
      <c r="BC13" s="191">
        <v>58</v>
      </c>
      <c r="BD13" s="194">
        <v>1888</v>
      </c>
      <c r="BE13" s="195">
        <v>1888</v>
      </c>
      <c r="BF13" s="190">
        <v>0</v>
      </c>
      <c r="BG13" s="191">
        <v>0</v>
      </c>
      <c r="BH13" s="196">
        <v>0</v>
      </c>
      <c r="BI13" s="193">
        <v>0</v>
      </c>
      <c r="BJ13" s="191">
        <v>154</v>
      </c>
      <c r="BK13" s="191">
        <v>87</v>
      </c>
      <c r="BL13" s="191">
        <v>95</v>
      </c>
      <c r="BM13" s="191">
        <v>29</v>
      </c>
      <c r="BN13" s="191">
        <v>16</v>
      </c>
      <c r="BO13" s="196">
        <v>381</v>
      </c>
      <c r="BP13" s="195">
        <v>381</v>
      </c>
      <c r="BQ13" s="190">
        <v>0</v>
      </c>
      <c r="BR13" s="191">
        <v>9</v>
      </c>
      <c r="BS13" s="196">
        <v>9</v>
      </c>
      <c r="BT13" s="193">
        <v>0</v>
      </c>
      <c r="BU13" s="191">
        <v>105</v>
      </c>
      <c r="BV13" s="191">
        <v>88</v>
      </c>
      <c r="BW13" s="191">
        <v>144</v>
      </c>
      <c r="BX13" s="191">
        <v>114</v>
      </c>
      <c r="BY13" s="191">
        <v>24</v>
      </c>
      <c r="BZ13" s="196">
        <v>475</v>
      </c>
      <c r="CA13" s="195">
        <v>484</v>
      </c>
      <c r="CB13" s="190">
        <v>0</v>
      </c>
      <c r="CC13" s="191">
        <v>0</v>
      </c>
      <c r="CD13" s="196">
        <v>0</v>
      </c>
      <c r="CE13" s="193">
        <v>0</v>
      </c>
      <c r="CF13" s="191">
        <v>5</v>
      </c>
      <c r="CG13" s="191">
        <v>14</v>
      </c>
      <c r="CH13" s="191">
        <v>4</v>
      </c>
      <c r="CI13" s="191">
        <v>0</v>
      </c>
      <c r="CJ13" s="191">
        <v>3</v>
      </c>
      <c r="CK13" s="196">
        <v>26</v>
      </c>
      <c r="CL13" s="195">
        <v>26</v>
      </c>
      <c r="CM13" s="190">
        <v>0</v>
      </c>
      <c r="CN13" s="191">
        <v>0</v>
      </c>
      <c r="CO13" s="196">
        <v>0</v>
      </c>
      <c r="CP13" s="193">
        <v>0</v>
      </c>
      <c r="CQ13" s="191">
        <v>0</v>
      </c>
      <c r="CR13" s="191">
        <v>0</v>
      </c>
      <c r="CS13" s="191">
        <v>0</v>
      </c>
      <c r="CT13" s="191">
        <v>0</v>
      </c>
      <c r="CU13" s="191">
        <v>0</v>
      </c>
      <c r="CV13" s="196">
        <v>0</v>
      </c>
      <c r="CW13" s="195">
        <v>0</v>
      </c>
      <c r="CX13" s="190">
        <v>0</v>
      </c>
      <c r="CY13" s="191">
        <v>0</v>
      </c>
      <c r="CZ13" s="196">
        <v>0</v>
      </c>
      <c r="DA13" s="193">
        <v>0</v>
      </c>
      <c r="DB13" s="191">
        <v>0</v>
      </c>
      <c r="DC13" s="191">
        <v>0</v>
      </c>
      <c r="DD13" s="191">
        <v>0</v>
      </c>
      <c r="DE13" s="191">
        <v>0</v>
      </c>
      <c r="DF13" s="191">
        <v>0</v>
      </c>
      <c r="DG13" s="196">
        <v>0</v>
      </c>
      <c r="DH13" s="195">
        <v>0</v>
      </c>
    </row>
    <row r="14" spans="2:112" ht="21" customHeight="1" x14ac:dyDescent="0.2">
      <c r="B14" s="106" t="s">
        <v>11</v>
      </c>
      <c r="C14" s="190">
        <v>0</v>
      </c>
      <c r="D14" s="196">
        <v>0</v>
      </c>
      <c r="E14" s="207">
        <v>0</v>
      </c>
      <c r="F14" s="193">
        <v>0</v>
      </c>
      <c r="G14" s="191">
        <v>171</v>
      </c>
      <c r="H14" s="191">
        <v>142</v>
      </c>
      <c r="I14" s="191">
        <v>390</v>
      </c>
      <c r="J14" s="191">
        <v>349</v>
      </c>
      <c r="K14" s="191">
        <v>363</v>
      </c>
      <c r="L14" s="194">
        <v>1415</v>
      </c>
      <c r="M14" s="195">
        <v>1415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4</v>
      </c>
      <c r="T14" s="191">
        <v>0</v>
      </c>
      <c r="U14" s="191">
        <v>15</v>
      </c>
      <c r="V14" s="191">
        <v>10</v>
      </c>
      <c r="W14" s="196">
        <v>29</v>
      </c>
      <c r="X14" s="195">
        <v>29</v>
      </c>
      <c r="Y14" s="190">
        <v>58</v>
      </c>
      <c r="Z14" s="191">
        <v>30</v>
      </c>
      <c r="AA14" s="196">
        <v>88</v>
      </c>
      <c r="AB14" s="193">
        <v>0</v>
      </c>
      <c r="AC14" s="191">
        <v>266</v>
      </c>
      <c r="AD14" s="191">
        <v>159</v>
      </c>
      <c r="AE14" s="191">
        <v>41</v>
      </c>
      <c r="AF14" s="191">
        <v>120</v>
      </c>
      <c r="AG14" s="191">
        <v>88</v>
      </c>
      <c r="AH14" s="196">
        <v>674</v>
      </c>
      <c r="AI14" s="195">
        <v>762</v>
      </c>
      <c r="AJ14" s="190">
        <v>0</v>
      </c>
      <c r="AK14" s="191">
        <v>0</v>
      </c>
      <c r="AL14" s="196">
        <v>0</v>
      </c>
      <c r="AM14" s="193">
        <v>0</v>
      </c>
      <c r="AN14" s="191">
        <v>6</v>
      </c>
      <c r="AO14" s="191">
        <v>36</v>
      </c>
      <c r="AP14" s="191">
        <v>36</v>
      </c>
      <c r="AQ14" s="191">
        <v>9</v>
      </c>
      <c r="AR14" s="191">
        <v>24</v>
      </c>
      <c r="AS14" s="196">
        <v>111</v>
      </c>
      <c r="AT14" s="195">
        <v>111</v>
      </c>
      <c r="AU14" s="190">
        <v>0</v>
      </c>
      <c r="AV14" s="191">
        <v>0</v>
      </c>
      <c r="AW14" s="196">
        <v>0</v>
      </c>
      <c r="AX14" s="193">
        <v>0</v>
      </c>
      <c r="AY14" s="191">
        <v>180</v>
      </c>
      <c r="AZ14" s="191">
        <v>118</v>
      </c>
      <c r="BA14" s="191">
        <v>80</v>
      </c>
      <c r="BB14" s="191">
        <v>84</v>
      </c>
      <c r="BC14" s="191">
        <v>21</v>
      </c>
      <c r="BD14" s="194">
        <v>483</v>
      </c>
      <c r="BE14" s="195">
        <v>483</v>
      </c>
      <c r="BF14" s="190">
        <v>0</v>
      </c>
      <c r="BG14" s="191">
        <v>0</v>
      </c>
      <c r="BH14" s="196">
        <v>0</v>
      </c>
      <c r="BI14" s="193">
        <v>0</v>
      </c>
      <c r="BJ14" s="191">
        <v>69</v>
      </c>
      <c r="BK14" s="191">
        <v>55</v>
      </c>
      <c r="BL14" s="191">
        <v>28</v>
      </c>
      <c r="BM14" s="191">
        <v>33</v>
      </c>
      <c r="BN14" s="191">
        <v>4</v>
      </c>
      <c r="BO14" s="196">
        <v>189</v>
      </c>
      <c r="BP14" s="195">
        <v>189</v>
      </c>
      <c r="BQ14" s="190">
        <v>0</v>
      </c>
      <c r="BR14" s="191">
        <v>0</v>
      </c>
      <c r="BS14" s="196">
        <v>0</v>
      </c>
      <c r="BT14" s="193">
        <v>0</v>
      </c>
      <c r="BU14" s="191">
        <v>14</v>
      </c>
      <c r="BV14" s="191">
        <v>8</v>
      </c>
      <c r="BW14" s="191">
        <v>0</v>
      </c>
      <c r="BX14" s="191">
        <v>29</v>
      </c>
      <c r="BY14" s="191">
        <v>24</v>
      </c>
      <c r="BZ14" s="196">
        <v>75</v>
      </c>
      <c r="CA14" s="195">
        <v>75</v>
      </c>
      <c r="CB14" s="190">
        <v>0</v>
      </c>
      <c r="CC14" s="191">
        <v>0</v>
      </c>
      <c r="CD14" s="196">
        <v>0</v>
      </c>
      <c r="CE14" s="193">
        <v>0</v>
      </c>
      <c r="CF14" s="191">
        <v>0</v>
      </c>
      <c r="CG14" s="191">
        <v>0</v>
      </c>
      <c r="CH14" s="191">
        <v>8</v>
      </c>
      <c r="CI14" s="191">
        <v>5</v>
      </c>
      <c r="CJ14" s="191">
        <v>24</v>
      </c>
      <c r="CK14" s="196">
        <v>37</v>
      </c>
      <c r="CL14" s="195">
        <v>37</v>
      </c>
      <c r="CM14" s="190">
        <v>0</v>
      </c>
      <c r="CN14" s="191">
        <v>0</v>
      </c>
      <c r="CO14" s="196">
        <v>0</v>
      </c>
      <c r="CP14" s="193">
        <v>0</v>
      </c>
      <c r="CQ14" s="191">
        <v>0</v>
      </c>
      <c r="CR14" s="191">
        <v>0</v>
      </c>
      <c r="CS14" s="191">
        <v>0</v>
      </c>
      <c r="CT14" s="191">
        <v>0</v>
      </c>
      <c r="CU14" s="191">
        <v>0</v>
      </c>
      <c r="CV14" s="196">
        <v>0</v>
      </c>
      <c r="CW14" s="195">
        <v>0</v>
      </c>
      <c r="CX14" s="190">
        <v>0</v>
      </c>
      <c r="CY14" s="191">
        <v>0</v>
      </c>
      <c r="CZ14" s="196">
        <v>0</v>
      </c>
      <c r="DA14" s="193">
        <v>0</v>
      </c>
      <c r="DB14" s="191">
        <v>0</v>
      </c>
      <c r="DC14" s="191">
        <v>0</v>
      </c>
      <c r="DD14" s="191">
        <v>0</v>
      </c>
      <c r="DE14" s="191">
        <v>0</v>
      </c>
      <c r="DF14" s="191">
        <v>0</v>
      </c>
      <c r="DG14" s="196">
        <v>0</v>
      </c>
      <c r="DH14" s="195">
        <v>0</v>
      </c>
    </row>
    <row r="15" spans="2:112" ht="21" customHeight="1" x14ac:dyDescent="0.2">
      <c r="B15" s="106" t="s">
        <v>12</v>
      </c>
      <c r="C15" s="190">
        <v>0</v>
      </c>
      <c r="D15" s="196">
        <v>0</v>
      </c>
      <c r="E15" s="207">
        <v>0</v>
      </c>
      <c r="F15" s="193">
        <v>0</v>
      </c>
      <c r="G15" s="191">
        <v>454</v>
      </c>
      <c r="H15" s="191">
        <v>570</v>
      </c>
      <c r="I15" s="191">
        <v>713</v>
      </c>
      <c r="J15" s="191">
        <v>664</v>
      </c>
      <c r="K15" s="191">
        <v>493</v>
      </c>
      <c r="L15" s="194">
        <v>2894</v>
      </c>
      <c r="M15" s="195">
        <v>2894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7</v>
      </c>
      <c r="T15" s="191">
        <v>1</v>
      </c>
      <c r="U15" s="191">
        <v>25</v>
      </c>
      <c r="V15" s="191">
        <v>17</v>
      </c>
      <c r="W15" s="196">
        <v>50</v>
      </c>
      <c r="X15" s="195">
        <v>50</v>
      </c>
      <c r="Y15" s="190">
        <v>59</v>
      </c>
      <c r="Z15" s="191">
        <v>177</v>
      </c>
      <c r="AA15" s="196">
        <v>236</v>
      </c>
      <c r="AB15" s="193">
        <v>0</v>
      </c>
      <c r="AC15" s="191">
        <v>154</v>
      </c>
      <c r="AD15" s="191">
        <v>403</v>
      </c>
      <c r="AE15" s="191">
        <v>118</v>
      </c>
      <c r="AF15" s="191">
        <v>266</v>
      </c>
      <c r="AG15" s="191">
        <v>143</v>
      </c>
      <c r="AH15" s="196">
        <v>1084</v>
      </c>
      <c r="AI15" s="195">
        <v>1320</v>
      </c>
      <c r="AJ15" s="190">
        <v>24</v>
      </c>
      <c r="AK15" s="191">
        <v>4</v>
      </c>
      <c r="AL15" s="196">
        <v>28</v>
      </c>
      <c r="AM15" s="193">
        <v>0</v>
      </c>
      <c r="AN15" s="191">
        <v>24</v>
      </c>
      <c r="AO15" s="191">
        <v>8</v>
      </c>
      <c r="AP15" s="191">
        <v>21</v>
      </c>
      <c r="AQ15" s="191">
        <v>82</v>
      </c>
      <c r="AR15" s="191">
        <v>16</v>
      </c>
      <c r="AS15" s="196">
        <v>151</v>
      </c>
      <c r="AT15" s="195">
        <v>179</v>
      </c>
      <c r="AU15" s="190">
        <v>0</v>
      </c>
      <c r="AV15" s="191">
        <v>0</v>
      </c>
      <c r="AW15" s="196">
        <v>0</v>
      </c>
      <c r="AX15" s="193">
        <v>0</v>
      </c>
      <c r="AY15" s="191">
        <v>369</v>
      </c>
      <c r="AZ15" s="191">
        <v>315</v>
      </c>
      <c r="BA15" s="191">
        <v>151</v>
      </c>
      <c r="BB15" s="191">
        <v>75</v>
      </c>
      <c r="BC15" s="191">
        <v>33</v>
      </c>
      <c r="BD15" s="194">
        <v>943</v>
      </c>
      <c r="BE15" s="195">
        <v>943</v>
      </c>
      <c r="BF15" s="190">
        <v>0</v>
      </c>
      <c r="BG15" s="191">
        <v>0</v>
      </c>
      <c r="BH15" s="196">
        <v>0</v>
      </c>
      <c r="BI15" s="193">
        <v>0</v>
      </c>
      <c r="BJ15" s="191">
        <v>98</v>
      </c>
      <c r="BK15" s="191">
        <v>75</v>
      </c>
      <c r="BL15" s="191">
        <v>68</v>
      </c>
      <c r="BM15" s="191">
        <v>21</v>
      </c>
      <c r="BN15" s="191">
        <v>2</v>
      </c>
      <c r="BO15" s="196">
        <v>264</v>
      </c>
      <c r="BP15" s="195">
        <v>264</v>
      </c>
      <c r="BQ15" s="190">
        <v>0</v>
      </c>
      <c r="BR15" s="191">
        <v>29</v>
      </c>
      <c r="BS15" s="196">
        <v>29</v>
      </c>
      <c r="BT15" s="193">
        <v>0</v>
      </c>
      <c r="BU15" s="191">
        <v>28</v>
      </c>
      <c r="BV15" s="191">
        <v>97</v>
      </c>
      <c r="BW15" s="191">
        <v>76</v>
      </c>
      <c r="BX15" s="191">
        <v>19</v>
      </c>
      <c r="BY15" s="191">
        <v>5</v>
      </c>
      <c r="BZ15" s="196">
        <v>225</v>
      </c>
      <c r="CA15" s="195">
        <v>254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0</v>
      </c>
      <c r="CH15" s="191">
        <v>2</v>
      </c>
      <c r="CI15" s="191">
        <v>0</v>
      </c>
      <c r="CJ15" s="191">
        <v>29</v>
      </c>
      <c r="CK15" s="196">
        <v>31</v>
      </c>
      <c r="CL15" s="195">
        <v>31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0</v>
      </c>
      <c r="CS15" s="191">
        <v>0</v>
      </c>
      <c r="CT15" s="191">
        <v>0</v>
      </c>
      <c r="CU15" s="191">
        <v>0</v>
      </c>
      <c r="CV15" s="196">
        <v>0</v>
      </c>
      <c r="CW15" s="195">
        <v>0</v>
      </c>
      <c r="CX15" s="190">
        <v>0</v>
      </c>
      <c r="CY15" s="191">
        <v>0</v>
      </c>
      <c r="CZ15" s="196">
        <v>0</v>
      </c>
      <c r="DA15" s="193">
        <v>0</v>
      </c>
      <c r="DB15" s="191">
        <v>0</v>
      </c>
      <c r="DC15" s="191">
        <v>0</v>
      </c>
      <c r="DD15" s="191">
        <v>0</v>
      </c>
      <c r="DE15" s="191">
        <v>0</v>
      </c>
      <c r="DF15" s="191">
        <v>0</v>
      </c>
      <c r="DG15" s="196">
        <v>0</v>
      </c>
      <c r="DH15" s="195">
        <v>0</v>
      </c>
    </row>
    <row r="16" spans="2:112" ht="21" customHeight="1" x14ac:dyDescent="0.2">
      <c r="B16" s="106" t="s">
        <v>13</v>
      </c>
      <c r="C16" s="190">
        <v>0</v>
      </c>
      <c r="D16" s="196">
        <v>0</v>
      </c>
      <c r="E16" s="207">
        <v>0</v>
      </c>
      <c r="F16" s="193">
        <v>0</v>
      </c>
      <c r="G16" s="191">
        <v>242</v>
      </c>
      <c r="H16" s="191">
        <v>447</v>
      </c>
      <c r="I16" s="191">
        <v>408</v>
      </c>
      <c r="J16" s="191">
        <v>570</v>
      </c>
      <c r="K16" s="191">
        <v>967</v>
      </c>
      <c r="L16" s="194">
        <v>2634</v>
      </c>
      <c r="M16" s="195">
        <v>2634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5</v>
      </c>
      <c r="T16" s="191">
        <v>0</v>
      </c>
      <c r="U16" s="191">
        <v>14</v>
      </c>
      <c r="V16" s="191">
        <v>34</v>
      </c>
      <c r="W16" s="196">
        <v>53</v>
      </c>
      <c r="X16" s="195">
        <v>53</v>
      </c>
      <c r="Y16" s="190">
        <v>6</v>
      </c>
      <c r="Z16" s="191">
        <v>47</v>
      </c>
      <c r="AA16" s="196">
        <v>53</v>
      </c>
      <c r="AB16" s="193">
        <v>0</v>
      </c>
      <c r="AC16" s="191">
        <v>126</v>
      </c>
      <c r="AD16" s="191">
        <v>328</v>
      </c>
      <c r="AE16" s="191">
        <v>133</v>
      </c>
      <c r="AF16" s="191">
        <v>153</v>
      </c>
      <c r="AG16" s="191">
        <v>181</v>
      </c>
      <c r="AH16" s="196">
        <v>921</v>
      </c>
      <c r="AI16" s="195">
        <v>974</v>
      </c>
      <c r="AJ16" s="190">
        <v>0</v>
      </c>
      <c r="AK16" s="191">
        <v>0</v>
      </c>
      <c r="AL16" s="196">
        <v>0</v>
      </c>
      <c r="AM16" s="193">
        <v>0</v>
      </c>
      <c r="AN16" s="191">
        <v>2</v>
      </c>
      <c r="AO16" s="191">
        <v>48</v>
      </c>
      <c r="AP16" s="191">
        <v>0</v>
      </c>
      <c r="AQ16" s="191">
        <v>0</v>
      </c>
      <c r="AR16" s="191">
        <v>43</v>
      </c>
      <c r="AS16" s="196">
        <v>93</v>
      </c>
      <c r="AT16" s="195">
        <v>93</v>
      </c>
      <c r="AU16" s="190">
        <v>0</v>
      </c>
      <c r="AV16" s="191">
        <v>0</v>
      </c>
      <c r="AW16" s="196">
        <v>0</v>
      </c>
      <c r="AX16" s="193">
        <v>0</v>
      </c>
      <c r="AY16" s="191">
        <v>98</v>
      </c>
      <c r="AZ16" s="191">
        <v>123</v>
      </c>
      <c r="BA16" s="191">
        <v>51</v>
      </c>
      <c r="BB16" s="191">
        <v>28</v>
      </c>
      <c r="BC16" s="191">
        <v>32</v>
      </c>
      <c r="BD16" s="194">
        <v>332</v>
      </c>
      <c r="BE16" s="195">
        <v>332</v>
      </c>
      <c r="BF16" s="190">
        <v>0</v>
      </c>
      <c r="BG16" s="191">
        <v>0</v>
      </c>
      <c r="BH16" s="196">
        <v>0</v>
      </c>
      <c r="BI16" s="193">
        <v>0</v>
      </c>
      <c r="BJ16" s="191">
        <v>23</v>
      </c>
      <c r="BK16" s="191">
        <v>25</v>
      </c>
      <c r="BL16" s="191">
        <v>19</v>
      </c>
      <c r="BM16" s="191">
        <v>27</v>
      </c>
      <c r="BN16" s="191">
        <v>0</v>
      </c>
      <c r="BO16" s="196">
        <v>94</v>
      </c>
      <c r="BP16" s="195">
        <v>94</v>
      </c>
      <c r="BQ16" s="190">
        <v>0</v>
      </c>
      <c r="BR16" s="191">
        <v>0</v>
      </c>
      <c r="BS16" s="196">
        <v>0</v>
      </c>
      <c r="BT16" s="193">
        <v>0</v>
      </c>
      <c r="BU16" s="191">
        <v>8</v>
      </c>
      <c r="BV16" s="191">
        <v>15</v>
      </c>
      <c r="BW16" s="191">
        <v>32</v>
      </c>
      <c r="BX16" s="191">
        <v>0</v>
      </c>
      <c r="BY16" s="191">
        <v>0</v>
      </c>
      <c r="BZ16" s="196">
        <v>55</v>
      </c>
      <c r="CA16" s="195">
        <v>55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7</v>
      </c>
      <c r="CH16" s="191">
        <v>0</v>
      </c>
      <c r="CI16" s="191">
        <v>7</v>
      </c>
      <c r="CJ16" s="191">
        <v>0</v>
      </c>
      <c r="CK16" s="196">
        <v>14</v>
      </c>
      <c r="CL16" s="195">
        <v>14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  <c r="CX16" s="190">
        <v>0</v>
      </c>
      <c r="CY16" s="191">
        <v>0</v>
      </c>
      <c r="CZ16" s="196">
        <v>0</v>
      </c>
      <c r="DA16" s="193">
        <v>0</v>
      </c>
      <c r="DB16" s="191">
        <v>0</v>
      </c>
      <c r="DC16" s="191">
        <v>0</v>
      </c>
      <c r="DD16" s="191">
        <v>0</v>
      </c>
      <c r="DE16" s="191">
        <v>0</v>
      </c>
      <c r="DF16" s="191">
        <v>0</v>
      </c>
      <c r="DG16" s="196">
        <v>0</v>
      </c>
      <c r="DH16" s="195">
        <v>0</v>
      </c>
    </row>
    <row r="17" spans="2:112" ht="21" customHeight="1" x14ac:dyDescent="0.2">
      <c r="B17" s="106" t="s">
        <v>15</v>
      </c>
      <c r="C17" s="190">
        <v>0</v>
      </c>
      <c r="D17" s="196">
        <v>0</v>
      </c>
      <c r="E17" s="207">
        <v>0</v>
      </c>
      <c r="F17" s="193">
        <v>0</v>
      </c>
      <c r="G17" s="191">
        <v>31</v>
      </c>
      <c r="H17" s="191">
        <v>26</v>
      </c>
      <c r="I17" s="191">
        <v>0</v>
      </c>
      <c r="J17" s="191">
        <v>5</v>
      </c>
      <c r="K17" s="191">
        <v>0</v>
      </c>
      <c r="L17" s="194">
        <v>62</v>
      </c>
      <c r="M17" s="195">
        <v>62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5</v>
      </c>
      <c r="W17" s="196">
        <v>5</v>
      </c>
      <c r="X17" s="195">
        <v>5</v>
      </c>
      <c r="Y17" s="190">
        <v>1</v>
      </c>
      <c r="Z17" s="191">
        <v>10</v>
      </c>
      <c r="AA17" s="196">
        <v>11</v>
      </c>
      <c r="AB17" s="193">
        <v>0</v>
      </c>
      <c r="AC17" s="191">
        <v>9</v>
      </c>
      <c r="AD17" s="191">
        <v>28</v>
      </c>
      <c r="AE17" s="191">
        <v>4</v>
      </c>
      <c r="AF17" s="191">
        <v>18</v>
      </c>
      <c r="AG17" s="191">
        <v>27</v>
      </c>
      <c r="AH17" s="196">
        <v>86</v>
      </c>
      <c r="AI17" s="195">
        <v>97</v>
      </c>
      <c r="AJ17" s="190">
        <v>0</v>
      </c>
      <c r="AK17" s="191">
        <v>0</v>
      </c>
      <c r="AL17" s="196">
        <v>0</v>
      </c>
      <c r="AM17" s="193">
        <v>0</v>
      </c>
      <c r="AN17" s="191">
        <v>0</v>
      </c>
      <c r="AO17" s="191">
        <v>12</v>
      </c>
      <c r="AP17" s="191">
        <v>0</v>
      </c>
      <c r="AQ17" s="191">
        <v>8</v>
      </c>
      <c r="AR17" s="191">
        <v>12</v>
      </c>
      <c r="AS17" s="196">
        <v>32</v>
      </c>
      <c r="AT17" s="195">
        <v>32</v>
      </c>
      <c r="AU17" s="190">
        <v>0</v>
      </c>
      <c r="AV17" s="191">
        <v>0</v>
      </c>
      <c r="AW17" s="196">
        <v>0</v>
      </c>
      <c r="AX17" s="193">
        <v>0</v>
      </c>
      <c r="AY17" s="191">
        <v>12</v>
      </c>
      <c r="AZ17" s="191">
        <v>10</v>
      </c>
      <c r="BA17" s="191">
        <v>0</v>
      </c>
      <c r="BB17" s="191">
        <v>4</v>
      </c>
      <c r="BC17" s="191">
        <v>0</v>
      </c>
      <c r="BD17" s="194">
        <v>26</v>
      </c>
      <c r="BE17" s="195">
        <v>26</v>
      </c>
      <c r="BF17" s="190">
        <v>0</v>
      </c>
      <c r="BG17" s="191">
        <v>0</v>
      </c>
      <c r="BH17" s="196">
        <v>0</v>
      </c>
      <c r="BI17" s="193">
        <v>0</v>
      </c>
      <c r="BJ17" s="191">
        <v>0</v>
      </c>
      <c r="BK17" s="191">
        <v>14</v>
      </c>
      <c r="BL17" s="191">
        <v>16</v>
      </c>
      <c r="BM17" s="191">
        <v>8</v>
      </c>
      <c r="BN17" s="191">
        <v>8</v>
      </c>
      <c r="BO17" s="196">
        <v>46</v>
      </c>
      <c r="BP17" s="195">
        <v>46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16</v>
      </c>
      <c r="BW17" s="191">
        <v>0</v>
      </c>
      <c r="BX17" s="191">
        <v>0</v>
      </c>
      <c r="BY17" s="191">
        <v>3</v>
      </c>
      <c r="BZ17" s="196">
        <v>19</v>
      </c>
      <c r="CA17" s="195">
        <v>19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4</v>
      </c>
      <c r="CH17" s="191">
        <v>12</v>
      </c>
      <c r="CI17" s="191">
        <v>0</v>
      </c>
      <c r="CJ17" s="191">
        <v>0</v>
      </c>
      <c r="CK17" s="196">
        <v>16</v>
      </c>
      <c r="CL17" s="195">
        <v>16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0</v>
      </c>
      <c r="CT17" s="191">
        <v>0</v>
      </c>
      <c r="CU17" s="191">
        <v>0</v>
      </c>
      <c r="CV17" s="196">
        <v>0</v>
      </c>
      <c r="CW17" s="195">
        <v>0</v>
      </c>
      <c r="CX17" s="190">
        <v>0</v>
      </c>
      <c r="CY17" s="191">
        <v>0</v>
      </c>
      <c r="CZ17" s="196">
        <v>0</v>
      </c>
      <c r="DA17" s="193">
        <v>0</v>
      </c>
      <c r="DB17" s="191">
        <v>0</v>
      </c>
      <c r="DC17" s="191">
        <v>0</v>
      </c>
      <c r="DD17" s="191">
        <v>0</v>
      </c>
      <c r="DE17" s="191">
        <v>0</v>
      </c>
      <c r="DF17" s="191">
        <v>0</v>
      </c>
      <c r="DG17" s="196">
        <v>0</v>
      </c>
      <c r="DH17" s="195">
        <v>0</v>
      </c>
    </row>
    <row r="18" spans="2:112" ht="21" customHeight="1" x14ac:dyDescent="0.2">
      <c r="B18" s="106" t="s">
        <v>16</v>
      </c>
      <c r="C18" s="190">
        <v>0</v>
      </c>
      <c r="D18" s="196">
        <v>0</v>
      </c>
      <c r="E18" s="207">
        <v>0</v>
      </c>
      <c r="F18" s="193">
        <v>0</v>
      </c>
      <c r="G18" s="191">
        <v>27</v>
      </c>
      <c r="H18" s="191">
        <v>310</v>
      </c>
      <c r="I18" s="191">
        <v>142</v>
      </c>
      <c r="J18" s="191">
        <v>73</v>
      </c>
      <c r="K18" s="191">
        <v>44</v>
      </c>
      <c r="L18" s="194">
        <v>596</v>
      </c>
      <c r="M18" s="195">
        <v>596</v>
      </c>
      <c r="N18" s="190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0</v>
      </c>
      <c r="T18" s="191">
        <v>0</v>
      </c>
      <c r="U18" s="191">
        <v>8</v>
      </c>
      <c r="V18" s="191">
        <v>10</v>
      </c>
      <c r="W18" s="196">
        <v>18</v>
      </c>
      <c r="X18" s="195">
        <v>18</v>
      </c>
      <c r="Y18" s="190">
        <v>14</v>
      </c>
      <c r="Z18" s="191">
        <v>14</v>
      </c>
      <c r="AA18" s="196">
        <v>28</v>
      </c>
      <c r="AB18" s="193">
        <v>0</v>
      </c>
      <c r="AC18" s="191">
        <v>94</v>
      </c>
      <c r="AD18" s="191">
        <v>142</v>
      </c>
      <c r="AE18" s="191">
        <v>91</v>
      </c>
      <c r="AF18" s="191">
        <v>123</v>
      </c>
      <c r="AG18" s="191">
        <v>34</v>
      </c>
      <c r="AH18" s="196">
        <v>484</v>
      </c>
      <c r="AI18" s="195">
        <v>512</v>
      </c>
      <c r="AJ18" s="190">
        <v>12</v>
      </c>
      <c r="AK18" s="191">
        <v>0</v>
      </c>
      <c r="AL18" s="196">
        <v>12</v>
      </c>
      <c r="AM18" s="193">
        <v>0</v>
      </c>
      <c r="AN18" s="191">
        <v>0</v>
      </c>
      <c r="AO18" s="191">
        <v>24</v>
      </c>
      <c r="AP18" s="191">
        <v>0</v>
      </c>
      <c r="AQ18" s="191">
        <v>0</v>
      </c>
      <c r="AR18" s="191">
        <v>9</v>
      </c>
      <c r="AS18" s="196">
        <v>33</v>
      </c>
      <c r="AT18" s="195">
        <v>45</v>
      </c>
      <c r="AU18" s="190">
        <v>0</v>
      </c>
      <c r="AV18" s="191">
        <v>0</v>
      </c>
      <c r="AW18" s="196">
        <v>0</v>
      </c>
      <c r="AX18" s="193">
        <v>0</v>
      </c>
      <c r="AY18" s="191">
        <v>138</v>
      </c>
      <c r="AZ18" s="191">
        <v>193</v>
      </c>
      <c r="BA18" s="191">
        <v>58</v>
      </c>
      <c r="BB18" s="191">
        <v>55</v>
      </c>
      <c r="BC18" s="191">
        <v>21</v>
      </c>
      <c r="BD18" s="194">
        <v>465</v>
      </c>
      <c r="BE18" s="195">
        <v>465</v>
      </c>
      <c r="BF18" s="190">
        <v>0</v>
      </c>
      <c r="BG18" s="191">
        <v>0</v>
      </c>
      <c r="BH18" s="196">
        <v>0</v>
      </c>
      <c r="BI18" s="193">
        <v>0</v>
      </c>
      <c r="BJ18" s="191">
        <v>67</v>
      </c>
      <c r="BK18" s="191">
        <v>102</v>
      </c>
      <c r="BL18" s="191">
        <v>55</v>
      </c>
      <c r="BM18" s="191">
        <v>6</v>
      </c>
      <c r="BN18" s="191">
        <v>9</v>
      </c>
      <c r="BO18" s="196">
        <v>239</v>
      </c>
      <c r="BP18" s="195">
        <v>239</v>
      </c>
      <c r="BQ18" s="190">
        <v>0</v>
      </c>
      <c r="BR18" s="191">
        <v>0</v>
      </c>
      <c r="BS18" s="196">
        <v>0</v>
      </c>
      <c r="BT18" s="193">
        <v>0</v>
      </c>
      <c r="BU18" s="191">
        <v>0</v>
      </c>
      <c r="BV18" s="191">
        <v>69</v>
      </c>
      <c r="BW18" s="191">
        <v>46</v>
      </c>
      <c r="BX18" s="191">
        <v>10</v>
      </c>
      <c r="BY18" s="191">
        <v>32</v>
      </c>
      <c r="BZ18" s="196">
        <v>157</v>
      </c>
      <c r="CA18" s="195">
        <v>157</v>
      </c>
      <c r="CB18" s="190">
        <v>0</v>
      </c>
      <c r="CC18" s="191">
        <v>0</v>
      </c>
      <c r="CD18" s="196">
        <v>0</v>
      </c>
      <c r="CE18" s="193">
        <v>0</v>
      </c>
      <c r="CF18" s="191">
        <v>0</v>
      </c>
      <c r="CG18" s="191">
        <v>3</v>
      </c>
      <c r="CH18" s="191">
        <v>4</v>
      </c>
      <c r="CI18" s="191">
        <v>0</v>
      </c>
      <c r="CJ18" s="191">
        <v>0</v>
      </c>
      <c r="CK18" s="196">
        <v>7</v>
      </c>
      <c r="CL18" s="195">
        <v>7</v>
      </c>
      <c r="CM18" s="190">
        <v>0</v>
      </c>
      <c r="CN18" s="191">
        <v>0</v>
      </c>
      <c r="CO18" s="196">
        <v>0</v>
      </c>
      <c r="CP18" s="193">
        <v>0</v>
      </c>
      <c r="CQ18" s="191">
        <v>0</v>
      </c>
      <c r="CR18" s="191">
        <v>0</v>
      </c>
      <c r="CS18" s="191">
        <v>0</v>
      </c>
      <c r="CT18" s="191">
        <v>0</v>
      </c>
      <c r="CU18" s="191">
        <v>0</v>
      </c>
      <c r="CV18" s="196">
        <v>0</v>
      </c>
      <c r="CW18" s="195">
        <v>0</v>
      </c>
      <c r="CX18" s="190">
        <v>0</v>
      </c>
      <c r="CY18" s="191">
        <v>0</v>
      </c>
      <c r="CZ18" s="196">
        <v>0</v>
      </c>
      <c r="DA18" s="193">
        <v>0</v>
      </c>
      <c r="DB18" s="191">
        <v>0</v>
      </c>
      <c r="DC18" s="191">
        <v>0</v>
      </c>
      <c r="DD18" s="191">
        <v>0</v>
      </c>
      <c r="DE18" s="191">
        <v>0</v>
      </c>
      <c r="DF18" s="191">
        <v>0</v>
      </c>
      <c r="DG18" s="196">
        <v>0</v>
      </c>
      <c r="DH18" s="195">
        <v>0</v>
      </c>
    </row>
    <row r="19" spans="2:112" ht="21" customHeight="1" x14ac:dyDescent="0.2">
      <c r="B19" s="106" t="s">
        <v>17</v>
      </c>
      <c r="C19" s="190">
        <v>0</v>
      </c>
      <c r="D19" s="196">
        <v>0</v>
      </c>
      <c r="E19" s="207">
        <v>0</v>
      </c>
      <c r="F19" s="193">
        <v>0</v>
      </c>
      <c r="G19" s="191">
        <v>95</v>
      </c>
      <c r="H19" s="191">
        <v>536</v>
      </c>
      <c r="I19" s="191">
        <v>842</v>
      </c>
      <c r="J19" s="191">
        <v>472</v>
      </c>
      <c r="K19" s="191">
        <v>130</v>
      </c>
      <c r="L19" s="194">
        <v>2075</v>
      </c>
      <c r="M19" s="195">
        <v>2075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0</v>
      </c>
      <c r="T19" s="191">
        <v>7</v>
      </c>
      <c r="U19" s="191">
        <v>20</v>
      </c>
      <c r="V19" s="191">
        <v>30</v>
      </c>
      <c r="W19" s="196">
        <v>57</v>
      </c>
      <c r="X19" s="195">
        <v>57</v>
      </c>
      <c r="Y19" s="190">
        <v>21</v>
      </c>
      <c r="Z19" s="191">
        <v>55</v>
      </c>
      <c r="AA19" s="196">
        <v>76</v>
      </c>
      <c r="AB19" s="193">
        <v>0</v>
      </c>
      <c r="AC19" s="191">
        <v>69</v>
      </c>
      <c r="AD19" s="191">
        <v>319</v>
      </c>
      <c r="AE19" s="191">
        <v>150</v>
      </c>
      <c r="AF19" s="191">
        <v>151</v>
      </c>
      <c r="AG19" s="191">
        <v>34</v>
      </c>
      <c r="AH19" s="196">
        <v>723</v>
      </c>
      <c r="AI19" s="195">
        <v>799</v>
      </c>
      <c r="AJ19" s="190">
        <v>20</v>
      </c>
      <c r="AK19" s="191">
        <v>0</v>
      </c>
      <c r="AL19" s="196">
        <v>20</v>
      </c>
      <c r="AM19" s="193">
        <v>0</v>
      </c>
      <c r="AN19" s="191">
        <v>21</v>
      </c>
      <c r="AO19" s="191">
        <v>44</v>
      </c>
      <c r="AP19" s="191">
        <v>69</v>
      </c>
      <c r="AQ19" s="191">
        <v>16</v>
      </c>
      <c r="AR19" s="191">
        <v>0</v>
      </c>
      <c r="AS19" s="196">
        <v>150</v>
      </c>
      <c r="AT19" s="195">
        <v>170</v>
      </c>
      <c r="AU19" s="190">
        <v>0</v>
      </c>
      <c r="AV19" s="191">
        <v>0</v>
      </c>
      <c r="AW19" s="196">
        <v>0</v>
      </c>
      <c r="AX19" s="193">
        <v>0</v>
      </c>
      <c r="AY19" s="191">
        <v>85</v>
      </c>
      <c r="AZ19" s="191">
        <v>377</v>
      </c>
      <c r="BA19" s="191">
        <v>153</v>
      </c>
      <c r="BB19" s="191">
        <v>55</v>
      </c>
      <c r="BC19" s="191">
        <v>0</v>
      </c>
      <c r="BD19" s="194">
        <v>670</v>
      </c>
      <c r="BE19" s="195">
        <v>670</v>
      </c>
      <c r="BF19" s="190">
        <v>0</v>
      </c>
      <c r="BG19" s="191">
        <v>0</v>
      </c>
      <c r="BH19" s="196">
        <v>0</v>
      </c>
      <c r="BI19" s="193">
        <v>0</v>
      </c>
      <c r="BJ19" s="191">
        <v>72</v>
      </c>
      <c r="BK19" s="191">
        <v>78</v>
      </c>
      <c r="BL19" s="191">
        <v>85</v>
      </c>
      <c r="BM19" s="191">
        <v>29</v>
      </c>
      <c r="BN19" s="191">
        <v>0</v>
      </c>
      <c r="BO19" s="196">
        <v>264</v>
      </c>
      <c r="BP19" s="195">
        <v>264</v>
      </c>
      <c r="BQ19" s="190">
        <v>5</v>
      </c>
      <c r="BR19" s="191">
        <v>0</v>
      </c>
      <c r="BS19" s="196">
        <v>5</v>
      </c>
      <c r="BT19" s="193">
        <v>0</v>
      </c>
      <c r="BU19" s="191">
        <v>26</v>
      </c>
      <c r="BV19" s="191">
        <v>41</v>
      </c>
      <c r="BW19" s="191">
        <v>116</v>
      </c>
      <c r="BX19" s="191">
        <v>72</v>
      </c>
      <c r="BY19" s="191">
        <v>0</v>
      </c>
      <c r="BZ19" s="196">
        <v>255</v>
      </c>
      <c r="CA19" s="195">
        <v>260</v>
      </c>
      <c r="CB19" s="190">
        <v>0</v>
      </c>
      <c r="CC19" s="191">
        <v>0</v>
      </c>
      <c r="CD19" s="196">
        <v>0</v>
      </c>
      <c r="CE19" s="193">
        <v>0</v>
      </c>
      <c r="CF19" s="191">
        <v>0</v>
      </c>
      <c r="CG19" s="191">
        <v>15</v>
      </c>
      <c r="CH19" s="191">
        <v>0</v>
      </c>
      <c r="CI19" s="191">
        <v>38</v>
      </c>
      <c r="CJ19" s="191">
        <v>0</v>
      </c>
      <c r="CK19" s="196">
        <v>53</v>
      </c>
      <c r="CL19" s="195">
        <v>53</v>
      </c>
      <c r="CM19" s="190">
        <v>0</v>
      </c>
      <c r="CN19" s="191">
        <v>0</v>
      </c>
      <c r="CO19" s="196">
        <v>0</v>
      </c>
      <c r="CP19" s="193">
        <v>0</v>
      </c>
      <c r="CQ19" s="191">
        <v>0</v>
      </c>
      <c r="CR19" s="191">
        <v>0</v>
      </c>
      <c r="CS19" s="191">
        <v>0</v>
      </c>
      <c r="CT19" s="191">
        <v>0</v>
      </c>
      <c r="CU19" s="191">
        <v>0</v>
      </c>
      <c r="CV19" s="196">
        <v>0</v>
      </c>
      <c r="CW19" s="195">
        <v>0</v>
      </c>
      <c r="CX19" s="190">
        <v>0</v>
      </c>
      <c r="CY19" s="191">
        <v>0</v>
      </c>
      <c r="CZ19" s="196">
        <v>0</v>
      </c>
      <c r="DA19" s="193">
        <v>0</v>
      </c>
      <c r="DB19" s="191">
        <v>0</v>
      </c>
      <c r="DC19" s="191">
        <v>0</v>
      </c>
      <c r="DD19" s="191">
        <v>0</v>
      </c>
      <c r="DE19" s="191">
        <v>0</v>
      </c>
      <c r="DF19" s="191">
        <v>0</v>
      </c>
      <c r="DG19" s="196">
        <v>0</v>
      </c>
      <c r="DH19" s="195">
        <v>0</v>
      </c>
    </row>
    <row r="20" spans="2:112" ht="21" customHeight="1" x14ac:dyDescent="0.2">
      <c r="B20" s="106" t="s">
        <v>18</v>
      </c>
      <c r="C20" s="190">
        <v>0</v>
      </c>
      <c r="D20" s="196">
        <v>0</v>
      </c>
      <c r="E20" s="207">
        <v>0</v>
      </c>
      <c r="F20" s="193">
        <v>0</v>
      </c>
      <c r="G20" s="191">
        <v>323</v>
      </c>
      <c r="H20" s="191">
        <v>300</v>
      </c>
      <c r="I20" s="191">
        <v>675</v>
      </c>
      <c r="J20" s="191">
        <v>715</v>
      </c>
      <c r="K20" s="191">
        <v>839</v>
      </c>
      <c r="L20" s="194">
        <v>2852</v>
      </c>
      <c r="M20" s="195">
        <v>2852</v>
      </c>
      <c r="N20" s="190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0</v>
      </c>
      <c r="T20" s="191">
        <v>3</v>
      </c>
      <c r="U20" s="191">
        <v>9</v>
      </c>
      <c r="V20" s="191">
        <v>9</v>
      </c>
      <c r="W20" s="196">
        <v>21</v>
      </c>
      <c r="X20" s="195">
        <v>21</v>
      </c>
      <c r="Y20" s="190">
        <v>41</v>
      </c>
      <c r="Z20" s="191">
        <v>5</v>
      </c>
      <c r="AA20" s="196">
        <v>46</v>
      </c>
      <c r="AB20" s="193">
        <v>0</v>
      </c>
      <c r="AC20" s="191">
        <v>254</v>
      </c>
      <c r="AD20" s="191">
        <v>258</v>
      </c>
      <c r="AE20" s="191">
        <v>289</v>
      </c>
      <c r="AF20" s="191">
        <v>115</v>
      </c>
      <c r="AG20" s="191">
        <v>89</v>
      </c>
      <c r="AH20" s="196">
        <v>1005</v>
      </c>
      <c r="AI20" s="195">
        <v>1051</v>
      </c>
      <c r="AJ20" s="190">
        <v>12</v>
      </c>
      <c r="AK20" s="191">
        <v>6</v>
      </c>
      <c r="AL20" s="196">
        <v>18</v>
      </c>
      <c r="AM20" s="193">
        <v>0</v>
      </c>
      <c r="AN20" s="191">
        <v>69</v>
      </c>
      <c r="AO20" s="191">
        <v>31</v>
      </c>
      <c r="AP20" s="191">
        <v>45</v>
      </c>
      <c r="AQ20" s="191">
        <v>24</v>
      </c>
      <c r="AR20" s="191">
        <v>16</v>
      </c>
      <c r="AS20" s="196">
        <v>185</v>
      </c>
      <c r="AT20" s="195">
        <v>203</v>
      </c>
      <c r="AU20" s="190">
        <v>0</v>
      </c>
      <c r="AV20" s="191">
        <v>0</v>
      </c>
      <c r="AW20" s="196">
        <v>0</v>
      </c>
      <c r="AX20" s="193">
        <v>0</v>
      </c>
      <c r="AY20" s="191">
        <v>264</v>
      </c>
      <c r="AZ20" s="191">
        <v>262</v>
      </c>
      <c r="BA20" s="191">
        <v>229</v>
      </c>
      <c r="BB20" s="191">
        <v>113</v>
      </c>
      <c r="BC20" s="191">
        <v>67</v>
      </c>
      <c r="BD20" s="194">
        <v>935</v>
      </c>
      <c r="BE20" s="195">
        <v>935</v>
      </c>
      <c r="BF20" s="190">
        <v>0</v>
      </c>
      <c r="BG20" s="191">
        <v>0</v>
      </c>
      <c r="BH20" s="196">
        <v>0</v>
      </c>
      <c r="BI20" s="193">
        <v>0</v>
      </c>
      <c r="BJ20" s="191">
        <v>151</v>
      </c>
      <c r="BK20" s="191">
        <v>90</v>
      </c>
      <c r="BL20" s="191">
        <v>46</v>
      </c>
      <c r="BM20" s="191">
        <v>93</v>
      </c>
      <c r="BN20" s="191">
        <v>8</v>
      </c>
      <c r="BO20" s="196">
        <v>388</v>
      </c>
      <c r="BP20" s="195">
        <v>388</v>
      </c>
      <c r="BQ20" s="190">
        <v>0</v>
      </c>
      <c r="BR20" s="191">
        <v>0</v>
      </c>
      <c r="BS20" s="196">
        <v>0</v>
      </c>
      <c r="BT20" s="193">
        <v>0</v>
      </c>
      <c r="BU20" s="191">
        <v>32</v>
      </c>
      <c r="BV20" s="191">
        <v>83</v>
      </c>
      <c r="BW20" s="191">
        <v>112</v>
      </c>
      <c r="BX20" s="191">
        <v>65</v>
      </c>
      <c r="BY20" s="191">
        <v>86</v>
      </c>
      <c r="BZ20" s="196">
        <v>378</v>
      </c>
      <c r="CA20" s="195">
        <v>378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3</v>
      </c>
      <c r="CH20" s="191">
        <v>0</v>
      </c>
      <c r="CI20" s="191">
        <v>0</v>
      </c>
      <c r="CJ20" s="191">
        <v>0</v>
      </c>
      <c r="CK20" s="196">
        <v>3</v>
      </c>
      <c r="CL20" s="195">
        <v>3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0</v>
      </c>
      <c r="CT20" s="191">
        <v>0</v>
      </c>
      <c r="CU20" s="191">
        <v>0</v>
      </c>
      <c r="CV20" s="196">
        <v>0</v>
      </c>
      <c r="CW20" s="195">
        <v>0</v>
      </c>
      <c r="CX20" s="190">
        <v>0</v>
      </c>
      <c r="CY20" s="191">
        <v>0</v>
      </c>
      <c r="CZ20" s="196">
        <v>0</v>
      </c>
      <c r="DA20" s="193">
        <v>0</v>
      </c>
      <c r="DB20" s="191">
        <v>0</v>
      </c>
      <c r="DC20" s="191">
        <v>0</v>
      </c>
      <c r="DD20" s="191">
        <v>0</v>
      </c>
      <c r="DE20" s="191">
        <v>0</v>
      </c>
      <c r="DF20" s="191">
        <v>0</v>
      </c>
      <c r="DG20" s="196">
        <v>0</v>
      </c>
      <c r="DH20" s="195">
        <v>0</v>
      </c>
    </row>
    <row r="21" spans="2:112" ht="21" customHeight="1" x14ac:dyDescent="0.2">
      <c r="B21" s="106" t="s">
        <v>19</v>
      </c>
      <c r="C21" s="190">
        <v>0</v>
      </c>
      <c r="D21" s="196">
        <v>0</v>
      </c>
      <c r="E21" s="207">
        <v>0</v>
      </c>
      <c r="F21" s="193">
        <v>0</v>
      </c>
      <c r="G21" s="191">
        <v>114</v>
      </c>
      <c r="H21" s="191">
        <v>255</v>
      </c>
      <c r="I21" s="191">
        <v>348</v>
      </c>
      <c r="J21" s="191">
        <v>201</v>
      </c>
      <c r="K21" s="191">
        <v>105</v>
      </c>
      <c r="L21" s="194">
        <v>1023</v>
      </c>
      <c r="M21" s="195">
        <v>1023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0</v>
      </c>
      <c r="T21" s="191">
        <v>6</v>
      </c>
      <c r="U21" s="191">
        <v>12</v>
      </c>
      <c r="V21" s="191">
        <v>0</v>
      </c>
      <c r="W21" s="196">
        <v>18</v>
      </c>
      <c r="X21" s="195">
        <v>18</v>
      </c>
      <c r="Y21" s="190">
        <v>6</v>
      </c>
      <c r="Z21" s="191">
        <v>23</v>
      </c>
      <c r="AA21" s="196">
        <v>29</v>
      </c>
      <c r="AB21" s="193">
        <v>0</v>
      </c>
      <c r="AC21" s="191">
        <v>150</v>
      </c>
      <c r="AD21" s="191">
        <v>68</v>
      </c>
      <c r="AE21" s="191">
        <v>58</v>
      </c>
      <c r="AF21" s="191">
        <v>88</v>
      </c>
      <c r="AG21" s="191">
        <v>35</v>
      </c>
      <c r="AH21" s="196">
        <v>399</v>
      </c>
      <c r="AI21" s="195">
        <v>428</v>
      </c>
      <c r="AJ21" s="190">
        <v>17</v>
      </c>
      <c r="AK21" s="191">
        <v>0</v>
      </c>
      <c r="AL21" s="196">
        <v>17</v>
      </c>
      <c r="AM21" s="193">
        <v>0</v>
      </c>
      <c r="AN21" s="191">
        <v>40</v>
      </c>
      <c r="AO21" s="191">
        <v>8</v>
      </c>
      <c r="AP21" s="191">
        <v>24</v>
      </c>
      <c r="AQ21" s="191">
        <v>24</v>
      </c>
      <c r="AR21" s="191">
        <v>0</v>
      </c>
      <c r="AS21" s="196">
        <v>96</v>
      </c>
      <c r="AT21" s="195">
        <v>113</v>
      </c>
      <c r="AU21" s="190">
        <v>0</v>
      </c>
      <c r="AV21" s="191">
        <v>0</v>
      </c>
      <c r="AW21" s="196">
        <v>0</v>
      </c>
      <c r="AX21" s="193">
        <v>0</v>
      </c>
      <c r="AY21" s="191">
        <v>132</v>
      </c>
      <c r="AZ21" s="191">
        <v>86</v>
      </c>
      <c r="BA21" s="191">
        <v>14</v>
      </c>
      <c r="BB21" s="191">
        <v>11</v>
      </c>
      <c r="BC21" s="191">
        <v>27</v>
      </c>
      <c r="BD21" s="194">
        <v>270</v>
      </c>
      <c r="BE21" s="195">
        <v>270</v>
      </c>
      <c r="BF21" s="190">
        <v>0</v>
      </c>
      <c r="BG21" s="191">
        <v>0</v>
      </c>
      <c r="BH21" s="196">
        <v>0</v>
      </c>
      <c r="BI21" s="193">
        <v>0</v>
      </c>
      <c r="BJ21" s="191">
        <v>94</v>
      </c>
      <c r="BK21" s="191">
        <v>41</v>
      </c>
      <c r="BL21" s="191">
        <v>12</v>
      </c>
      <c r="BM21" s="191">
        <v>32</v>
      </c>
      <c r="BN21" s="191">
        <v>9</v>
      </c>
      <c r="BO21" s="196">
        <v>188</v>
      </c>
      <c r="BP21" s="195">
        <v>188</v>
      </c>
      <c r="BQ21" s="190">
        <v>0</v>
      </c>
      <c r="BR21" s="191">
        <v>0</v>
      </c>
      <c r="BS21" s="196">
        <v>0</v>
      </c>
      <c r="BT21" s="193">
        <v>0</v>
      </c>
      <c r="BU21" s="191">
        <v>4</v>
      </c>
      <c r="BV21" s="191">
        <v>2</v>
      </c>
      <c r="BW21" s="191">
        <v>10</v>
      </c>
      <c r="BX21" s="191">
        <v>4</v>
      </c>
      <c r="BY21" s="191">
        <v>0</v>
      </c>
      <c r="BZ21" s="196">
        <v>20</v>
      </c>
      <c r="CA21" s="195">
        <v>20</v>
      </c>
      <c r="CB21" s="190">
        <v>0</v>
      </c>
      <c r="CC21" s="191">
        <v>0</v>
      </c>
      <c r="CD21" s="196">
        <v>0</v>
      </c>
      <c r="CE21" s="193">
        <v>0</v>
      </c>
      <c r="CF21" s="191">
        <v>0</v>
      </c>
      <c r="CG21" s="191">
        <v>0</v>
      </c>
      <c r="CH21" s="191">
        <v>0</v>
      </c>
      <c r="CI21" s="191">
        <v>23</v>
      </c>
      <c r="CJ21" s="191">
        <v>0</v>
      </c>
      <c r="CK21" s="196">
        <v>23</v>
      </c>
      <c r="CL21" s="195">
        <v>23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0</v>
      </c>
      <c r="CT21" s="191">
        <v>0</v>
      </c>
      <c r="CU21" s="191">
        <v>0</v>
      </c>
      <c r="CV21" s="196">
        <v>0</v>
      </c>
      <c r="CW21" s="195">
        <v>0</v>
      </c>
      <c r="CX21" s="190">
        <v>0</v>
      </c>
      <c r="CY21" s="191">
        <v>0</v>
      </c>
      <c r="CZ21" s="196">
        <v>0</v>
      </c>
      <c r="DA21" s="193">
        <v>0</v>
      </c>
      <c r="DB21" s="191">
        <v>0</v>
      </c>
      <c r="DC21" s="191">
        <v>0</v>
      </c>
      <c r="DD21" s="191">
        <v>0</v>
      </c>
      <c r="DE21" s="191">
        <v>0</v>
      </c>
      <c r="DF21" s="191">
        <v>0</v>
      </c>
      <c r="DG21" s="196">
        <v>0</v>
      </c>
      <c r="DH21" s="195">
        <v>0</v>
      </c>
    </row>
    <row r="22" spans="2:112" ht="21" customHeight="1" x14ac:dyDescent="0.2">
      <c r="B22" s="106" t="s">
        <v>20</v>
      </c>
      <c r="C22" s="190">
        <v>0</v>
      </c>
      <c r="D22" s="196">
        <v>0</v>
      </c>
      <c r="E22" s="207">
        <v>0</v>
      </c>
      <c r="F22" s="193">
        <v>0</v>
      </c>
      <c r="G22" s="191">
        <v>346</v>
      </c>
      <c r="H22" s="191">
        <v>279</v>
      </c>
      <c r="I22" s="191">
        <v>139</v>
      </c>
      <c r="J22" s="191">
        <v>163</v>
      </c>
      <c r="K22" s="191">
        <v>208</v>
      </c>
      <c r="L22" s="194">
        <v>1135</v>
      </c>
      <c r="M22" s="195">
        <v>1135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4</v>
      </c>
      <c r="U22" s="191">
        <v>9</v>
      </c>
      <c r="V22" s="191">
        <v>13</v>
      </c>
      <c r="W22" s="196">
        <v>26</v>
      </c>
      <c r="X22" s="195">
        <v>26</v>
      </c>
      <c r="Y22" s="190">
        <v>22</v>
      </c>
      <c r="Z22" s="191">
        <v>10</v>
      </c>
      <c r="AA22" s="196">
        <v>32</v>
      </c>
      <c r="AB22" s="193">
        <v>0</v>
      </c>
      <c r="AC22" s="191">
        <v>188</v>
      </c>
      <c r="AD22" s="191">
        <v>140</v>
      </c>
      <c r="AE22" s="191">
        <v>113</v>
      </c>
      <c r="AF22" s="191">
        <v>52</v>
      </c>
      <c r="AG22" s="191">
        <v>3</v>
      </c>
      <c r="AH22" s="196">
        <v>496</v>
      </c>
      <c r="AI22" s="195">
        <v>528</v>
      </c>
      <c r="AJ22" s="190">
        <v>0</v>
      </c>
      <c r="AK22" s="191">
        <v>58</v>
      </c>
      <c r="AL22" s="196">
        <v>58</v>
      </c>
      <c r="AM22" s="193">
        <v>0</v>
      </c>
      <c r="AN22" s="191">
        <v>32</v>
      </c>
      <c r="AO22" s="191">
        <v>37</v>
      </c>
      <c r="AP22" s="191">
        <v>32</v>
      </c>
      <c r="AQ22" s="191">
        <v>0</v>
      </c>
      <c r="AR22" s="191">
        <v>14</v>
      </c>
      <c r="AS22" s="196">
        <v>115</v>
      </c>
      <c r="AT22" s="195">
        <v>173</v>
      </c>
      <c r="AU22" s="190">
        <v>0</v>
      </c>
      <c r="AV22" s="191">
        <v>0</v>
      </c>
      <c r="AW22" s="196">
        <v>0</v>
      </c>
      <c r="AX22" s="193">
        <v>0</v>
      </c>
      <c r="AY22" s="191">
        <v>118</v>
      </c>
      <c r="AZ22" s="191">
        <v>132</v>
      </c>
      <c r="BA22" s="191">
        <v>94</v>
      </c>
      <c r="BB22" s="191">
        <v>56</v>
      </c>
      <c r="BC22" s="191">
        <v>26</v>
      </c>
      <c r="BD22" s="194">
        <v>426</v>
      </c>
      <c r="BE22" s="195">
        <v>426</v>
      </c>
      <c r="BF22" s="190">
        <v>0</v>
      </c>
      <c r="BG22" s="191">
        <v>0</v>
      </c>
      <c r="BH22" s="196">
        <v>0</v>
      </c>
      <c r="BI22" s="193">
        <v>0</v>
      </c>
      <c r="BJ22" s="191">
        <v>42</v>
      </c>
      <c r="BK22" s="191">
        <v>89</v>
      </c>
      <c r="BL22" s="191">
        <v>19</v>
      </c>
      <c r="BM22" s="191">
        <v>8</v>
      </c>
      <c r="BN22" s="191">
        <v>0</v>
      </c>
      <c r="BO22" s="196">
        <v>158</v>
      </c>
      <c r="BP22" s="195">
        <v>158</v>
      </c>
      <c r="BQ22" s="190">
        <v>0</v>
      </c>
      <c r="BR22" s="191">
        <v>4</v>
      </c>
      <c r="BS22" s="196">
        <v>4</v>
      </c>
      <c r="BT22" s="193">
        <v>0</v>
      </c>
      <c r="BU22" s="191">
        <v>7</v>
      </c>
      <c r="BV22" s="191">
        <v>7</v>
      </c>
      <c r="BW22" s="191">
        <v>81</v>
      </c>
      <c r="BX22" s="191">
        <v>39</v>
      </c>
      <c r="BY22" s="191">
        <v>0</v>
      </c>
      <c r="BZ22" s="196">
        <v>134</v>
      </c>
      <c r="CA22" s="195">
        <v>138</v>
      </c>
      <c r="CB22" s="190">
        <v>0</v>
      </c>
      <c r="CC22" s="191">
        <v>0</v>
      </c>
      <c r="CD22" s="196">
        <v>0</v>
      </c>
      <c r="CE22" s="193">
        <v>0</v>
      </c>
      <c r="CF22" s="191">
        <v>5</v>
      </c>
      <c r="CG22" s="191">
        <v>0</v>
      </c>
      <c r="CH22" s="191">
        <v>6</v>
      </c>
      <c r="CI22" s="191">
        <v>0</v>
      </c>
      <c r="CJ22" s="191">
        <v>0</v>
      </c>
      <c r="CK22" s="196">
        <v>11</v>
      </c>
      <c r="CL22" s="195">
        <v>11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  <c r="CX22" s="190">
        <v>0</v>
      </c>
      <c r="CY22" s="191">
        <v>0</v>
      </c>
      <c r="CZ22" s="196">
        <v>0</v>
      </c>
      <c r="DA22" s="193">
        <v>0</v>
      </c>
      <c r="DB22" s="191">
        <v>0</v>
      </c>
      <c r="DC22" s="191">
        <v>0</v>
      </c>
      <c r="DD22" s="191">
        <v>0</v>
      </c>
      <c r="DE22" s="191">
        <v>0</v>
      </c>
      <c r="DF22" s="191">
        <v>0</v>
      </c>
      <c r="DG22" s="196">
        <v>0</v>
      </c>
      <c r="DH22" s="195">
        <v>0</v>
      </c>
    </row>
    <row r="23" spans="2:112" ht="21" customHeight="1" x14ac:dyDescent="0.2">
      <c r="B23" s="106" t="s">
        <v>21</v>
      </c>
      <c r="C23" s="190">
        <v>0</v>
      </c>
      <c r="D23" s="196">
        <v>0</v>
      </c>
      <c r="E23" s="207">
        <v>0</v>
      </c>
      <c r="F23" s="193">
        <v>0</v>
      </c>
      <c r="G23" s="191">
        <v>160</v>
      </c>
      <c r="H23" s="191">
        <v>300</v>
      </c>
      <c r="I23" s="191">
        <v>92</v>
      </c>
      <c r="J23" s="191">
        <v>147</v>
      </c>
      <c r="K23" s="191">
        <v>225</v>
      </c>
      <c r="L23" s="194">
        <v>924</v>
      </c>
      <c r="M23" s="195">
        <v>924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2</v>
      </c>
      <c r="U23" s="191">
        <v>14</v>
      </c>
      <c r="V23" s="191">
        <v>14</v>
      </c>
      <c r="W23" s="196">
        <v>30</v>
      </c>
      <c r="X23" s="195">
        <v>30</v>
      </c>
      <c r="Y23" s="190">
        <v>4</v>
      </c>
      <c r="Z23" s="191">
        <v>4</v>
      </c>
      <c r="AA23" s="196">
        <v>8</v>
      </c>
      <c r="AB23" s="193">
        <v>0</v>
      </c>
      <c r="AC23" s="191">
        <v>139</v>
      </c>
      <c r="AD23" s="191">
        <v>95</v>
      </c>
      <c r="AE23" s="191">
        <v>60</v>
      </c>
      <c r="AF23" s="191">
        <v>96</v>
      </c>
      <c r="AG23" s="191">
        <v>50</v>
      </c>
      <c r="AH23" s="196">
        <v>440</v>
      </c>
      <c r="AI23" s="195">
        <v>448</v>
      </c>
      <c r="AJ23" s="190">
        <v>8</v>
      </c>
      <c r="AK23" s="191">
        <v>21</v>
      </c>
      <c r="AL23" s="196">
        <v>29</v>
      </c>
      <c r="AM23" s="193">
        <v>0</v>
      </c>
      <c r="AN23" s="191">
        <v>0</v>
      </c>
      <c r="AO23" s="191">
        <v>0</v>
      </c>
      <c r="AP23" s="191">
        <v>40</v>
      </c>
      <c r="AQ23" s="191">
        <v>0</v>
      </c>
      <c r="AR23" s="191">
        <v>14</v>
      </c>
      <c r="AS23" s="196">
        <v>54</v>
      </c>
      <c r="AT23" s="195">
        <v>83</v>
      </c>
      <c r="AU23" s="190">
        <v>0</v>
      </c>
      <c r="AV23" s="191">
        <v>0</v>
      </c>
      <c r="AW23" s="196">
        <v>0</v>
      </c>
      <c r="AX23" s="193">
        <v>0</v>
      </c>
      <c r="AY23" s="191">
        <v>145</v>
      </c>
      <c r="AZ23" s="191">
        <v>93</v>
      </c>
      <c r="BA23" s="191">
        <v>39</v>
      </c>
      <c r="BB23" s="191">
        <v>28</v>
      </c>
      <c r="BC23" s="191">
        <v>27</v>
      </c>
      <c r="BD23" s="194">
        <v>332</v>
      </c>
      <c r="BE23" s="195">
        <v>332</v>
      </c>
      <c r="BF23" s="190">
        <v>0</v>
      </c>
      <c r="BG23" s="191">
        <v>0</v>
      </c>
      <c r="BH23" s="196">
        <v>0</v>
      </c>
      <c r="BI23" s="193">
        <v>0</v>
      </c>
      <c r="BJ23" s="191">
        <v>24</v>
      </c>
      <c r="BK23" s="191">
        <v>11</v>
      </c>
      <c r="BL23" s="191">
        <v>4</v>
      </c>
      <c r="BM23" s="191">
        <v>7</v>
      </c>
      <c r="BN23" s="191">
        <v>19</v>
      </c>
      <c r="BO23" s="196">
        <v>65</v>
      </c>
      <c r="BP23" s="195">
        <v>65</v>
      </c>
      <c r="BQ23" s="190">
        <v>0</v>
      </c>
      <c r="BR23" s="191">
        <v>0</v>
      </c>
      <c r="BS23" s="196">
        <v>0</v>
      </c>
      <c r="BT23" s="193">
        <v>0</v>
      </c>
      <c r="BU23" s="191">
        <v>0</v>
      </c>
      <c r="BV23" s="191">
        <v>26</v>
      </c>
      <c r="BW23" s="191">
        <v>36</v>
      </c>
      <c r="BX23" s="191">
        <v>0</v>
      </c>
      <c r="BY23" s="191">
        <v>29</v>
      </c>
      <c r="BZ23" s="196">
        <v>91</v>
      </c>
      <c r="CA23" s="195">
        <v>91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0</v>
      </c>
      <c r="CH23" s="191">
        <v>0</v>
      </c>
      <c r="CI23" s="191">
        <v>0</v>
      </c>
      <c r="CJ23" s="191">
        <v>0</v>
      </c>
      <c r="CK23" s="196">
        <v>0</v>
      </c>
      <c r="CL23" s="195">
        <v>0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  <c r="CX23" s="190">
        <v>0</v>
      </c>
      <c r="CY23" s="191">
        <v>0</v>
      </c>
      <c r="CZ23" s="196">
        <v>0</v>
      </c>
      <c r="DA23" s="193">
        <v>0</v>
      </c>
      <c r="DB23" s="191">
        <v>0</v>
      </c>
      <c r="DC23" s="191">
        <v>0</v>
      </c>
      <c r="DD23" s="191">
        <v>0</v>
      </c>
      <c r="DE23" s="191">
        <v>0</v>
      </c>
      <c r="DF23" s="191">
        <v>0</v>
      </c>
      <c r="DG23" s="196">
        <v>0</v>
      </c>
      <c r="DH23" s="195">
        <v>0</v>
      </c>
    </row>
    <row r="24" spans="2:112" ht="21" customHeight="1" x14ac:dyDescent="0.2">
      <c r="B24" s="106" t="s">
        <v>22</v>
      </c>
      <c r="C24" s="190">
        <v>0</v>
      </c>
      <c r="D24" s="196">
        <v>0</v>
      </c>
      <c r="E24" s="207">
        <v>0</v>
      </c>
      <c r="F24" s="193">
        <v>0</v>
      </c>
      <c r="G24" s="191">
        <v>11</v>
      </c>
      <c r="H24" s="191">
        <v>23</v>
      </c>
      <c r="I24" s="191">
        <v>30</v>
      </c>
      <c r="J24" s="191">
        <v>66</v>
      </c>
      <c r="K24" s="191">
        <v>108</v>
      </c>
      <c r="L24" s="194">
        <v>238</v>
      </c>
      <c r="M24" s="195">
        <v>238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6</v>
      </c>
      <c r="V24" s="191">
        <v>29</v>
      </c>
      <c r="W24" s="196">
        <v>35</v>
      </c>
      <c r="X24" s="195">
        <v>35</v>
      </c>
      <c r="Y24" s="190">
        <v>0</v>
      </c>
      <c r="Z24" s="191">
        <v>4</v>
      </c>
      <c r="AA24" s="196">
        <v>4</v>
      </c>
      <c r="AB24" s="193">
        <v>0</v>
      </c>
      <c r="AC24" s="191">
        <v>37</v>
      </c>
      <c r="AD24" s="191">
        <v>30</v>
      </c>
      <c r="AE24" s="191">
        <v>12</v>
      </c>
      <c r="AF24" s="191">
        <v>0</v>
      </c>
      <c r="AG24" s="191">
        <v>75</v>
      </c>
      <c r="AH24" s="196">
        <v>154</v>
      </c>
      <c r="AI24" s="195">
        <v>158</v>
      </c>
      <c r="AJ24" s="190">
        <v>0</v>
      </c>
      <c r="AK24" s="191">
        <v>0</v>
      </c>
      <c r="AL24" s="196">
        <v>0</v>
      </c>
      <c r="AM24" s="193">
        <v>0</v>
      </c>
      <c r="AN24" s="191">
        <v>21</v>
      </c>
      <c r="AO24" s="191">
        <v>6</v>
      </c>
      <c r="AP24" s="191">
        <v>0</v>
      </c>
      <c r="AQ24" s="191">
        <v>12</v>
      </c>
      <c r="AR24" s="191">
        <v>0</v>
      </c>
      <c r="AS24" s="196">
        <v>39</v>
      </c>
      <c r="AT24" s="195">
        <v>39</v>
      </c>
      <c r="AU24" s="190">
        <v>0</v>
      </c>
      <c r="AV24" s="191">
        <v>0</v>
      </c>
      <c r="AW24" s="196">
        <v>0</v>
      </c>
      <c r="AX24" s="193">
        <v>0</v>
      </c>
      <c r="AY24" s="191">
        <v>20</v>
      </c>
      <c r="AZ24" s="191">
        <v>21</v>
      </c>
      <c r="BA24" s="191">
        <v>26</v>
      </c>
      <c r="BB24" s="191">
        <v>59</v>
      </c>
      <c r="BC24" s="191">
        <v>13</v>
      </c>
      <c r="BD24" s="194">
        <v>139</v>
      </c>
      <c r="BE24" s="195">
        <v>139</v>
      </c>
      <c r="BF24" s="190">
        <v>0</v>
      </c>
      <c r="BG24" s="191">
        <v>0</v>
      </c>
      <c r="BH24" s="196">
        <v>0</v>
      </c>
      <c r="BI24" s="193">
        <v>0</v>
      </c>
      <c r="BJ24" s="191">
        <v>28</v>
      </c>
      <c r="BK24" s="191">
        <v>22</v>
      </c>
      <c r="BL24" s="191">
        <v>0</v>
      </c>
      <c r="BM24" s="191">
        <v>0</v>
      </c>
      <c r="BN24" s="191">
        <v>0</v>
      </c>
      <c r="BO24" s="196">
        <v>50</v>
      </c>
      <c r="BP24" s="195">
        <v>50</v>
      </c>
      <c r="BQ24" s="190">
        <v>0</v>
      </c>
      <c r="BR24" s="191">
        <v>0</v>
      </c>
      <c r="BS24" s="196">
        <v>0</v>
      </c>
      <c r="BT24" s="193">
        <v>0</v>
      </c>
      <c r="BU24" s="191">
        <v>8</v>
      </c>
      <c r="BV24" s="191">
        <v>19</v>
      </c>
      <c r="BW24" s="191">
        <v>4</v>
      </c>
      <c r="BX24" s="191">
        <v>3</v>
      </c>
      <c r="BY24" s="191">
        <v>0</v>
      </c>
      <c r="BZ24" s="196">
        <v>34</v>
      </c>
      <c r="CA24" s="195">
        <v>34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0</v>
      </c>
      <c r="CH24" s="191">
        <v>0</v>
      </c>
      <c r="CI24" s="191">
        <v>0</v>
      </c>
      <c r="CJ24" s="191">
        <v>0</v>
      </c>
      <c r="CK24" s="196">
        <v>0</v>
      </c>
      <c r="CL24" s="195">
        <v>0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  <c r="CX24" s="190">
        <v>0</v>
      </c>
      <c r="CY24" s="191">
        <v>0</v>
      </c>
      <c r="CZ24" s="196">
        <v>0</v>
      </c>
      <c r="DA24" s="193">
        <v>0</v>
      </c>
      <c r="DB24" s="191">
        <v>0</v>
      </c>
      <c r="DC24" s="191">
        <v>0</v>
      </c>
      <c r="DD24" s="191">
        <v>0</v>
      </c>
      <c r="DE24" s="191">
        <v>0</v>
      </c>
      <c r="DF24" s="191">
        <v>0</v>
      </c>
      <c r="DG24" s="196">
        <v>0</v>
      </c>
      <c r="DH24" s="195">
        <v>0</v>
      </c>
    </row>
    <row r="25" spans="2:112" ht="21" customHeight="1" x14ac:dyDescent="0.2">
      <c r="B25" s="106" t="s">
        <v>23</v>
      </c>
      <c r="C25" s="190">
        <v>0</v>
      </c>
      <c r="D25" s="196">
        <v>0</v>
      </c>
      <c r="E25" s="207">
        <v>0</v>
      </c>
      <c r="F25" s="193">
        <v>0</v>
      </c>
      <c r="G25" s="191">
        <v>16</v>
      </c>
      <c r="H25" s="191">
        <v>26</v>
      </c>
      <c r="I25" s="191">
        <v>166</v>
      </c>
      <c r="J25" s="191">
        <v>10</v>
      </c>
      <c r="K25" s="191">
        <v>132</v>
      </c>
      <c r="L25" s="194">
        <v>350</v>
      </c>
      <c r="M25" s="195">
        <v>350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5</v>
      </c>
      <c r="U25" s="191">
        <v>9</v>
      </c>
      <c r="V25" s="191">
        <v>0</v>
      </c>
      <c r="W25" s="196">
        <v>14</v>
      </c>
      <c r="X25" s="195">
        <v>14</v>
      </c>
      <c r="Y25" s="190">
        <v>23</v>
      </c>
      <c r="Z25" s="191">
        <v>64</v>
      </c>
      <c r="AA25" s="196">
        <v>87</v>
      </c>
      <c r="AB25" s="193">
        <v>0</v>
      </c>
      <c r="AC25" s="191">
        <v>27</v>
      </c>
      <c r="AD25" s="191">
        <v>144</v>
      </c>
      <c r="AE25" s="191">
        <v>102</v>
      </c>
      <c r="AF25" s="191">
        <v>45</v>
      </c>
      <c r="AG25" s="191">
        <v>26</v>
      </c>
      <c r="AH25" s="196">
        <v>344</v>
      </c>
      <c r="AI25" s="195">
        <v>431</v>
      </c>
      <c r="AJ25" s="190">
        <v>0</v>
      </c>
      <c r="AK25" s="191">
        <v>9</v>
      </c>
      <c r="AL25" s="196">
        <v>9</v>
      </c>
      <c r="AM25" s="193">
        <v>0</v>
      </c>
      <c r="AN25" s="191">
        <v>0</v>
      </c>
      <c r="AO25" s="191">
        <v>15</v>
      </c>
      <c r="AP25" s="191">
        <v>0</v>
      </c>
      <c r="AQ25" s="191">
        <v>0</v>
      </c>
      <c r="AR25" s="191">
        <v>0</v>
      </c>
      <c r="AS25" s="196">
        <v>15</v>
      </c>
      <c r="AT25" s="195">
        <v>24</v>
      </c>
      <c r="AU25" s="190">
        <v>0</v>
      </c>
      <c r="AV25" s="191">
        <v>0</v>
      </c>
      <c r="AW25" s="196">
        <v>0</v>
      </c>
      <c r="AX25" s="193">
        <v>0</v>
      </c>
      <c r="AY25" s="191">
        <v>58</v>
      </c>
      <c r="AZ25" s="191">
        <v>116</v>
      </c>
      <c r="BA25" s="191">
        <v>64</v>
      </c>
      <c r="BB25" s="191">
        <v>12</v>
      </c>
      <c r="BC25" s="191">
        <v>17</v>
      </c>
      <c r="BD25" s="194">
        <v>267</v>
      </c>
      <c r="BE25" s="195">
        <v>267</v>
      </c>
      <c r="BF25" s="190">
        <v>0</v>
      </c>
      <c r="BG25" s="191">
        <v>0</v>
      </c>
      <c r="BH25" s="196">
        <v>0</v>
      </c>
      <c r="BI25" s="193">
        <v>0</v>
      </c>
      <c r="BJ25" s="191">
        <v>0</v>
      </c>
      <c r="BK25" s="191">
        <v>0</v>
      </c>
      <c r="BL25" s="191">
        <v>33</v>
      </c>
      <c r="BM25" s="191">
        <v>0</v>
      </c>
      <c r="BN25" s="191">
        <v>9</v>
      </c>
      <c r="BO25" s="196">
        <v>42</v>
      </c>
      <c r="BP25" s="195">
        <v>42</v>
      </c>
      <c r="BQ25" s="190">
        <v>0</v>
      </c>
      <c r="BR25" s="191">
        <v>0</v>
      </c>
      <c r="BS25" s="196">
        <v>0</v>
      </c>
      <c r="BT25" s="193">
        <v>0</v>
      </c>
      <c r="BU25" s="191">
        <v>18</v>
      </c>
      <c r="BV25" s="191">
        <v>148</v>
      </c>
      <c r="BW25" s="191">
        <v>16</v>
      </c>
      <c r="BX25" s="191">
        <v>0</v>
      </c>
      <c r="BY25" s="191">
        <v>0</v>
      </c>
      <c r="BZ25" s="196">
        <v>182</v>
      </c>
      <c r="CA25" s="195">
        <v>182</v>
      </c>
      <c r="CB25" s="190">
        <v>0</v>
      </c>
      <c r="CC25" s="191">
        <v>0</v>
      </c>
      <c r="CD25" s="196">
        <v>0</v>
      </c>
      <c r="CE25" s="193">
        <v>0</v>
      </c>
      <c r="CF25" s="191">
        <v>0</v>
      </c>
      <c r="CG25" s="191">
        <v>0</v>
      </c>
      <c r="CH25" s="191">
        <v>0</v>
      </c>
      <c r="CI25" s="191">
        <v>0</v>
      </c>
      <c r="CJ25" s="191">
        <v>4</v>
      </c>
      <c r="CK25" s="196">
        <v>4</v>
      </c>
      <c r="CL25" s="195">
        <v>4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0</v>
      </c>
      <c r="CS25" s="191">
        <v>0</v>
      </c>
      <c r="CT25" s="191">
        <v>0</v>
      </c>
      <c r="CU25" s="191">
        <v>0</v>
      </c>
      <c r="CV25" s="196">
        <v>0</v>
      </c>
      <c r="CW25" s="195">
        <v>0</v>
      </c>
      <c r="CX25" s="190">
        <v>0</v>
      </c>
      <c r="CY25" s="191">
        <v>0</v>
      </c>
      <c r="CZ25" s="196">
        <v>0</v>
      </c>
      <c r="DA25" s="193">
        <v>0</v>
      </c>
      <c r="DB25" s="191">
        <v>0</v>
      </c>
      <c r="DC25" s="191">
        <v>0</v>
      </c>
      <c r="DD25" s="191">
        <v>0</v>
      </c>
      <c r="DE25" s="191">
        <v>0</v>
      </c>
      <c r="DF25" s="191">
        <v>0</v>
      </c>
      <c r="DG25" s="196">
        <v>0</v>
      </c>
      <c r="DH25" s="195">
        <v>0</v>
      </c>
    </row>
    <row r="26" spans="2:112" ht="21" customHeight="1" x14ac:dyDescent="0.2">
      <c r="B26" s="106" t="s">
        <v>24</v>
      </c>
      <c r="C26" s="190">
        <v>0</v>
      </c>
      <c r="D26" s="196">
        <v>0</v>
      </c>
      <c r="E26" s="207">
        <v>0</v>
      </c>
      <c r="F26" s="193">
        <v>0</v>
      </c>
      <c r="G26" s="191">
        <v>149</v>
      </c>
      <c r="H26" s="191">
        <v>129</v>
      </c>
      <c r="I26" s="191">
        <v>33</v>
      </c>
      <c r="J26" s="191">
        <v>156</v>
      </c>
      <c r="K26" s="191">
        <v>194</v>
      </c>
      <c r="L26" s="194">
        <v>661</v>
      </c>
      <c r="M26" s="195">
        <v>661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3</v>
      </c>
      <c r="V26" s="191">
        <v>13</v>
      </c>
      <c r="W26" s="196">
        <v>16</v>
      </c>
      <c r="X26" s="195">
        <v>16</v>
      </c>
      <c r="Y26" s="190">
        <v>13</v>
      </c>
      <c r="Z26" s="191">
        <v>19</v>
      </c>
      <c r="AA26" s="196">
        <v>32</v>
      </c>
      <c r="AB26" s="193">
        <v>0</v>
      </c>
      <c r="AC26" s="191">
        <v>76</v>
      </c>
      <c r="AD26" s="191">
        <v>104</v>
      </c>
      <c r="AE26" s="191">
        <v>48</v>
      </c>
      <c r="AF26" s="191">
        <v>14</v>
      </c>
      <c r="AG26" s="191">
        <v>62</v>
      </c>
      <c r="AH26" s="196">
        <v>304</v>
      </c>
      <c r="AI26" s="195">
        <v>336</v>
      </c>
      <c r="AJ26" s="190">
        <v>0</v>
      </c>
      <c r="AK26" s="191">
        <v>0</v>
      </c>
      <c r="AL26" s="196">
        <v>0</v>
      </c>
      <c r="AM26" s="193">
        <v>0</v>
      </c>
      <c r="AN26" s="191">
        <v>0</v>
      </c>
      <c r="AO26" s="191">
        <v>0</v>
      </c>
      <c r="AP26" s="191">
        <v>0</v>
      </c>
      <c r="AQ26" s="191">
        <v>0</v>
      </c>
      <c r="AR26" s="191">
        <v>8</v>
      </c>
      <c r="AS26" s="196">
        <v>8</v>
      </c>
      <c r="AT26" s="195">
        <v>8</v>
      </c>
      <c r="AU26" s="190">
        <v>0</v>
      </c>
      <c r="AV26" s="191">
        <v>0</v>
      </c>
      <c r="AW26" s="196">
        <v>0</v>
      </c>
      <c r="AX26" s="193">
        <v>0</v>
      </c>
      <c r="AY26" s="191">
        <v>68</v>
      </c>
      <c r="AZ26" s="191">
        <v>63</v>
      </c>
      <c r="BA26" s="191">
        <v>21</v>
      </c>
      <c r="BB26" s="191">
        <v>4</v>
      </c>
      <c r="BC26" s="191">
        <v>0</v>
      </c>
      <c r="BD26" s="194">
        <v>156</v>
      </c>
      <c r="BE26" s="195">
        <v>156</v>
      </c>
      <c r="BF26" s="190">
        <v>0</v>
      </c>
      <c r="BG26" s="191">
        <v>0</v>
      </c>
      <c r="BH26" s="196">
        <v>0</v>
      </c>
      <c r="BI26" s="193">
        <v>0</v>
      </c>
      <c r="BJ26" s="191">
        <v>56</v>
      </c>
      <c r="BK26" s="191">
        <v>10</v>
      </c>
      <c r="BL26" s="191">
        <v>0</v>
      </c>
      <c r="BM26" s="191">
        <v>0</v>
      </c>
      <c r="BN26" s="191">
        <v>0</v>
      </c>
      <c r="BO26" s="196">
        <v>66</v>
      </c>
      <c r="BP26" s="195">
        <v>66</v>
      </c>
      <c r="BQ26" s="190">
        <v>0</v>
      </c>
      <c r="BR26" s="191">
        <v>0</v>
      </c>
      <c r="BS26" s="196">
        <v>0</v>
      </c>
      <c r="BT26" s="193">
        <v>0</v>
      </c>
      <c r="BU26" s="191">
        <v>3</v>
      </c>
      <c r="BV26" s="191">
        <v>14</v>
      </c>
      <c r="BW26" s="191">
        <v>4</v>
      </c>
      <c r="BX26" s="191">
        <v>0</v>
      </c>
      <c r="BY26" s="191">
        <v>0</v>
      </c>
      <c r="BZ26" s="196">
        <v>21</v>
      </c>
      <c r="CA26" s="195">
        <v>21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0</v>
      </c>
      <c r="CH26" s="191">
        <v>0</v>
      </c>
      <c r="CI26" s="191">
        <v>0</v>
      </c>
      <c r="CJ26" s="191">
        <v>0</v>
      </c>
      <c r="CK26" s="196">
        <v>0</v>
      </c>
      <c r="CL26" s="195">
        <v>0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  <c r="CX26" s="190">
        <v>0</v>
      </c>
      <c r="CY26" s="191">
        <v>0</v>
      </c>
      <c r="CZ26" s="196">
        <v>0</v>
      </c>
      <c r="DA26" s="193">
        <v>0</v>
      </c>
      <c r="DB26" s="191">
        <v>0</v>
      </c>
      <c r="DC26" s="191">
        <v>0</v>
      </c>
      <c r="DD26" s="191">
        <v>0</v>
      </c>
      <c r="DE26" s="191">
        <v>0</v>
      </c>
      <c r="DF26" s="191">
        <v>0</v>
      </c>
      <c r="DG26" s="196">
        <v>0</v>
      </c>
      <c r="DH26" s="195">
        <v>0</v>
      </c>
    </row>
    <row r="27" spans="2:112" ht="21" customHeight="1" x14ac:dyDescent="0.2">
      <c r="B27" s="106" t="s">
        <v>25</v>
      </c>
      <c r="C27" s="190">
        <v>0</v>
      </c>
      <c r="D27" s="196">
        <v>0</v>
      </c>
      <c r="E27" s="207">
        <v>0</v>
      </c>
      <c r="F27" s="193">
        <v>0</v>
      </c>
      <c r="G27" s="191">
        <v>53</v>
      </c>
      <c r="H27" s="191">
        <v>115</v>
      </c>
      <c r="I27" s="191">
        <v>97</v>
      </c>
      <c r="J27" s="191">
        <v>19</v>
      </c>
      <c r="K27" s="191">
        <v>93</v>
      </c>
      <c r="L27" s="194">
        <v>377</v>
      </c>
      <c r="M27" s="195">
        <v>377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9</v>
      </c>
      <c r="U27" s="191">
        <v>0</v>
      </c>
      <c r="V27" s="191">
        <v>21</v>
      </c>
      <c r="W27" s="196">
        <v>30</v>
      </c>
      <c r="X27" s="195">
        <v>30</v>
      </c>
      <c r="Y27" s="190">
        <v>20</v>
      </c>
      <c r="Z27" s="191">
        <v>49</v>
      </c>
      <c r="AA27" s="196">
        <v>69</v>
      </c>
      <c r="AB27" s="193">
        <v>0</v>
      </c>
      <c r="AC27" s="191">
        <v>3</v>
      </c>
      <c r="AD27" s="191">
        <v>23</v>
      </c>
      <c r="AE27" s="191">
        <v>8</v>
      </c>
      <c r="AF27" s="191">
        <v>14</v>
      </c>
      <c r="AG27" s="191">
        <v>57</v>
      </c>
      <c r="AH27" s="196">
        <v>105</v>
      </c>
      <c r="AI27" s="195">
        <v>174</v>
      </c>
      <c r="AJ27" s="190">
        <v>0</v>
      </c>
      <c r="AK27" s="191">
        <v>0</v>
      </c>
      <c r="AL27" s="196">
        <v>0</v>
      </c>
      <c r="AM27" s="193">
        <v>0</v>
      </c>
      <c r="AN27" s="191">
        <v>0</v>
      </c>
      <c r="AO27" s="191">
        <v>0</v>
      </c>
      <c r="AP27" s="191">
        <v>0</v>
      </c>
      <c r="AQ27" s="191">
        <v>0</v>
      </c>
      <c r="AR27" s="191">
        <v>0</v>
      </c>
      <c r="AS27" s="196">
        <v>0</v>
      </c>
      <c r="AT27" s="195">
        <v>0</v>
      </c>
      <c r="AU27" s="190">
        <v>0</v>
      </c>
      <c r="AV27" s="191">
        <v>0</v>
      </c>
      <c r="AW27" s="196">
        <v>0</v>
      </c>
      <c r="AX27" s="193">
        <v>0</v>
      </c>
      <c r="AY27" s="191">
        <v>16</v>
      </c>
      <c r="AZ27" s="191">
        <v>41</v>
      </c>
      <c r="BA27" s="191">
        <v>23</v>
      </c>
      <c r="BB27" s="191">
        <v>11</v>
      </c>
      <c r="BC27" s="191">
        <v>0</v>
      </c>
      <c r="BD27" s="194">
        <v>91</v>
      </c>
      <c r="BE27" s="195">
        <v>91</v>
      </c>
      <c r="BF27" s="190">
        <v>0</v>
      </c>
      <c r="BG27" s="191">
        <v>0</v>
      </c>
      <c r="BH27" s="196">
        <v>0</v>
      </c>
      <c r="BI27" s="193">
        <v>0</v>
      </c>
      <c r="BJ27" s="191">
        <v>17</v>
      </c>
      <c r="BK27" s="191">
        <v>57</v>
      </c>
      <c r="BL27" s="191">
        <v>12</v>
      </c>
      <c r="BM27" s="191">
        <v>0</v>
      </c>
      <c r="BN27" s="191">
        <v>0</v>
      </c>
      <c r="BO27" s="196">
        <v>86</v>
      </c>
      <c r="BP27" s="195">
        <v>86</v>
      </c>
      <c r="BQ27" s="190">
        <v>0</v>
      </c>
      <c r="BR27" s="191">
        <v>0</v>
      </c>
      <c r="BS27" s="196">
        <v>0</v>
      </c>
      <c r="BT27" s="193">
        <v>0</v>
      </c>
      <c r="BU27" s="191">
        <v>14</v>
      </c>
      <c r="BV27" s="191">
        <v>0</v>
      </c>
      <c r="BW27" s="191">
        <v>0</v>
      </c>
      <c r="BX27" s="191">
        <v>4</v>
      </c>
      <c r="BY27" s="191">
        <v>0</v>
      </c>
      <c r="BZ27" s="196">
        <v>18</v>
      </c>
      <c r="CA27" s="195">
        <v>18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3</v>
      </c>
      <c r="CH27" s="191">
        <v>0</v>
      </c>
      <c r="CI27" s="191">
        <v>0</v>
      </c>
      <c r="CJ27" s="191">
        <v>0</v>
      </c>
      <c r="CK27" s="196">
        <v>3</v>
      </c>
      <c r="CL27" s="195">
        <v>3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  <c r="CX27" s="190">
        <v>0</v>
      </c>
      <c r="CY27" s="191">
        <v>0</v>
      </c>
      <c r="CZ27" s="196">
        <v>0</v>
      </c>
      <c r="DA27" s="193">
        <v>0</v>
      </c>
      <c r="DB27" s="191">
        <v>0</v>
      </c>
      <c r="DC27" s="191">
        <v>0</v>
      </c>
      <c r="DD27" s="191">
        <v>0</v>
      </c>
      <c r="DE27" s="191">
        <v>0</v>
      </c>
      <c r="DF27" s="191">
        <v>0</v>
      </c>
      <c r="DG27" s="196">
        <v>0</v>
      </c>
      <c r="DH27" s="195">
        <v>0</v>
      </c>
    </row>
    <row r="28" spans="2:112" ht="21" customHeight="1" x14ac:dyDescent="0.2">
      <c r="B28" s="106" t="s">
        <v>26</v>
      </c>
      <c r="C28" s="190">
        <v>0</v>
      </c>
      <c r="D28" s="196">
        <v>0</v>
      </c>
      <c r="E28" s="207">
        <v>0</v>
      </c>
      <c r="F28" s="193">
        <v>0</v>
      </c>
      <c r="G28" s="191">
        <v>19</v>
      </c>
      <c r="H28" s="191">
        <v>145</v>
      </c>
      <c r="I28" s="191">
        <v>34</v>
      </c>
      <c r="J28" s="191">
        <v>82</v>
      </c>
      <c r="K28" s="191">
        <v>225</v>
      </c>
      <c r="L28" s="194">
        <v>505</v>
      </c>
      <c r="M28" s="195">
        <v>505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  <c r="Y28" s="190">
        <v>16</v>
      </c>
      <c r="Z28" s="191">
        <v>8</v>
      </c>
      <c r="AA28" s="196">
        <v>24</v>
      </c>
      <c r="AB28" s="193">
        <v>0</v>
      </c>
      <c r="AC28" s="191">
        <v>20</v>
      </c>
      <c r="AD28" s="191">
        <v>73</v>
      </c>
      <c r="AE28" s="191">
        <v>49</v>
      </c>
      <c r="AF28" s="191">
        <v>0</v>
      </c>
      <c r="AG28" s="191">
        <v>30</v>
      </c>
      <c r="AH28" s="196">
        <v>172</v>
      </c>
      <c r="AI28" s="195">
        <v>196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12</v>
      </c>
      <c r="AQ28" s="191">
        <v>0</v>
      </c>
      <c r="AR28" s="191">
        <v>0</v>
      </c>
      <c r="AS28" s="196">
        <v>12</v>
      </c>
      <c r="AT28" s="195">
        <v>12</v>
      </c>
      <c r="AU28" s="190">
        <v>0</v>
      </c>
      <c r="AV28" s="191">
        <v>0</v>
      </c>
      <c r="AW28" s="196">
        <v>0</v>
      </c>
      <c r="AX28" s="193">
        <v>0</v>
      </c>
      <c r="AY28" s="191">
        <v>59</v>
      </c>
      <c r="AZ28" s="191">
        <v>37</v>
      </c>
      <c r="BA28" s="191">
        <v>23</v>
      </c>
      <c r="BB28" s="191">
        <v>13</v>
      </c>
      <c r="BC28" s="191">
        <v>15</v>
      </c>
      <c r="BD28" s="194">
        <v>147</v>
      </c>
      <c r="BE28" s="195">
        <v>147</v>
      </c>
      <c r="BF28" s="190">
        <v>0</v>
      </c>
      <c r="BG28" s="191">
        <v>0</v>
      </c>
      <c r="BH28" s="196">
        <v>0</v>
      </c>
      <c r="BI28" s="193">
        <v>0</v>
      </c>
      <c r="BJ28" s="191">
        <v>0</v>
      </c>
      <c r="BK28" s="191">
        <v>20</v>
      </c>
      <c r="BL28" s="191">
        <v>8</v>
      </c>
      <c r="BM28" s="191">
        <v>0</v>
      </c>
      <c r="BN28" s="191">
        <v>0</v>
      </c>
      <c r="BO28" s="196">
        <v>28</v>
      </c>
      <c r="BP28" s="195">
        <v>28</v>
      </c>
      <c r="BQ28" s="190">
        <v>0</v>
      </c>
      <c r="BR28" s="191">
        <v>0</v>
      </c>
      <c r="BS28" s="196">
        <v>0</v>
      </c>
      <c r="BT28" s="193">
        <v>0</v>
      </c>
      <c r="BU28" s="191">
        <v>22</v>
      </c>
      <c r="BV28" s="191">
        <v>51</v>
      </c>
      <c r="BW28" s="191">
        <v>0</v>
      </c>
      <c r="BX28" s="191">
        <v>0</v>
      </c>
      <c r="BY28" s="191">
        <v>0</v>
      </c>
      <c r="BZ28" s="196">
        <v>73</v>
      </c>
      <c r="CA28" s="195">
        <v>73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0</v>
      </c>
      <c r="CJ28" s="191">
        <v>2</v>
      </c>
      <c r="CK28" s="196">
        <v>2</v>
      </c>
      <c r="CL28" s="195">
        <v>2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  <c r="CX28" s="190">
        <v>0</v>
      </c>
      <c r="CY28" s="191">
        <v>0</v>
      </c>
      <c r="CZ28" s="196">
        <v>0</v>
      </c>
      <c r="DA28" s="193">
        <v>0</v>
      </c>
      <c r="DB28" s="191">
        <v>0</v>
      </c>
      <c r="DC28" s="191">
        <v>0</v>
      </c>
      <c r="DD28" s="191">
        <v>0</v>
      </c>
      <c r="DE28" s="191">
        <v>0</v>
      </c>
      <c r="DF28" s="191">
        <v>0</v>
      </c>
      <c r="DG28" s="196">
        <v>0</v>
      </c>
      <c r="DH28" s="195">
        <v>0</v>
      </c>
    </row>
    <row r="29" spans="2:112" ht="21" customHeight="1" x14ac:dyDescent="0.2">
      <c r="B29" s="106" t="s">
        <v>27</v>
      </c>
      <c r="C29" s="190">
        <v>0</v>
      </c>
      <c r="D29" s="196">
        <v>0</v>
      </c>
      <c r="E29" s="207">
        <v>0</v>
      </c>
      <c r="F29" s="193">
        <v>0</v>
      </c>
      <c r="G29" s="191">
        <v>9</v>
      </c>
      <c r="H29" s="191">
        <v>94</v>
      </c>
      <c r="I29" s="191">
        <v>148</v>
      </c>
      <c r="J29" s="191">
        <v>38</v>
      </c>
      <c r="K29" s="191">
        <v>0</v>
      </c>
      <c r="L29" s="194">
        <v>289</v>
      </c>
      <c r="M29" s="195">
        <v>289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0</v>
      </c>
      <c r="U29" s="191">
        <v>5</v>
      </c>
      <c r="V29" s="191">
        <v>0</v>
      </c>
      <c r="W29" s="196">
        <v>5</v>
      </c>
      <c r="X29" s="195">
        <v>5</v>
      </c>
      <c r="Y29" s="190">
        <v>4</v>
      </c>
      <c r="Z29" s="191">
        <v>22</v>
      </c>
      <c r="AA29" s="196">
        <v>26</v>
      </c>
      <c r="AB29" s="193">
        <v>0</v>
      </c>
      <c r="AC29" s="191">
        <v>17</v>
      </c>
      <c r="AD29" s="191">
        <v>24</v>
      </c>
      <c r="AE29" s="191">
        <v>19</v>
      </c>
      <c r="AF29" s="191">
        <v>57</v>
      </c>
      <c r="AG29" s="191">
        <v>0</v>
      </c>
      <c r="AH29" s="196">
        <v>117</v>
      </c>
      <c r="AI29" s="195">
        <v>143</v>
      </c>
      <c r="AJ29" s="190">
        <v>0</v>
      </c>
      <c r="AK29" s="191">
        <v>0</v>
      </c>
      <c r="AL29" s="196">
        <v>0</v>
      </c>
      <c r="AM29" s="193">
        <v>0</v>
      </c>
      <c r="AN29" s="191">
        <v>0</v>
      </c>
      <c r="AO29" s="191">
        <v>0</v>
      </c>
      <c r="AP29" s="191">
        <v>0</v>
      </c>
      <c r="AQ29" s="191">
        <v>0</v>
      </c>
      <c r="AR29" s="191">
        <v>0</v>
      </c>
      <c r="AS29" s="196">
        <v>0</v>
      </c>
      <c r="AT29" s="195">
        <v>0</v>
      </c>
      <c r="AU29" s="190">
        <v>0</v>
      </c>
      <c r="AV29" s="191">
        <v>0</v>
      </c>
      <c r="AW29" s="196">
        <v>0</v>
      </c>
      <c r="AX29" s="193">
        <v>0</v>
      </c>
      <c r="AY29" s="191">
        <v>44</v>
      </c>
      <c r="AZ29" s="191">
        <v>6</v>
      </c>
      <c r="BA29" s="191">
        <v>20</v>
      </c>
      <c r="BB29" s="191">
        <v>25</v>
      </c>
      <c r="BC29" s="191">
        <v>0</v>
      </c>
      <c r="BD29" s="194">
        <v>95</v>
      </c>
      <c r="BE29" s="195">
        <v>95</v>
      </c>
      <c r="BF29" s="190">
        <v>0</v>
      </c>
      <c r="BG29" s="191">
        <v>0</v>
      </c>
      <c r="BH29" s="196">
        <v>0</v>
      </c>
      <c r="BI29" s="193">
        <v>0</v>
      </c>
      <c r="BJ29" s="191">
        <v>15</v>
      </c>
      <c r="BK29" s="191">
        <v>17</v>
      </c>
      <c r="BL29" s="191">
        <v>8</v>
      </c>
      <c r="BM29" s="191">
        <v>0</v>
      </c>
      <c r="BN29" s="191">
        <v>0</v>
      </c>
      <c r="BO29" s="196">
        <v>40</v>
      </c>
      <c r="BP29" s="195">
        <v>40</v>
      </c>
      <c r="BQ29" s="190">
        <v>0</v>
      </c>
      <c r="BR29" s="191">
        <v>0</v>
      </c>
      <c r="BS29" s="196">
        <v>0</v>
      </c>
      <c r="BT29" s="193">
        <v>0</v>
      </c>
      <c r="BU29" s="191">
        <v>4</v>
      </c>
      <c r="BV29" s="191">
        <v>0</v>
      </c>
      <c r="BW29" s="191">
        <v>17</v>
      </c>
      <c r="BX29" s="191">
        <v>15</v>
      </c>
      <c r="BY29" s="191">
        <v>0</v>
      </c>
      <c r="BZ29" s="196">
        <v>36</v>
      </c>
      <c r="CA29" s="195">
        <v>36</v>
      </c>
      <c r="CB29" s="190">
        <v>0</v>
      </c>
      <c r="CC29" s="191">
        <v>0</v>
      </c>
      <c r="CD29" s="196">
        <v>0</v>
      </c>
      <c r="CE29" s="193">
        <v>0</v>
      </c>
      <c r="CF29" s="191">
        <v>6</v>
      </c>
      <c r="CG29" s="191">
        <v>0</v>
      </c>
      <c r="CH29" s="191">
        <v>6</v>
      </c>
      <c r="CI29" s="191">
        <v>0</v>
      </c>
      <c r="CJ29" s="191">
        <v>0</v>
      </c>
      <c r="CK29" s="196">
        <v>12</v>
      </c>
      <c r="CL29" s="195">
        <v>12</v>
      </c>
      <c r="CM29" s="190">
        <v>0</v>
      </c>
      <c r="CN29" s="191">
        <v>0</v>
      </c>
      <c r="CO29" s="196">
        <v>0</v>
      </c>
      <c r="CP29" s="193">
        <v>0</v>
      </c>
      <c r="CQ29" s="191">
        <v>0</v>
      </c>
      <c r="CR29" s="191">
        <v>0</v>
      </c>
      <c r="CS29" s="191">
        <v>0</v>
      </c>
      <c r="CT29" s="191">
        <v>0</v>
      </c>
      <c r="CU29" s="191">
        <v>0</v>
      </c>
      <c r="CV29" s="196">
        <v>0</v>
      </c>
      <c r="CW29" s="195">
        <v>0</v>
      </c>
      <c r="CX29" s="190">
        <v>0</v>
      </c>
      <c r="CY29" s="191">
        <v>0</v>
      </c>
      <c r="CZ29" s="196">
        <v>0</v>
      </c>
      <c r="DA29" s="193">
        <v>0</v>
      </c>
      <c r="DB29" s="191">
        <v>0</v>
      </c>
      <c r="DC29" s="191">
        <v>0</v>
      </c>
      <c r="DD29" s="191">
        <v>0</v>
      </c>
      <c r="DE29" s="191">
        <v>0</v>
      </c>
      <c r="DF29" s="191">
        <v>0</v>
      </c>
      <c r="DG29" s="196">
        <v>0</v>
      </c>
      <c r="DH29" s="195">
        <v>0</v>
      </c>
    </row>
    <row r="30" spans="2:112" ht="21" customHeight="1" x14ac:dyDescent="0.2">
      <c r="B30" s="106" t="s">
        <v>28</v>
      </c>
      <c r="C30" s="190">
        <v>0</v>
      </c>
      <c r="D30" s="196">
        <v>0</v>
      </c>
      <c r="E30" s="207">
        <v>0</v>
      </c>
      <c r="F30" s="193">
        <v>0</v>
      </c>
      <c r="G30" s="191">
        <v>9</v>
      </c>
      <c r="H30" s="191">
        <v>13</v>
      </c>
      <c r="I30" s="191">
        <v>0</v>
      </c>
      <c r="J30" s="191">
        <v>34</v>
      </c>
      <c r="K30" s="191">
        <v>7</v>
      </c>
      <c r="L30" s="194">
        <v>63</v>
      </c>
      <c r="M30" s="195">
        <v>63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2</v>
      </c>
      <c r="AA30" s="196">
        <v>2</v>
      </c>
      <c r="AB30" s="193">
        <v>0</v>
      </c>
      <c r="AC30" s="191">
        <v>0</v>
      </c>
      <c r="AD30" s="191">
        <v>14</v>
      </c>
      <c r="AE30" s="191">
        <v>9</v>
      </c>
      <c r="AF30" s="191">
        <v>0</v>
      </c>
      <c r="AG30" s="191">
        <v>0</v>
      </c>
      <c r="AH30" s="196">
        <v>23</v>
      </c>
      <c r="AI30" s="195">
        <v>25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0</v>
      </c>
      <c r="AW30" s="196">
        <v>0</v>
      </c>
      <c r="AX30" s="193">
        <v>0</v>
      </c>
      <c r="AY30" s="191">
        <v>0</v>
      </c>
      <c r="AZ30" s="191">
        <v>0</v>
      </c>
      <c r="BA30" s="191">
        <v>27</v>
      </c>
      <c r="BB30" s="191">
        <v>0</v>
      </c>
      <c r="BC30" s="191">
        <v>0</v>
      </c>
      <c r="BD30" s="194">
        <v>27</v>
      </c>
      <c r="BE30" s="195">
        <v>27</v>
      </c>
      <c r="BF30" s="190">
        <v>0</v>
      </c>
      <c r="BG30" s="191">
        <v>0</v>
      </c>
      <c r="BH30" s="196">
        <v>0</v>
      </c>
      <c r="BI30" s="193">
        <v>0</v>
      </c>
      <c r="BJ30" s="191">
        <v>0</v>
      </c>
      <c r="BK30" s="191">
        <v>0</v>
      </c>
      <c r="BL30" s="191">
        <v>11</v>
      </c>
      <c r="BM30" s="191">
        <v>0</v>
      </c>
      <c r="BN30" s="191">
        <v>0</v>
      </c>
      <c r="BO30" s="196">
        <v>11</v>
      </c>
      <c r="BP30" s="195">
        <v>11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0</v>
      </c>
      <c r="BW30" s="191">
        <v>0</v>
      </c>
      <c r="BX30" s="191">
        <v>0</v>
      </c>
      <c r="BY30" s="191">
        <v>0</v>
      </c>
      <c r="BZ30" s="196">
        <v>0</v>
      </c>
      <c r="CA30" s="195">
        <v>0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0</v>
      </c>
      <c r="CI30" s="191">
        <v>0</v>
      </c>
      <c r="CJ30" s="191">
        <v>0</v>
      </c>
      <c r="CK30" s="196">
        <v>0</v>
      </c>
      <c r="CL30" s="195">
        <v>0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  <c r="CX30" s="190">
        <v>0</v>
      </c>
      <c r="CY30" s="191">
        <v>0</v>
      </c>
      <c r="CZ30" s="196">
        <v>0</v>
      </c>
      <c r="DA30" s="193">
        <v>0</v>
      </c>
      <c r="DB30" s="191">
        <v>0</v>
      </c>
      <c r="DC30" s="191">
        <v>0</v>
      </c>
      <c r="DD30" s="191">
        <v>0</v>
      </c>
      <c r="DE30" s="191">
        <v>0</v>
      </c>
      <c r="DF30" s="191">
        <v>0</v>
      </c>
      <c r="DG30" s="196">
        <v>0</v>
      </c>
      <c r="DH30" s="195">
        <v>0</v>
      </c>
    </row>
    <row r="31" spans="2:112" ht="21" customHeight="1" x14ac:dyDescent="0.2">
      <c r="B31" s="106" t="s">
        <v>29</v>
      </c>
      <c r="C31" s="190">
        <v>0</v>
      </c>
      <c r="D31" s="196">
        <v>0</v>
      </c>
      <c r="E31" s="207">
        <v>0</v>
      </c>
      <c r="F31" s="193">
        <v>0</v>
      </c>
      <c r="G31" s="191">
        <v>16</v>
      </c>
      <c r="H31" s="191">
        <v>27</v>
      </c>
      <c r="I31" s="191">
        <v>123</v>
      </c>
      <c r="J31" s="191">
        <v>35</v>
      </c>
      <c r="K31" s="191">
        <v>0</v>
      </c>
      <c r="L31" s="194">
        <v>201</v>
      </c>
      <c r="M31" s="195">
        <v>201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2</v>
      </c>
      <c r="U31" s="191">
        <v>0</v>
      </c>
      <c r="V31" s="191">
        <v>0</v>
      </c>
      <c r="W31" s="196">
        <v>2</v>
      </c>
      <c r="X31" s="195">
        <v>2</v>
      </c>
      <c r="Y31" s="190">
        <v>5</v>
      </c>
      <c r="Z31" s="191">
        <v>8</v>
      </c>
      <c r="AA31" s="196">
        <v>13</v>
      </c>
      <c r="AB31" s="193">
        <v>0</v>
      </c>
      <c r="AC31" s="191">
        <v>49</v>
      </c>
      <c r="AD31" s="191">
        <v>39</v>
      </c>
      <c r="AE31" s="191">
        <v>0</v>
      </c>
      <c r="AF31" s="191">
        <v>10</v>
      </c>
      <c r="AG31" s="191">
        <v>0</v>
      </c>
      <c r="AH31" s="196">
        <v>98</v>
      </c>
      <c r="AI31" s="195">
        <v>111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10</v>
      </c>
      <c r="AP31" s="191">
        <v>0</v>
      </c>
      <c r="AQ31" s="191">
        <v>26</v>
      </c>
      <c r="AR31" s="191">
        <v>0</v>
      </c>
      <c r="AS31" s="196">
        <v>36</v>
      </c>
      <c r="AT31" s="195">
        <v>36</v>
      </c>
      <c r="AU31" s="190">
        <v>0</v>
      </c>
      <c r="AV31" s="191">
        <v>0</v>
      </c>
      <c r="AW31" s="196">
        <v>0</v>
      </c>
      <c r="AX31" s="193">
        <v>0</v>
      </c>
      <c r="AY31" s="191">
        <v>31</v>
      </c>
      <c r="AZ31" s="191">
        <v>7</v>
      </c>
      <c r="BA31" s="191">
        <v>0</v>
      </c>
      <c r="BB31" s="191">
        <v>0</v>
      </c>
      <c r="BC31" s="191">
        <v>0</v>
      </c>
      <c r="BD31" s="194">
        <v>38</v>
      </c>
      <c r="BE31" s="195">
        <v>38</v>
      </c>
      <c r="BF31" s="190">
        <v>0</v>
      </c>
      <c r="BG31" s="191">
        <v>0</v>
      </c>
      <c r="BH31" s="196">
        <v>0</v>
      </c>
      <c r="BI31" s="193">
        <v>0</v>
      </c>
      <c r="BJ31" s="191">
        <v>8</v>
      </c>
      <c r="BK31" s="191">
        <v>0</v>
      </c>
      <c r="BL31" s="191">
        <v>0</v>
      </c>
      <c r="BM31" s="191">
        <v>0</v>
      </c>
      <c r="BN31" s="191">
        <v>0</v>
      </c>
      <c r="BO31" s="196">
        <v>8</v>
      </c>
      <c r="BP31" s="195">
        <v>8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0</v>
      </c>
      <c r="BW31" s="191">
        <v>0</v>
      </c>
      <c r="BX31" s="191">
        <v>0</v>
      </c>
      <c r="BY31" s="191">
        <v>0</v>
      </c>
      <c r="BZ31" s="196">
        <v>0</v>
      </c>
      <c r="CA31" s="195">
        <v>0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0</v>
      </c>
      <c r="CI31" s="191">
        <v>0</v>
      </c>
      <c r="CJ31" s="191">
        <v>0</v>
      </c>
      <c r="CK31" s="196">
        <v>0</v>
      </c>
      <c r="CL31" s="195">
        <v>0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  <c r="CX31" s="190">
        <v>0</v>
      </c>
      <c r="CY31" s="191">
        <v>0</v>
      </c>
      <c r="CZ31" s="196">
        <v>0</v>
      </c>
      <c r="DA31" s="193">
        <v>0</v>
      </c>
      <c r="DB31" s="191">
        <v>0</v>
      </c>
      <c r="DC31" s="191">
        <v>0</v>
      </c>
      <c r="DD31" s="191">
        <v>0</v>
      </c>
      <c r="DE31" s="191">
        <v>0</v>
      </c>
      <c r="DF31" s="191">
        <v>0</v>
      </c>
      <c r="DG31" s="196">
        <v>0</v>
      </c>
      <c r="DH31" s="195">
        <v>0</v>
      </c>
    </row>
    <row r="32" spans="2:112" ht="21" customHeight="1" x14ac:dyDescent="0.2">
      <c r="B32" s="106" t="s">
        <v>30</v>
      </c>
      <c r="C32" s="190">
        <v>0</v>
      </c>
      <c r="D32" s="196">
        <v>0</v>
      </c>
      <c r="E32" s="207">
        <v>0</v>
      </c>
      <c r="F32" s="193">
        <v>0</v>
      </c>
      <c r="G32" s="191">
        <v>13</v>
      </c>
      <c r="H32" s="191">
        <v>9</v>
      </c>
      <c r="I32" s="191">
        <v>58</v>
      </c>
      <c r="J32" s="191">
        <v>122</v>
      </c>
      <c r="K32" s="191">
        <v>20</v>
      </c>
      <c r="L32" s="194">
        <v>222</v>
      </c>
      <c r="M32" s="195">
        <v>222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5</v>
      </c>
      <c r="U32" s="191">
        <v>0</v>
      </c>
      <c r="V32" s="191">
        <v>0</v>
      </c>
      <c r="W32" s="196">
        <v>5</v>
      </c>
      <c r="X32" s="195">
        <v>5</v>
      </c>
      <c r="Y32" s="190">
        <v>0</v>
      </c>
      <c r="Z32" s="191">
        <v>0</v>
      </c>
      <c r="AA32" s="196">
        <v>0</v>
      </c>
      <c r="AB32" s="193">
        <v>0</v>
      </c>
      <c r="AC32" s="191">
        <v>25</v>
      </c>
      <c r="AD32" s="191">
        <v>12</v>
      </c>
      <c r="AE32" s="191">
        <v>4</v>
      </c>
      <c r="AF32" s="191">
        <v>0</v>
      </c>
      <c r="AG32" s="191">
        <v>4</v>
      </c>
      <c r="AH32" s="196">
        <v>45</v>
      </c>
      <c r="AI32" s="195">
        <v>45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0</v>
      </c>
      <c r="AQ32" s="191">
        <v>0</v>
      </c>
      <c r="AR32" s="191">
        <v>0</v>
      </c>
      <c r="AS32" s="196">
        <v>0</v>
      </c>
      <c r="AT32" s="195">
        <v>0</v>
      </c>
      <c r="AU32" s="190">
        <v>0</v>
      </c>
      <c r="AV32" s="191">
        <v>0</v>
      </c>
      <c r="AW32" s="196">
        <v>0</v>
      </c>
      <c r="AX32" s="193">
        <v>0</v>
      </c>
      <c r="AY32" s="191">
        <v>5</v>
      </c>
      <c r="AZ32" s="191">
        <v>7</v>
      </c>
      <c r="BA32" s="191">
        <v>4</v>
      </c>
      <c r="BB32" s="191">
        <v>0</v>
      </c>
      <c r="BC32" s="191">
        <v>0</v>
      </c>
      <c r="BD32" s="194">
        <v>16</v>
      </c>
      <c r="BE32" s="195">
        <v>16</v>
      </c>
      <c r="BF32" s="190">
        <v>0</v>
      </c>
      <c r="BG32" s="191">
        <v>0</v>
      </c>
      <c r="BH32" s="196">
        <v>0</v>
      </c>
      <c r="BI32" s="193">
        <v>0</v>
      </c>
      <c r="BJ32" s="191">
        <v>7</v>
      </c>
      <c r="BK32" s="191">
        <v>6</v>
      </c>
      <c r="BL32" s="191">
        <v>0</v>
      </c>
      <c r="BM32" s="191">
        <v>0</v>
      </c>
      <c r="BN32" s="191">
        <v>0</v>
      </c>
      <c r="BO32" s="196">
        <v>13</v>
      </c>
      <c r="BP32" s="195">
        <v>13</v>
      </c>
      <c r="BQ32" s="190">
        <v>0</v>
      </c>
      <c r="BR32" s="191">
        <v>0</v>
      </c>
      <c r="BS32" s="196">
        <v>0</v>
      </c>
      <c r="BT32" s="193">
        <v>0</v>
      </c>
      <c r="BU32" s="191">
        <v>2</v>
      </c>
      <c r="BV32" s="191">
        <v>24</v>
      </c>
      <c r="BW32" s="191">
        <v>0</v>
      </c>
      <c r="BX32" s="191">
        <v>30</v>
      </c>
      <c r="BY32" s="191">
        <v>0</v>
      </c>
      <c r="BZ32" s="196">
        <v>56</v>
      </c>
      <c r="CA32" s="195">
        <v>56</v>
      </c>
      <c r="CB32" s="190">
        <v>0</v>
      </c>
      <c r="CC32" s="191">
        <v>0</v>
      </c>
      <c r="CD32" s="196">
        <v>0</v>
      </c>
      <c r="CE32" s="193">
        <v>0</v>
      </c>
      <c r="CF32" s="191">
        <v>4</v>
      </c>
      <c r="CG32" s="191">
        <v>0</v>
      </c>
      <c r="CH32" s="191">
        <v>0</v>
      </c>
      <c r="CI32" s="191">
        <v>0</v>
      </c>
      <c r="CJ32" s="191">
        <v>0</v>
      </c>
      <c r="CK32" s="196">
        <v>4</v>
      </c>
      <c r="CL32" s="195">
        <v>4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  <c r="CX32" s="190">
        <v>0</v>
      </c>
      <c r="CY32" s="191">
        <v>0</v>
      </c>
      <c r="CZ32" s="196">
        <v>0</v>
      </c>
      <c r="DA32" s="193">
        <v>0</v>
      </c>
      <c r="DB32" s="191">
        <v>0</v>
      </c>
      <c r="DC32" s="191">
        <v>0</v>
      </c>
      <c r="DD32" s="191">
        <v>0</v>
      </c>
      <c r="DE32" s="191">
        <v>0</v>
      </c>
      <c r="DF32" s="191">
        <v>0</v>
      </c>
      <c r="DG32" s="196">
        <v>0</v>
      </c>
      <c r="DH32" s="195">
        <v>0</v>
      </c>
    </row>
    <row r="33" spans="2:112" ht="21" customHeight="1" x14ac:dyDescent="0.2">
      <c r="B33" s="106" t="s">
        <v>31</v>
      </c>
      <c r="C33" s="190">
        <v>0</v>
      </c>
      <c r="D33" s="196">
        <v>0</v>
      </c>
      <c r="E33" s="207">
        <v>0</v>
      </c>
      <c r="F33" s="193">
        <v>0</v>
      </c>
      <c r="G33" s="191">
        <v>10</v>
      </c>
      <c r="H33" s="191">
        <v>0</v>
      </c>
      <c r="I33" s="191">
        <v>0</v>
      </c>
      <c r="J33" s="191">
        <v>128</v>
      </c>
      <c r="K33" s="191">
        <v>0</v>
      </c>
      <c r="L33" s="194">
        <v>138</v>
      </c>
      <c r="M33" s="195">
        <v>138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10</v>
      </c>
      <c r="W33" s="196">
        <v>10</v>
      </c>
      <c r="X33" s="195">
        <v>10</v>
      </c>
      <c r="Y33" s="190">
        <v>0</v>
      </c>
      <c r="Z33" s="191">
        <v>6</v>
      </c>
      <c r="AA33" s="196">
        <v>6</v>
      </c>
      <c r="AB33" s="193">
        <v>0</v>
      </c>
      <c r="AC33" s="191">
        <v>9</v>
      </c>
      <c r="AD33" s="191">
        <v>16</v>
      </c>
      <c r="AE33" s="191">
        <v>40</v>
      </c>
      <c r="AF33" s="191">
        <v>0</v>
      </c>
      <c r="AG33" s="191">
        <v>26</v>
      </c>
      <c r="AH33" s="196">
        <v>91</v>
      </c>
      <c r="AI33" s="195">
        <v>97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0</v>
      </c>
      <c r="AR33" s="191">
        <v>0</v>
      </c>
      <c r="AS33" s="196">
        <v>0</v>
      </c>
      <c r="AT33" s="195">
        <v>0</v>
      </c>
      <c r="AU33" s="190">
        <v>0</v>
      </c>
      <c r="AV33" s="191">
        <v>0</v>
      </c>
      <c r="AW33" s="196">
        <v>0</v>
      </c>
      <c r="AX33" s="193">
        <v>0</v>
      </c>
      <c r="AY33" s="191">
        <v>11</v>
      </c>
      <c r="AZ33" s="191">
        <v>29</v>
      </c>
      <c r="BA33" s="191">
        <v>9</v>
      </c>
      <c r="BB33" s="191">
        <v>16</v>
      </c>
      <c r="BC33" s="191">
        <v>0</v>
      </c>
      <c r="BD33" s="194">
        <v>65</v>
      </c>
      <c r="BE33" s="195">
        <v>65</v>
      </c>
      <c r="BF33" s="190">
        <v>0</v>
      </c>
      <c r="BG33" s="191">
        <v>0</v>
      </c>
      <c r="BH33" s="196">
        <v>0</v>
      </c>
      <c r="BI33" s="193">
        <v>0</v>
      </c>
      <c r="BJ33" s="191">
        <v>0</v>
      </c>
      <c r="BK33" s="191">
        <v>5</v>
      </c>
      <c r="BL33" s="191">
        <v>9</v>
      </c>
      <c r="BM33" s="191">
        <v>0</v>
      </c>
      <c r="BN33" s="191">
        <v>0</v>
      </c>
      <c r="BO33" s="196">
        <v>14</v>
      </c>
      <c r="BP33" s="195">
        <v>14</v>
      </c>
      <c r="BQ33" s="190">
        <v>0</v>
      </c>
      <c r="BR33" s="191">
        <v>0</v>
      </c>
      <c r="BS33" s="196">
        <v>0</v>
      </c>
      <c r="BT33" s="193">
        <v>0</v>
      </c>
      <c r="BU33" s="191">
        <v>6</v>
      </c>
      <c r="BV33" s="191">
        <v>0</v>
      </c>
      <c r="BW33" s="191">
        <v>13</v>
      </c>
      <c r="BX33" s="191">
        <v>17</v>
      </c>
      <c r="BY33" s="191">
        <v>0</v>
      </c>
      <c r="BZ33" s="196">
        <v>36</v>
      </c>
      <c r="CA33" s="195">
        <v>36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11</v>
      </c>
      <c r="CI33" s="191">
        <v>0</v>
      </c>
      <c r="CJ33" s="191">
        <v>0</v>
      </c>
      <c r="CK33" s="196">
        <v>11</v>
      </c>
      <c r="CL33" s="195">
        <v>11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  <c r="CX33" s="190">
        <v>0</v>
      </c>
      <c r="CY33" s="191">
        <v>0</v>
      </c>
      <c r="CZ33" s="196">
        <v>0</v>
      </c>
      <c r="DA33" s="193">
        <v>0</v>
      </c>
      <c r="DB33" s="191">
        <v>0</v>
      </c>
      <c r="DC33" s="191">
        <v>0</v>
      </c>
      <c r="DD33" s="191">
        <v>0</v>
      </c>
      <c r="DE33" s="191">
        <v>0</v>
      </c>
      <c r="DF33" s="191">
        <v>0</v>
      </c>
      <c r="DG33" s="196">
        <v>0</v>
      </c>
      <c r="DH33" s="195">
        <v>0</v>
      </c>
    </row>
    <row r="34" spans="2:112" ht="21" customHeight="1" x14ac:dyDescent="0.2">
      <c r="B34" s="106" t="s">
        <v>32</v>
      </c>
      <c r="C34" s="190">
        <v>0</v>
      </c>
      <c r="D34" s="196">
        <v>0</v>
      </c>
      <c r="E34" s="207">
        <v>0</v>
      </c>
      <c r="F34" s="193">
        <v>0</v>
      </c>
      <c r="G34" s="191">
        <v>4</v>
      </c>
      <c r="H34" s="191">
        <v>29</v>
      </c>
      <c r="I34" s="191">
        <v>0</v>
      </c>
      <c r="J34" s="191">
        <v>0</v>
      </c>
      <c r="K34" s="191">
        <v>0</v>
      </c>
      <c r="L34" s="194">
        <v>33</v>
      </c>
      <c r="M34" s="195">
        <v>33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  <c r="Y34" s="190">
        <v>17</v>
      </c>
      <c r="Z34" s="191">
        <v>9</v>
      </c>
      <c r="AA34" s="196">
        <v>26</v>
      </c>
      <c r="AB34" s="193">
        <v>0</v>
      </c>
      <c r="AC34" s="191">
        <v>26</v>
      </c>
      <c r="AD34" s="191">
        <v>0</v>
      </c>
      <c r="AE34" s="191">
        <v>4</v>
      </c>
      <c r="AF34" s="191">
        <v>0</v>
      </c>
      <c r="AG34" s="191">
        <v>0</v>
      </c>
      <c r="AH34" s="196">
        <v>30</v>
      </c>
      <c r="AI34" s="195">
        <v>56</v>
      </c>
      <c r="AJ34" s="190">
        <v>0</v>
      </c>
      <c r="AK34" s="191">
        <v>0</v>
      </c>
      <c r="AL34" s="196">
        <v>0</v>
      </c>
      <c r="AM34" s="193">
        <v>0</v>
      </c>
      <c r="AN34" s="191">
        <v>0</v>
      </c>
      <c r="AO34" s="191">
        <v>0</v>
      </c>
      <c r="AP34" s="191">
        <v>0</v>
      </c>
      <c r="AQ34" s="191">
        <v>12</v>
      </c>
      <c r="AR34" s="191">
        <v>0</v>
      </c>
      <c r="AS34" s="196">
        <v>12</v>
      </c>
      <c r="AT34" s="195">
        <v>12</v>
      </c>
      <c r="AU34" s="190">
        <v>0</v>
      </c>
      <c r="AV34" s="191">
        <v>0</v>
      </c>
      <c r="AW34" s="196">
        <v>0</v>
      </c>
      <c r="AX34" s="193">
        <v>0</v>
      </c>
      <c r="AY34" s="191">
        <v>39</v>
      </c>
      <c r="AZ34" s="191">
        <v>23</v>
      </c>
      <c r="BA34" s="191">
        <v>0</v>
      </c>
      <c r="BB34" s="191">
        <v>4</v>
      </c>
      <c r="BC34" s="191">
        <v>0</v>
      </c>
      <c r="BD34" s="194">
        <v>66</v>
      </c>
      <c r="BE34" s="195">
        <v>66</v>
      </c>
      <c r="BF34" s="190">
        <v>0</v>
      </c>
      <c r="BG34" s="191">
        <v>0</v>
      </c>
      <c r="BH34" s="196">
        <v>0</v>
      </c>
      <c r="BI34" s="193">
        <v>0</v>
      </c>
      <c r="BJ34" s="191">
        <v>0</v>
      </c>
      <c r="BK34" s="191">
        <v>11</v>
      </c>
      <c r="BL34" s="191">
        <v>0</v>
      </c>
      <c r="BM34" s="191">
        <v>8</v>
      </c>
      <c r="BN34" s="191">
        <v>0</v>
      </c>
      <c r="BO34" s="196">
        <v>19</v>
      </c>
      <c r="BP34" s="195">
        <v>19</v>
      </c>
      <c r="BQ34" s="190">
        <v>0</v>
      </c>
      <c r="BR34" s="191">
        <v>0</v>
      </c>
      <c r="BS34" s="196">
        <v>0</v>
      </c>
      <c r="BT34" s="193">
        <v>0</v>
      </c>
      <c r="BU34" s="191">
        <v>0</v>
      </c>
      <c r="BV34" s="191">
        <v>0</v>
      </c>
      <c r="BW34" s="191">
        <v>0</v>
      </c>
      <c r="BX34" s="191">
        <v>0</v>
      </c>
      <c r="BY34" s="191">
        <v>0</v>
      </c>
      <c r="BZ34" s="196">
        <v>0</v>
      </c>
      <c r="CA34" s="195">
        <v>0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0</v>
      </c>
      <c r="CI34" s="191">
        <v>0</v>
      </c>
      <c r="CJ34" s="191">
        <v>0</v>
      </c>
      <c r="CK34" s="196">
        <v>0</v>
      </c>
      <c r="CL34" s="195">
        <v>0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  <c r="CX34" s="190">
        <v>0</v>
      </c>
      <c r="CY34" s="191">
        <v>0</v>
      </c>
      <c r="CZ34" s="196">
        <v>0</v>
      </c>
      <c r="DA34" s="193">
        <v>0</v>
      </c>
      <c r="DB34" s="191">
        <v>0</v>
      </c>
      <c r="DC34" s="191">
        <v>0</v>
      </c>
      <c r="DD34" s="191">
        <v>0</v>
      </c>
      <c r="DE34" s="191">
        <v>0</v>
      </c>
      <c r="DF34" s="191">
        <v>0</v>
      </c>
      <c r="DG34" s="196">
        <v>0</v>
      </c>
      <c r="DH34" s="195">
        <v>0</v>
      </c>
    </row>
    <row r="35" spans="2:112" ht="21" customHeight="1" x14ac:dyDescent="0.2">
      <c r="B35" s="106" t="s">
        <v>33</v>
      </c>
      <c r="C35" s="190">
        <v>0</v>
      </c>
      <c r="D35" s="196">
        <v>0</v>
      </c>
      <c r="E35" s="207">
        <v>0</v>
      </c>
      <c r="F35" s="193">
        <v>0</v>
      </c>
      <c r="G35" s="191">
        <v>72</v>
      </c>
      <c r="H35" s="191">
        <v>0</v>
      </c>
      <c r="I35" s="191">
        <v>25</v>
      </c>
      <c r="J35" s="191">
        <v>0</v>
      </c>
      <c r="K35" s="191">
        <v>0</v>
      </c>
      <c r="L35" s="194">
        <v>97</v>
      </c>
      <c r="M35" s="195">
        <v>97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2</v>
      </c>
      <c r="AA35" s="196">
        <v>2</v>
      </c>
      <c r="AB35" s="193">
        <v>0</v>
      </c>
      <c r="AC35" s="191">
        <v>24</v>
      </c>
      <c r="AD35" s="191">
        <v>4</v>
      </c>
      <c r="AE35" s="191">
        <v>21</v>
      </c>
      <c r="AF35" s="191">
        <v>0</v>
      </c>
      <c r="AG35" s="191">
        <v>0</v>
      </c>
      <c r="AH35" s="196">
        <v>49</v>
      </c>
      <c r="AI35" s="195">
        <v>51</v>
      </c>
      <c r="AJ35" s="190">
        <v>0</v>
      </c>
      <c r="AK35" s="191">
        <v>0</v>
      </c>
      <c r="AL35" s="196">
        <v>0</v>
      </c>
      <c r="AM35" s="193">
        <v>0</v>
      </c>
      <c r="AN35" s="191">
        <v>33</v>
      </c>
      <c r="AO35" s="191">
        <v>18</v>
      </c>
      <c r="AP35" s="191">
        <v>31</v>
      </c>
      <c r="AQ35" s="191">
        <v>18</v>
      </c>
      <c r="AR35" s="191">
        <v>0</v>
      </c>
      <c r="AS35" s="196">
        <v>100</v>
      </c>
      <c r="AT35" s="195">
        <v>100</v>
      </c>
      <c r="AU35" s="190">
        <v>0</v>
      </c>
      <c r="AV35" s="191">
        <v>0</v>
      </c>
      <c r="AW35" s="196">
        <v>0</v>
      </c>
      <c r="AX35" s="193">
        <v>0</v>
      </c>
      <c r="AY35" s="191">
        <v>17</v>
      </c>
      <c r="AZ35" s="191">
        <v>0</v>
      </c>
      <c r="BA35" s="191">
        <v>0</v>
      </c>
      <c r="BB35" s="191">
        <v>0</v>
      </c>
      <c r="BC35" s="191">
        <v>0</v>
      </c>
      <c r="BD35" s="194">
        <v>17</v>
      </c>
      <c r="BE35" s="195">
        <v>17</v>
      </c>
      <c r="BF35" s="190">
        <v>0</v>
      </c>
      <c r="BG35" s="191">
        <v>0</v>
      </c>
      <c r="BH35" s="196">
        <v>0</v>
      </c>
      <c r="BI35" s="193">
        <v>0</v>
      </c>
      <c r="BJ35" s="191">
        <v>9</v>
      </c>
      <c r="BK35" s="191">
        <v>0</v>
      </c>
      <c r="BL35" s="191">
        <v>0</v>
      </c>
      <c r="BM35" s="191">
        <v>0</v>
      </c>
      <c r="BN35" s="191">
        <v>0</v>
      </c>
      <c r="BO35" s="196">
        <v>9</v>
      </c>
      <c r="BP35" s="195">
        <v>9</v>
      </c>
      <c r="BQ35" s="190">
        <v>0</v>
      </c>
      <c r="BR35" s="191">
        <v>0</v>
      </c>
      <c r="BS35" s="196">
        <v>0</v>
      </c>
      <c r="BT35" s="193">
        <v>0</v>
      </c>
      <c r="BU35" s="191">
        <v>0</v>
      </c>
      <c r="BV35" s="191">
        <v>0</v>
      </c>
      <c r="BW35" s="191">
        <v>3</v>
      </c>
      <c r="BX35" s="191">
        <v>0</v>
      </c>
      <c r="BY35" s="191">
        <v>5</v>
      </c>
      <c r="BZ35" s="196">
        <v>8</v>
      </c>
      <c r="CA35" s="195">
        <v>8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  <c r="CX35" s="190">
        <v>0</v>
      </c>
      <c r="CY35" s="191">
        <v>0</v>
      </c>
      <c r="CZ35" s="196">
        <v>0</v>
      </c>
      <c r="DA35" s="193">
        <v>0</v>
      </c>
      <c r="DB35" s="191">
        <v>0</v>
      </c>
      <c r="DC35" s="191">
        <v>0</v>
      </c>
      <c r="DD35" s="191">
        <v>0</v>
      </c>
      <c r="DE35" s="191">
        <v>0</v>
      </c>
      <c r="DF35" s="191">
        <v>0</v>
      </c>
      <c r="DG35" s="196">
        <v>0</v>
      </c>
      <c r="DH35" s="195">
        <v>0</v>
      </c>
    </row>
    <row r="36" spans="2:112" ht="21" customHeight="1" x14ac:dyDescent="0.2">
      <c r="B36" s="106" t="s">
        <v>34</v>
      </c>
      <c r="C36" s="190">
        <v>0</v>
      </c>
      <c r="D36" s="196">
        <v>0</v>
      </c>
      <c r="E36" s="207">
        <v>0</v>
      </c>
      <c r="F36" s="193">
        <v>0</v>
      </c>
      <c r="G36" s="191">
        <v>7</v>
      </c>
      <c r="H36" s="191">
        <v>11</v>
      </c>
      <c r="I36" s="191">
        <v>0</v>
      </c>
      <c r="J36" s="191">
        <v>0</v>
      </c>
      <c r="K36" s="191">
        <v>0</v>
      </c>
      <c r="L36" s="194">
        <v>18</v>
      </c>
      <c r="M36" s="195">
        <v>18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7</v>
      </c>
      <c r="Z36" s="191">
        <v>0</v>
      </c>
      <c r="AA36" s="196">
        <v>7</v>
      </c>
      <c r="AB36" s="193">
        <v>0</v>
      </c>
      <c r="AC36" s="191">
        <v>13</v>
      </c>
      <c r="AD36" s="191">
        <v>3</v>
      </c>
      <c r="AE36" s="191">
        <v>0</v>
      </c>
      <c r="AF36" s="191">
        <v>0</v>
      </c>
      <c r="AG36" s="191">
        <v>0</v>
      </c>
      <c r="AH36" s="196">
        <v>16</v>
      </c>
      <c r="AI36" s="195">
        <v>23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22</v>
      </c>
      <c r="AP36" s="191">
        <v>0</v>
      </c>
      <c r="AQ36" s="191">
        <v>0</v>
      </c>
      <c r="AR36" s="191">
        <v>0</v>
      </c>
      <c r="AS36" s="196">
        <v>22</v>
      </c>
      <c r="AT36" s="195">
        <v>22</v>
      </c>
      <c r="AU36" s="190">
        <v>0</v>
      </c>
      <c r="AV36" s="191">
        <v>0</v>
      </c>
      <c r="AW36" s="196">
        <v>0</v>
      </c>
      <c r="AX36" s="193">
        <v>0</v>
      </c>
      <c r="AY36" s="191">
        <v>0</v>
      </c>
      <c r="AZ36" s="191">
        <v>13</v>
      </c>
      <c r="BA36" s="191">
        <v>23</v>
      </c>
      <c r="BB36" s="191">
        <v>13</v>
      </c>
      <c r="BC36" s="191">
        <v>0</v>
      </c>
      <c r="BD36" s="194">
        <v>49</v>
      </c>
      <c r="BE36" s="195">
        <v>49</v>
      </c>
      <c r="BF36" s="190">
        <v>0</v>
      </c>
      <c r="BG36" s="191">
        <v>0</v>
      </c>
      <c r="BH36" s="196">
        <v>0</v>
      </c>
      <c r="BI36" s="193">
        <v>0</v>
      </c>
      <c r="BJ36" s="191">
        <v>0</v>
      </c>
      <c r="BK36" s="191">
        <v>0</v>
      </c>
      <c r="BL36" s="191">
        <v>0</v>
      </c>
      <c r="BM36" s="191">
        <v>0</v>
      </c>
      <c r="BN36" s="191">
        <v>0</v>
      </c>
      <c r="BO36" s="196">
        <v>0</v>
      </c>
      <c r="BP36" s="195">
        <v>0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3</v>
      </c>
      <c r="BW36" s="191">
        <v>2</v>
      </c>
      <c r="BX36" s="191">
        <v>0</v>
      </c>
      <c r="BY36" s="191">
        <v>0</v>
      </c>
      <c r="BZ36" s="196">
        <v>5</v>
      </c>
      <c r="CA36" s="195">
        <v>5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  <c r="CX36" s="190">
        <v>0</v>
      </c>
      <c r="CY36" s="191">
        <v>0</v>
      </c>
      <c r="CZ36" s="196">
        <v>0</v>
      </c>
      <c r="DA36" s="193">
        <v>0</v>
      </c>
      <c r="DB36" s="191">
        <v>0</v>
      </c>
      <c r="DC36" s="191">
        <v>0</v>
      </c>
      <c r="DD36" s="191">
        <v>0</v>
      </c>
      <c r="DE36" s="191">
        <v>0</v>
      </c>
      <c r="DF36" s="191">
        <v>0</v>
      </c>
      <c r="DG36" s="196">
        <v>0</v>
      </c>
      <c r="DH36" s="195">
        <v>0</v>
      </c>
    </row>
    <row r="37" spans="2:112" ht="21" customHeight="1" x14ac:dyDescent="0.2">
      <c r="B37" s="106" t="s">
        <v>35</v>
      </c>
      <c r="C37" s="190">
        <v>0</v>
      </c>
      <c r="D37" s="196">
        <v>0</v>
      </c>
      <c r="E37" s="207">
        <v>0</v>
      </c>
      <c r="F37" s="193">
        <v>0</v>
      </c>
      <c r="G37" s="191">
        <v>4</v>
      </c>
      <c r="H37" s="191">
        <v>66</v>
      </c>
      <c r="I37" s="191">
        <v>13</v>
      </c>
      <c r="J37" s="191">
        <v>0</v>
      </c>
      <c r="K37" s="191">
        <v>0</v>
      </c>
      <c r="L37" s="194">
        <v>83</v>
      </c>
      <c r="M37" s="195">
        <v>83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  <c r="Y37" s="190">
        <v>0</v>
      </c>
      <c r="Z37" s="191">
        <v>13</v>
      </c>
      <c r="AA37" s="196">
        <v>13</v>
      </c>
      <c r="AB37" s="193">
        <v>0</v>
      </c>
      <c r="AC37" s="191">
        <v>15</v>
      </c>
      <c r="AD37" s="191">
        <v>25</v>
      </c>
      <c r="AE37" s="191">
        <v>31</v>
      </c>
      <c r="AF37" s="191">
        <v>0</v>
      </c>
      <c r="AG37" s="191">
        <v>4</v>
      </c>
      <c r="AH37" s="196">
        <v>75</v>
      </c>
      <c r="AI37" s="195">
        <v>88</v>
      </c>
      <c r="AJ37" s="190">
        <v>0</v>
      </c>
      <c r="AK37" s="191">
        <v>12</v>
      </c>
      <c r="AL37" s="196">
        <v>12</v>
      </c>
      <c r="AM37" s="193">
        <v>0</v>
      </c>
      <c r="AN37" s="191">
        <v>21</v>
      </c>
      <c r="AO37" s="191">
        <v>0</v>
      </c>
      <c r="AP37" s="191">
        <v>24</v>
      </c>
      <c r="AQ37" s="191">
        <v>0</v>
      </c>
      <c r="AR37" s="191">
        <v>0</v>
      </c>
      <c r="AS37" s="196">
        <v>45</v>
      </c>
      <c r="AT37" s="195">
        <v>57</v>
      </c>
      <c r="AU37" s="190">
        <v>0</v>
      </c>
      <c r="AV37" s="191">
        <v>0</v>
      </c>
      <c r="AW37" s="196">
        <v>0</v>
      </c>
      <c r="AX37" s="193">
        <v>0</v>
      </c>
      <c r="AY37" s="191">
        <v>33</v>
      </c>
      <c r="AZ37" s="191">
        <v>16</v>
      </c>
      <c r="BA37" s="191">
        <v>8</v>
      </c>
      <c r="BB37" s="191">
        <v>0</v>
      </c>
      <c r="BC37" s="191">
        <v>3</v>
      </c>
      <c r="BD37" s="194">
        <v>60</v>
      </c>
      <c r="BE37" s="195">
        <v>60</v>
      </c>
      <c r="BF37" s="190">
        <v>0</v>
      </c>
      <c r="BG37" s="191">
        <v>0</v>
      </c>
      <c r="BH37" s="196">
        <v>0</v>
      </c>
      <c r="BI37" s="193">
        <v>0</v>
      </c>
      <c r="BJ37" s="191">
        <v>12</v>
      </c>
      <c r="BK37" s="191">
        <v>25</v>
      </c>
      <c r="BL37" s="191">
        <v>19</v>
      </c>
      <c r="BM37" s="191">
        <v>0</v>
      </c>
      <c r="BN37" s="191">
        <v>0</v>
      </c>
      <c r="BO37" s="196">
        <v>56</v>
      </c>
      <c r="BP37" s="195">
        <v>56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6</v>
      </c>
      <c r="BW37" s="191">
        <v>4</v>
      </c>
      <c r="BX37" s="191">
        <v>0</v>
      </c>
      <c r="BY37" s="191">
        <v>18</v>
      </c>
      <c r="BZ37" s="196">
        <v>28</v>
      </c>
      <c r="CA37" s="195">
        <v>28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  <c r="CX37" s="190">
        <v>0</v>
      </c>
      <c r="CY37" s="191">
        <v>0</v>
      </c>
      <c r="CZ37" s="196">
        <v>0</v>
      </c>
      <c r="DA37" s="193">
        <v>0</v>
      </c>
      <c r="DB37" s="191">
        <v>0</v>
      </c>
      <c r="DC37" s="191">
        <v>0</v>
      </c>
      <c r="DD37" s="191">
        <v>0</v>
      </c>
      <c r="DE37" s="191">
        <v>0</v>
      </c>
      <c r="DF37" s="191">
        <v>0</v>
      </c>
      <c r="DG37" s="196">
        <v>0</v>
      </c>
      <c r="DH37" s="195">
        <v>0</v>
      </c>
    </row>
    <row r="38" spans="2:112" ht="21" customHeight="1" x14ac:dyDescent="0.2">
      <c r="B38" s="106" t="s">
        <v>36</v>
      </c>
      <c r="C38" s="190">
        <v>0</v>
      </c>
      <c r="D38" s="196">
        <v>0</v>
      </c>
      <c r="E38" s="207">
        <v>0</v>
      </c>
      <c r="F38" s="193">
        <v>0</v>
      </c>
      <c r="G38" s="191">
        <v>39</v>
      </c>
      <c r="H38" s="191">
        <v>136</v>
      </c>
      <c r="I38" s="191">
        <v>0</v>
      </c>
      <c r="J38" s="191">
        <v>8</v>
      </c>
      <c r="K38" s="191">
        <v>0</v>
      </c>
      <c r="L38" s="194">
        <v>183</v>
      </c>
      <c r="M38" s="195">
        <v>183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2</v>
      </c>
      <c r="U38" s="191">
        <v>1</v>
      </c>
      <c r="V38" s="191">
        <v>0</v>
      </c>
      <c r="W38" s="196">
        <v>3</v>
      </c>
      <c r="X38" s="195">
        <v>3</v>
      </c>
      <c r="Y38" s="190">
        <v>0</v>
      </c>
      <c r="Z38" s="191">
        <v>2</v>
      </c>
      <c r="AA38" s="196">
        <v>2</v>
      </c>
      <c r="AB38" s="193">
        <v>0</v>
      </c>
      <c r="AC38" s="191">
        <v>13</v>
      </c>
      <c r="AD38" s="191">
        <v>16</v>
      </c>
      <c r="AE38" s="191">
        <v>0</v>
      </c>
      <c r="AF38" s="191">
        <v>5</v>
      </c>
      <c r="AG38" s="191">
        <v>0</v>
      </c>
      <c r="AH38" s="196">
        <v>34</v>
      </c>
      <c r="AI38" s="195">
        <v>36</v>
      </c>
      <c r="AJ38" s="190">
        <v>0</v>
      </c>
      <c r="AK38" s="191">
        <v>0</v>
      </c>
      <c r="AL38" s="196">
        <v>0</v>
      </c>
      <c r="AM38" s="193">
        <v>0</v>
      </c>
      <c r="AN38" s="191">
        <v>16</v>
      </c>
      <c r="AO38" s="191">
        <v>0</v>
      </c>
      <c r="AP38" s="191">
        <v>0</v>
      </c>
      <c r="AQ38" s="191">
        <v>0</v>
      </c>
      <c r="AR38" s="191">
        <v>0</v>
      </c>
      <c r="AS38" s="196">
        <v>16</v>
      </c>
      <c r="AT38" s="195">
        <v>16</v>
      </c>
      <c r="AU38" s="190">
        <v>0</v>
      </c>
      <c r="AV38" s="191">
        <v>0</v>
      </c>
      <c r="AW38" s="196">
        <v>0</v>
      </c>
      <c r="AX38" s="193">
        <v>0</v>
      </c>
      <c r="AY38" s="191">
        <v>25</v>
      </c>
      <c r="AZ38" s="191">
        <v>34</v>
      </c>
      <c r="BA38" s="191">
        <v>0</v>
      </c>
      <c r="BB38" s="191">
        <v>22</v>
      </c>
      <c r="BC38" s="191">
        <v>0</v>
      </c>
      <c r="BD38" s="194">
        <v>81</v>
      </c>
      <c r="BE38" s="195">
        <v>81</v>
      </c>
      <c r="BF38" s="190">
        <v>0</v>
      </c>
      <c r="BG38" s="191">
        <v>0</v>
      </c>
      <c r="BH38" s="196">
        <v>0</v>
      </c>
      <c r="BI38" s="193">
        <v>0</v>
      </c>
      <c r="BJ38" s="191">
        <v>0</v>
      </c>
      <c r="BK38" s="191">
        <v>0</v>
      </c>
      <c r="BL38" s="191">
        <v>4</v>
      </c>
      <c r="BM38" s="191">
        <v>0</v>
      </c>
      <c r="BN38" s="191">
        <v>0</v>
      </c>
      <c r="BO38" s="196">
        <v>4</v>
      </c>
      <c r="BP38" s="195">
        <v>4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16</v>
      </c>
      <c r="BW38" s="191">
        <v>0</v>
      </c>
      <c r="BX38" s="191">
        <v>11</v>
      </c>
      <c r="BY38" s="191">
        <v>0</v>
      </c>
      <c r="BZ38" s="196">
        <v>27</v>
      </c>
      <c r="CA38" s="195">
        <v>27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  <c r="CX38" s="190">
        <v>0</v>
      </c>
      <c r="CY38" s="191">
        <v>0</v>
      </c>
      <c r="CZ38" s="196">
        <v>0</v>
      </c>
      <c r="DA38" s="193">
        <v>0</v>
      </c>
      <c r="DB38" s="191">
        <v>0</v>
      </c>
      <c r="DC38" s="191">
        <v>0</v>
      </c>
      <c r="DD38" s="191">
        <v>0</v>
      </c>
      <c r="DE38" s="191">
        <v>0</v>
      </c>
      <c r="DF38" s="191">
        <v>0</v>
      </c>
      <c r="DG38" s="196">
        <v>0</v>
      </c>
      <c r="DH38" s="195">
        <v>0</v>
      </c>
    </row>
    <row r="39" spans="2:112" ht="21" customHeight="1" thickBot="1" x14ac:dyDescent="0.25">
      <c r="B39" s="108" t="s">
        <v>37</v>
      </c>
      <c r="C39" s="197">
        <v>0</v>
      </c>
      <c r="D39" s="203">
        <v>0</v>
      </c>
      <c r="E39" s="208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21</v>
      </c>
      <c r="AE39" s="198">
        <v>0</v>
      </c>
      <c r="AF39" s="198">
        <v>0</v>
      </c>
      <c r="AG39" s="198">
        <v>0</v>
      </c>
      <c r="AH39" s="203">
        <v>21</v>
      </c>
      <c r="AI39" s="202">
        <v>21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3</v>
      </c>
      <c r="BA39" s="198">
        <v>0</v>
      </c>
      <c r="BB39" s="198">
        <v>0</v>
      </c>
      <c r="BC39" s="198">
        <v>0</v>
      </c>
      <c r="BD39" s="201">
        <v>3</v>
      </c>
      <c r="BE39" s="202">
        <v>3</v>
      </c>
      <c r="BF39" s="197">
        <v>0</v>
      </c>
      <c r="BG39" s="198">
        <v>0</v>
      </c>
      <c r="BH39" s="203">
        <v>0</v>
      </c>
      <c r="BI39" s="200">
        <v>0</v>
      </c>
      <c r="BJ39" s="198">
        <v>0</v>
      </c>
      <c r="BK39" s="198">
        <v>0</v>
      </c>
      <c r="BL39" s="198">
        <v>0</v>
      </c>
      <c r="BM39" s="198">
        <v>0</v>
      </c>
      <c r="BN39" s="198">
        <v>0</v>
      </c>
      <c r="BO39" s="203">
        <v>0</v>
      </c>
      <c r="BP39" s="202">
        <v>0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  <c r="CX39" s="197">
        <v>0</v>
      </c>
      <c r="CY39" s="198">
        <v>0</v>
      </c>
      <c r="CZ39" s="203">
        <v>0</v>
      </c>
      <c r="DA39" s="200">
        <v>0</v>
      </c>
      <c r="DB39" s="198">
        <v>0</v>
      </c>
      <c r="DC39" s="198">
        <v>0</v>
      </c>
      <c r="DD39" s="198">
        <v>0</v>
      </c>
      <c r="DE39" s="198">
        <v>0</v>
      </c>
      <c r="DF39" s="198">
        <v>0</v>
      </c>
      <c r="DG39" s="203">
        <v>0</v>
      </c>
      <c r="DH39" s="202">
        <v>0</v>
      </c>
    </row>
    <row r="40" spans="2:112" ht="27" customHeight="1" x14ac:dyDescent="0.2"/>
  </sheetData>
  <mergeCells count="43">
    <mergeCell ref="CX3:DH3"/>
    <mergeCell ref="CX4:CZ4"/>
    <mergeCell ref="DA4:DG4"/>
    <mergeCell ref="DH4:DH5"/>
    <mergeCell ref="CB3:CL3"/>
    <mergeCell ref="CM3:CW3"/>
    <mergeCell ref="CB4:CD4"/>
    <mergeCell ref="CE4:CK4"/>
    <mergeCell ref="CL4:CL5"/>
    <mergeCell ref="CM4:CO4"/>
    <mergeCell ref="CP4:CV4"/>
    <mergeCell ref="CW4:CW5"/>
    <mergeCell ref="J1:K1"/>
    <mergeCell ref="M1:N1"/>
    <mergeCell ref="B3:B5"/>
    <mergeCell ref="C3:M3"/>
    <mergeCell ref="N3:X3"/>
    <mergeCell ref="Y3:AI3"/>
    <mergeCell ref="C4:E4"/>
    <mergeCell ref="F4:L4"/>
    <mergeCell ref="M4:M5"/>
    <mergeCell ref="N4:P4"/>
    <mergeCell ref="Q4:W4"/>
    <mergeCell ref="X4:X5"/>
    <mergeCell ref="Y4:AA4"/>
    <mergeCell ref="AB4:AH4"/>
    <mergeCell ref="AI4:AI5"/>
    <mergeCell ref="AJ4:AL4"/>
    <mergeCell ref="AJ3:AT3"/>
    <mergeCell ref="AU3:BE3"/>
    <mergeCell ref="BF3:BP3"/>
    <mergeCell ref="BQ3:CA3"/>
    <mergeCell ref="AM4:AS4"/>
    <mergeCell ref="AT4:AT5"/>
    <mergeCell ref="AU4:AW4"/>
    <mergeCell ref="AX4:BD4"/>
    <mergeCell ref="BE4:BE5"/>
    <mergeCell ref="BF4:BH4"/>
    <mergeCell ref="BI4:BO4"/>
    <mergeCell ref="BP4:BP5"/>
    <mergeCell ref="BQ4:BS4"/>
    <mergeCell ref="BT4:BZ4"/>
    <mergeCell ref="CA4:CA5"/>
  </mergeCells>
  <phoneticPr fontId="4"/>
  <pageMargins left="0.70866141732283472" right="0.70866141732283472" top="0.47244094488188981" bottom="0.59055118110236227" header="0.27559055118110237" footer="0.31496062992125984"/>
  <pageSetup paperSize="9" scale="60" orientation="landscape" r:id="rId1"/>
  <headerFooter>
    <oddFooter>&amp;L&amp;20&amp;A&amp;C&amp;P/&amp;N</oddFooter>
  </headerFooter>
  <colBreaks count="4" manualBreakCount="4">
    <brk id="24" max="39" man="1"/>
    <brk id="46" max="39" man="1"/>
    <brk id="68" max="1048575" man="1"/>
    <brk id="90" max="1048575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  <pageSetUpPr fitToPage="1"/>
  </sheetPr>
  <dimension ref="B1:AI39"/>
  <sheetViews>
    <sheetView zoomScaleNormal="100" zoomScaleSheetLayoutView="75" workbookViewId="0">
      <pane xSplit="2" ySplit="5" topLeftCell="C6" activePane="bottomRight" state="frozen"/>
      <selection activeCell="F37" sqref="F37"/>
      <selection pane="topRight" activeCell="F37" sqref="F37"/>
      <selection pane="bottomLeft" activeCell="F37" sqref="F37"/>
      <selection pane="bottomRight" activeCell="C5" sqref="C5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5" width="7.77734375" style="70" customWidth="1"/>
    <col min="6" max="6" width="9.109375" style="70" customWidth="1"/>
    <col min="7" max="7" width="9.44140625" style="70" customWidth="1"/>
    <col min="8" max="26" width="7.77734375" style="70" customWidth="1"/>
    <col min="27" max="35" width="7.77734375" style="71" customWidth="1"/>
    <col min="36" max="16384" width="9" style="71"/>
  </cols>
  <sheetData>
    <row r="1" spans="2:35" ht="24" customHeight="1" x14ac:dyDescent="0.2">
      <c r="B1" s="10" t="s">
        <v>125</v>
      </c>
      <c r="F1" s="12"/>
      <c r="H1" s="442">
        <f>第１表!F2</f>
        <v>7</v>
      </c>
      <c r="I1" s="442"/>
      <c r="J1" s="418">
        <f>第１表!G2</f>
        <v>2</v>
      </c>
      <c r="K1" s="447">
        <f>IF(J1&lt;3,J1-2+12,J1-2)</f>
        <v>12</v>
      </c>
      <c r="L1" s="447"/>
    </row>
    <row r="2" spans="2:35" ht="24" customHeight="1" thickBot="1" x14ac:dyDescent="0.25">
      <c r="J2" s="209"/>
      <c r="K2" s="209"/>
      <c r="L2" s="209"/>
      <c r="M2" s="209"/>
      <c r="N2" s="209"/>
      <c r="O2" s="209"/>
      <c r="P2" s="210"/>
      <c r="Q2" s="210"/>
      <c r="R2" s="210"/>
    </row>
    <row r="3" spans="2:35" ht="21" customHeight="1" thickBot="1" x14ac:dyDescent="0.25">
      <c r="B3" s="119"/>
      <c r="C3" s="444" t="s">
        <v>53</v>
      </c>
      <c r="D3" s="445"/>
      <c r="E3" s="445"/>
      <c r="F3" s="445"/>
      <c r="G3" s="445"/>
      <c r="H3" s="445"/>
      <c r="I3" s="445"/>
      <c r="J3" s="445"/>
      <c r="K3" s="445"/>
      <c r="L3" s="445"/>
      <c r="M3" s="446"/>
      <c r="N3" s="444" t="s">
        <v>54</v>
      </c>
      <c r="O3" s="445"/>
      <c r="P3" s="445"/>
      <c r="Q3" s="445"/>
      <c r="R3" s="445"/>
      <c r="S3" s="445"/>
      <c r="T3" s="445"/>
      <c r="U3" s="445"/>
      <c r="V3" s="445"/>
      <c r="W3" s="445"/>
      <c r="X3" s="446"/>
      <c r="Y3" s="444" t="s">
        <v>55</v>
      </c>
      <c r="Z3" s="445"/>
      <c r="AA3" s="445"/>
      <c r="AB3" s="445"/>
      <c r="AC3" s="445"/>
      <c r="AD3" s="445"/>
      <c r="AE3" s="445"/>
      <c r="AF3" s="445"/>
      <c r="AG3" s="445"/>
      <c r="AH3" s="445"/>
      <c r="AI3" s="446"/>
    </row>
    <row r="4" spans="2:35" ht="30" customHeight="1" thickBot="1" x14ac:dyDescent="0.25">
      <c r="B4" s="119" t="s">
        <v>42</v>
      </c>
      <c r="C4" s="120" t="s">
        <v>43</v>
      </c>
      <c r="D4" s="121" t="s">
        <v>44</v>
      </c>
      <c r="E4" s="122" t="s">
        <v>45</v>
      </c>
      <c r="F4" s="123" t="s">
        <v>46</v>
      </c>
      <c r="G4" s="121" t="s">
        <v>47</v>
      </c>
      <c r="H4" s="121" t="s">
        <v>48</v>
      </c>
      <c r="I4" s="121" t="s">
        <v>49</v>
      </c>
      <c r="J4" s="121" t="s">
        <v>50</v>
      </c>
      <c r="K4" s="121" t="s">
        <v>51</v>
      </c>
      <c r="L4" s="122" t="s">
        <v>45</v>
      </c>
      <c r="M4" s="69" t="s">
        <v>52</v>
      </c>
      <c r="N4" s="120" t="s">
        <v>43</v>
      </c>
      <c r="O4" s="121" t="s">
        <v>44</v>
      </c>
      <c r="P4" s="122" t="s">
        <v>45</v>
      </c>
      <c r="Q4" s="123" t="s">
        <v>46</v>
      </c>
      <c r="R4" s="121" t="s">
        <v>47</v>
      </c>
      <c r="S4" s="121" t="s">
        <v>48</v>
      </c>
      <c r="T4" s="121" t="s">
        <v>49</v>
      </c>
      <c r="U4" s="121" t="s">
        <v>50</v>
      </c>
      <c r="V4" s="121" t="s">
        <v>51</v>
      </c>
      <c r="W4" s="122" t="s">
        <v>45</v>
      </c>
      <c r="X4" s="69" t="s">
        <v>52</v>
      </c>
      <c r="Y4" s="120" t="s">
        <v>43</v>
      </c>
      <c r="Z4" s="121" t="s">
        <v>44</v>
      </c>
      <c r="AA4" s="122" t="s">
        <v>45</v>
      </c>
      <c r="AB4" s="123" t="s">
        <v>46</v>
      </c>
      <c r="AC4" s="121" t="s">
        <v>47</v>
      </c>
      <c r="AD4" s="121" t="s">
        <v>48</v>
      </c>
      <c r="AE4" s="121" t="s">
        <v>49</v>
      </c>
      <c r="AF4" s="121" t="s">
        <v>50</v>
      </c>
      <c r="AG4" s="121" t="s">
        <v>51</v>
      </c>
      <c r="AH4" s="122" t="s">
        <v>45</v>
      </c>
      <c r="AI4" s="69" t="s">
        <v>52</v>
      </c>
    </row>
    <row r="5" spans="2:35" ht="21" customHeight="1" x14ac:dyDescent="0.2">
      <c r="B5" s="84" t="s">
        <v>4</v>
      </c>
      <c r="C5" s="211">
        <v>179</v>
      </c>
      <c r="D5" s="212">
        <v>306</v>
      </c>
      <c r="E5" s="213">
        <v>485</v>
      </c>
      <c r="F5" s="214">
        <v>0</v>
      </c>
      <c r="G5" s="212">
        <v>20317</v>
      </c>
      <c r="H5" s="212">
        <v>20708</v>
      </c>
      <c r="I5" s="212">
        <v>13211</v>
      </c>
      <c r="J5" s="212">
        <v>8202</v>
      </c>
      <c r="K5" s="212">
        <v>5122</v>
      </c>
      <c r="L5" s="213">
        <v>67560</v>
      </c>
      <c r="M5" s="215">
        <v>68045</v>
      </c>
      <c r="N5" s="216">
        <v>3</v>
      </c>
      <c r="O5" s="212">
        <v>3</v>
      </c>
      <c r="P5" s="213">
        <v>6</v>
      </c>
      <c r="Q5" s="214">
        <v>0</v>
      </c>
      <c r="R5" s="212">
        <v>204</v>
      </c>
      <c r="S5" s="212">
        <v>390</v>
      </c>
      <c r="T5" s="212">
        <v>232</v>
      </c>
      <c r="U5" s="212">
        <v>176</v>
      </c>
      <c r="V5" s="212">
        <v>159</v>
      </c>
      <c r="W5" s="213">
        <v>1161</v>
      </c>
      <c r="X5" s="215">
        <v>1167</v>
      </c>
      <c r="Y5" s="216">
        <v>182</v>
      </c>
      <c r="Z5" s="212">
        <v>309</v>
      </c>
      <c r="AA5" s="213">
        <v>491</v>
      </c>
      <c r="AB5" s="214">
        <v>0</v>
      </c>
      <c r="AC5" s="212">
        <v>20521</v>
      </c>
      <c r="AD5" s="212">
        <v>21098</v>
      </c>
      <c r="AE5" s="212">
        <v>13443</v>
      </c>
      <c r="AF5" s="212">
        <v>8378</v>
      </c>
      <c r="AG5" s="212">
        <v>5281</v>
      </c>
      <c r="AH5" s="213">
        <v>68721</v>
      </c>
      <c r="AI5" s="215">
        <v>69212</v>
      </c>
    </row>
    <row r="6" spans="2:35" ht="21" customHeight="1" x14ac:dyDescent="0.2">
      <c r="B6" s="95" t="s">
        <v>5</v>
      </c>
      <c r="C6" s="217">
        <v>62</v>
      </c>
      <c r="D6" s="218">
        <v>133</v>
      </c>
      <c r="E6" s="219">
        <v>195</v>
      </c>
      <c r="F6" s="220">
        <v>0</v>
      </c>
      <c r="G6" s="218">
        <v>7617</v>
      </c>
      <c r="H6" s="218">
        <v>9775</v>
      </c>
      <c r="I6" s="218">
        <v>5877</v>
      </c>
      <c r="J6" s="218">
        <v>3635</v>
      </c>
      <c r="K6" s="218">
        <v>2350</v>
      </c>
      <c r="L6" s="219">
        <v>29254</v>
      </c>
      <c r="M6" s="221">
        <v>29449</v>
      </c>
      <c r="N6" s="222">
        <v>2</v>
      </c>
      <c r="O6" s="218">
        <v>2</v>
      </c>
      <c r="P6" s="219">
        <v>4</v>
      </c>
      <c r="Q6" s="220">
        <v>0</v>
      </c>
      <c r="R6" s="218">
        <v>63</v>
      </c>
      <c r="S6" s="218">
        <v>198</v>
      </c>
      <c r="T6" s="218">
        <v>110</v>
      </c>
      <c r="U6" s="218">
        <v>87</v>
      </c>
      <c r="V6" s="218">
        <v>81</v>
      </c>
      <c r="W6" s="219">
        <v>539</v>
      </c>
      <c r="X6" s="221">
        <v>543</v>
      </c>
      <c r="Y6" s="222">
        <v>64</v>
      </c>
      <c r="Z6" s="218">
        <v>135</v>
      </c>
      <c r="AA6" s="219">
        <v>199</v>
      </c>
      <c r="AB6" s="220">
        <v>0</v>
      </c>
      <c r="AC6" s="218">
        <v>7680</v>
      </c>
      <c r="AD6" s="218">
        <v>9973</v>
      </c>
      <c r="AE6" s="218">
        <v>5987</v>
      </c>
      <c r="AF6" s="218">
        <v>3722</v>
      </c>
      <c r="AG6" s="218">
        <v>2431</v>
      </c>
      <c r="AH6" s="219">
        <v>29793</v>
      </c>
      <c r="AI6" s="221">
        <v>29992</v>
      </c>
    </row>
    <row r="7" spans="2:35" ht="21" customHeight="1" x14ac:dyDescent="0.2">
      <c r="B7" s="106" t="s">
        <v>6</v>
      </c>
      <c r="C7" s="217">
        <v>22</v>
      </c>
      <c r="D7" s="218">
        <v>43</v>
      </c>
      <c r="E7" s="219">
        <v>65</v>
      </c>
      <c r="F7" s="220">
        <v>0</v>
      </c>
      <c r="G7" s="218">
        <v>3017</v>
      </c>
      <c r="H7" s="218">
        <v>2698</v>
      </c>
      <c r="I7" s="218">
        <v>1906</v>
      </c>
      <c r="J7" s="218">
        <v>1262</v>
      </c>
      <c r="K7" s="218">
        <v>900</v>
      </c>
      <c r="L7" s="219">
        <v>9783</v>
      </c>
      <c r="M7" s="221">
        <v>9848</v>
      </c>
      <c r="N7" s="222">
        <v>0</v>
      </c>
      <c r="O7" s="218">
        <v>0</v>
      </c>
      <c r="P7" s="219">
        <v>0</v>
      </c>
      <c r="Q7" s="220">
        <v>0</v>
      </c>
      <c r="R7" s="218">
        <v>28</v>
      </c>
      <c r="S7" s="218">
        <v>28</v>
      </c>
      <c r="T7" s="218">
        <v>26</v>
      </c>
      <c r="U7" s="218">
        <v>29</v>
      </c>
      <c r="V7" s="218">
        <v>30</v>
      </c>
      <c r="W7" s="219">
        <v>141</v>
      </c>
      <c r="X7" s="221">
        <v>141</v>
      </c>
      <c r="Y7" s="222">
        <v>22</v>
      </c>
      <c r="Z7" s="218">
        <v>43</v>
      </c>
      <c r="AA7" s="219">
        <v>65</v>
      </c>
      <c r="AB7" s="220">
        <v>0</v>
      </c>
      <c r="AC7" s="218">
        <v>3045</v>
      </c>
      <c r="AD7" s="218">
        <v>2726</v>
      </c>
      <c r="AE7" s="218">
        <v>1932</v>
      </c>
      <c r="AF7" s="218">
        <v>1291</v>
      </c>
      <c r="AG7" s="218">
        <v>930</v>
      </c>
      <c r="AH7" s="219">
        <v>9924</v>
      </c>
      <c r="AI7" s="221">
        <v>9989</v>
      </c>
    </row>
    <row r="8" spans="2:35" ht="21" customHeight="1" x14ac:dyDescent="0.2">
      <c r="B8" s="106" t="s">
        <v>14</v>
      </c>
      <c r="C8" s="217">
        <v>21</v>
      </c>
      <c r="D8" s="218">
        <v>24</v>
      </c>
      <c r="E8" s="219">
        <v>45</v>
      </c>
      <c r="F8" s="220">
        <v>0</v>
      </c>
      <c r="G8" s="218">
        <v>1611</v>
      </c>
      <c r="H8" s="218">
        <v>1822</v>
      </c>
      <c r="I8" s="218">
        <v>1263</v>
      </c>
      <c r="J8" s="218">
        <v>693</v>
      </c>
      <c r="K8" s="218">
        <v>369</v>
      </c>
      <c r="L8" s="219">
        <v>5758</v>
      </c>
      <c r="M8" s="221">
        <v>5803</v>
      </c>
      <c r="N8" s="222">
        <v>1</v>
      </c>
      <c r="O8" s="218">
        <v>0</v>
      </c>
      <c r="P8" s="219">
        <v>1</v>
      </c>
      <c r="Q8" s="220">
        <v>0</v>
      </c>
      <c r="R8" s="218">
        <v>14</v>
      </c>
      <c r="S8" s="218">
        <v>42</v>
      </c>
      <c r="T8" s="218">
        <v>18</v>
      </c>
      <c r="U8" s="218">
        <v>10</v>
      </c>
      <c r="V8" s="218">
        <v>11</v>
      </c>
      <c r="W8" s="219">
        <v>95</v>
      </c>
      <c r="X8" s="221">
        <v>96</v>
      </c>
      <c r="Y8" s="222">
        <v>22</v>
      </c>
      <c r="Z8" s="218">
        <v>24</v>
      </c>
      <c r="AA8" s="219">
        <v>46</v>
      </c>
      <c r="AB8" s="220">
        <v>0</v>
      </c>
      <c r="AC8" s="218">
        <v>1625</v>
      </c>
      <c r="AD8" s="218">
        <v>1864</v>
      </c>
      <c r="AE8" s="218">
        <v>1281</v>
      </c>
      <c r="AF8" s="218">
        <v>703</v>
      </c>
      <c r="AG8" s="218">
        <v>380</v>
      </c>
      <c r="AH8" s="219">
        <v>5853</v>
      </c>
      <c r="AI8" s="221">
        <v>5899</v>
      </c>
    </row>
    <row r="9" spans="2:35" ht="21" customHeight="1" x14ac:dyDescent="0.2">
      <c r="B9" s="106" t="s">
        <v>7</v>
      </c>
      <c r="C9" s="217">
        <v>3</v>
      </c>
      <c r="D9" s="218">
        <v>6</v>
      </c>
      <c r="E9" s="219">
        <v>9</v>
      </c>
      <c r="F9" s="220">
        <v>0</v>
      </c>
      <c r="G9" s="218">
        <v>1519</v>
      </c>
      <c r="H9" s="218">
        <v>1032</v>
      </c>
      <c r="I9" s="218">
        <v>570</v>
      </c>
      <c r="J9" s="218">
        <v>322</v>
      </c>
      <c r="K9" s="218">
        <v>162</v>
      </c>
      <c r="L9" s="219">
        <v>3605</v>
      </c>
      <c r="M9" s="221">
        <v>3614</v>
      </c>
      <c r="N9" s="222">
        <v>0</v>
      </c>
      <c r="O9" s="218">
        <v>0</v>
      </c>
      <c r="P9" s="219">
        <v>0</v>
      </c>
      <c r="Q9" s="220">
        <v>0</v>
      </c>
      <c r="R9" s="218">
        <v>25</v>
      </c>
      <c r="S9" s="218">
        <v>15</v>
      </c>
      <c r="T9" s="218">
        <v>7</v>
      </c>
      <c r="U9" s="218">
        <v>3</v>
      </c>
      <c r="V9" s="218">
        <v>4</v>
      </c>
      <c r="W9" s="219">
        <v>54</v>
      </c>
      <c r="X9" s="221">
        <v>54</v>
      </c>
      <c r="Y9" s="222">
        <v>3</v>
      </c>
      <c r="Z9" s="218">
        <v>6</v>
      </c>
      <c r="AA9" s="219">
        <v>9</v>
      </c>
      <c r="AB9" s="220">
        <v>0</v>
      </c>
      <c r="AC9" s="218">
        <v>1544</v>
      </c>
      <c r="AD9" s="218">
        <v>1047</v>
      </c>
      <c r="AE9" s="218">
        <v>577</v>
      </c>
      <c r="AF9" s="218">
        <v>325</v>
      </c>
      <c r="AG9" s="218">
        <v>166</v>
      </c>
      <c r="AH9" s="219">
        <v>3659</v>
      </c>
      <c r="AI9" s="221">
        <v>3668</v>
      </c>
    </row>
    <row r="10" spans="2:35" ht="21" customHeight="1" x14ac:dyDescent="0.2">
      <c r="B10" s="106" t="s">
        <v>8</v>
      </c>
      <c r="C10" s="217">
        <v>11</v>
      </c>
      <c r="D10" s="218">
        <v>14</v>
      </c>
      <c r="E10" s="219">
        <v>25</v>
      </c>
      <c r="F10" s="220">
        <v>0</v>
      </c>
      <c r="G10" s="218">
        <v>783</v>
      </c>
      <c r="H10" s="218">
        <v>674</v>
      </c>
      <c r="I10" s="218">
        <v>405</v>
      </c>
      <c r="J10" s="218">
        <v>250</v>
      </c>
      <c r="K10" s="218">
        <v>132</v>
      </c>
      <c r="L10" s="219">
        <v>2244</v>
      </c>
      <c r="M10" s="221">
        <v>2269</v>
      </c>
      <c r="N10" s="222">
        <v>0</v>
      </c>
      <c r="O10" s="218">
        <v>0</v>
      </c>
      <c r="P10" s="219">
        <v>0</v>
      </c>
      <c r="Q10" s="220">
        <v>0</v>
      </c>
      <c r="R10" s="218">
        <v>13</v>
      </c>
      <c r="S10" s="218">
        <v>25</v>
      </c>
      <c r="T10" s="218">
        <v>5</v>
      </c>
      <c r="U10" s="218">
        <v>7</v>
      </c>
      <c r="V10" s="218">
        <v>4</v>
      </c>
      <c r="W10" s="219">
        <v>54</v>
      </c>
      <c r="X10" s="221">
        <v>54</v>
      </c>
      <c r="Y10" s="222">
        <v>11</v>
      </c>
      <c r="Z10" s="218">
        <v>14</v>
      </c>
      <c r="AA10" s="219">
        <v>25</v>
      </c>
      <c r="AB10" s="220">
        <v>0</v>
      </c>
      <c r="AC10" s="218">
        <v>796</v>
      </c>
      <c r="AD10" s="218">
        <v>699</v>
      </c>
      <c r="AE10" s="218">
        <v>410</v>
      </c>
      <c r="AF10" s="218">
        <v>257</v>
      </c>
      <c r="AG10" s="218">
        <v>136</v>
      </c>
      <c r="AH10" s="219">
        <v>2298</v>
      </c>
      <c r="AI10" s="221">
        <v>2323</v>
      </c>
    </row>
    <row r="11" spans="2:35" ht="21" customHeight="1" x14ac:dyDescent="0.2">
      <c r="B11" s="106" t="s">
        <v>9</v>
      </c>
      <c r="C11" s="217">
        <v>5</v>
      </c>
      <c r="D11" s="218">
        <v>3</v>
      </c>
      <c r="E11" s="219">
        <v>8</v>
      </c>
      <c r="F11" s="220">
        <v>0</v>
      </c>
      <c r="G11" s="218">
        <v>536</v>
      </c>
      <c r="H11" s="218">
        <v>397</v>
      </c>
      <c r="I11" s="218">
        <v>266</v>
      </c>
      <c r="J11" s="218">
        <v>213</v>
      </c>
      <c r="K11" s="218">
        <v>101</v>
      </c>
      <c r="L11" s="219">
        <v>1513</v>
      </c>
      <c r="M11" s="221">
        <v>1521</v>
      </c>
      <c r="N11" s="222">
        <v>0</v>
      </c>
      <c r="O11" s="218">
        <v>0</v>
      </c>
      <c r="P11" s="219">
        <v>0</v>
      </c>
      <c r="Q11" s="220">
        <v>0</v>
      </c>
      <c r="R11" s="218">
        <v>10</v>
      </c>
      <c r="S11" s="218">
        <v>16</v>
      </c>
      <c r="T11" s="218">
        <v>5</v>
      </c>
      <c r="U11" s="218">
        <v>2</v>
      </c>
      <c r="V11" s="218">
        <v>3</v>
      </c>
      <c r="W11" s="219">
        <v>36</v>
      </c>
      <c r="X11" s="221">
        <v>36</v>
      </c>
      <c r="Y11" s="222">
        <v>5</v>
      </c>
      <c r="Z11" s="218">
        <v>3</v>
      </c>
      <c r="AA11" s="219">
        <v>8</v>
      </c>
      <c r="AB11" s="220">
        <v>0</v>
      </c>
      <c r="AC11" s="218">
        <v>546</v>
      </c>
      <c r="AD11" s="218">
        <v>413</v>
      </c>
      <c r="AE11" s="218">
        <v>271</v>
      </c>
      <c r="AF11" s="218">
        <v>215</v>
      </c>
      <c r="AG11" s="218">
        <v>104</v>
      </c>
      <c r="AH11" s="219">
        <v>1549</v>
      </c>
      <c r="AI11" s="221">
        <v>1557</v>
      </c>
    </row>
    <row r="12" spans="2:35" ht="21" customHeight="1" x14ac:dyDescent="0.2">
      <c r="B12" s="106" t="s">
        <v>10</v>
      </c>
      <c r="C12" s="217">
        <v>10</v>
      </c>
      <c r="D12" s="218">
        <v>17</v>
      </c>
      <c r="E12" s="219">
        <v>27</v>
      </c>
      <c r="F12" s="220">
        <v>0</v>
      </c>
      <c r="G12" s="218">
        <v>900</v>
      </c>
      <c r="H12" s="218">
        <v>522</v>
      </c>
      <c r="I12" s="218">
        <v>390</v>
      </c>
      <c r="J12" s="218">
        <v>323</v>
      </c>
      <c r="K12" s="218">
        <v>226</v>
      </c>
      <c r="L12" s="219">
        <v>2361</v>
      </c>
      <c r="M12" s="221">
        <v>2388</v>
      </c>
      <c r="N12" s="222">
        <v>0</v>
      </c>
      <c r="O12" s="218">
        <v>1</v>
      </c>
      <c r="P12" s="219">
        <v>1</v>
      </c>
      <c r="Q12" s="220">
        <v>0</v>
      </c>
      <c r="R12" s="218">
        <v>11</v>
      </c>
      <c r="S12" s="218">
        <v>11</v>
      </c>
      <c r="T12" s="218">
        <v>14</v>
      </c>
      <c r="U12" s="218">
        <v>5</v>
      </c>
      <c r="V12" s="218">
        <v>6</v>
      </c>
      <c r="W12" s="219">
        <v>47</v>
      </c>
      <c r="X12" s="221">
        <v>48</v>
      </c>
      <c r="Y12" s="222">
        <v>10</v>
      </c>
      <c r="Z12" s="218">
        <v>18</v>
      </c>
      <c r="AA12" s="219">
        <v>28</v>
      </c>
      <c r="AB12" s="220">
        <v>0</v>
      </c>
      <c r="AC12" s="218">
        <v>911</v>
      </c>
      <c r="AD12" s="218">
        <v>533</v>
      </c>
      <c r="AE12" s="218">
        <v>404</v>
      </c>
      <c r="AF12" s="218">
        <v>328</v>
      </c>
      <c r="AG12" s="218">
        <v>232</v>
      </c>
      <c r="AH12" s="219">
        <v>2408</v>
      </c>
      <c r="AI12" s="221">
        <v>2436</v>
      </c>
    </row>
    <row r="13" spans="2:35" ht="21" customHeight="1" x14ac:dyDescent="0.2">
      <c r="B13" s="106" t="s">
        <v>11</v>
      </c>
      <c r="C13" s="217">
        <v>2</v>
      </c>
      <c r="D13" s="218">
        <v>7</v>
      </c>
      <c r="E13" s="219">
        <v>9</v>
      </c>
      <c r="F13" s="220">
        <v>0</v>
      </c>
      <c r="G13" s="218">
        <v>655</v>
      </c>
      <c r="H13" s="218">
        <v>467</v>
      </c>
      <c r="I13" s="218">
        <v>321</v>
      </c>
      <c r="J13" s="218">
        <v>183</v>
      </c>
      <c r="K13" s="218">
        <v>81</v>
      </c>
      <c r="L13" s="219">
        <v>1707</v>
      </c>
      <c r="M13" s="221">
        <v>1716</v>
      </c>
      <c r="N13" s="222">
        <v>0</v>
      </c>
      <c r="O13" s="218">
        <v>0</v>
      </c>
      <c r="P13" s="219">
        <v>0</v>
      </c>
      <c r="Q13" s="220">
        <v>0</v>
      </c>
      <c r="R13" s="218">
        <v>6</v>
      </c>
      <c r="S13" s="218">
        <v>2</v>
      </c>
      <c r="T13" s="218">
        <v>5</v>
      </c>
      <c r="U13" s="218">
        <v>7</v>
      </c>
      <c r="V13" s="218">
        <v>3</v>
      </c>
      <c r="W13" s="219">
        <v>23</v>
      </c>
      <c r="X13" s="221">
        <v>23</v>
      </c>
      <c r="Y13" s="222">
        <v>2</v>
      </c>
      <c r="Z13" s="218">
        <v>7</v>
      </c>
      <c r="AA13" s="219">
        <v>9</v>
      </c>
      <c r="AB13" s="220">
        <v>0</v>
      </c>
      <c r="AC13" s="218">
        <v>661</v>
      </c>
      <c r="AD13" s="218">
        <v>469</v>
      </c>
      <c r="AE13" s="218">
        <v>326</v>
      </c>
      <c r="AF13" s="218">
        <v>190</v>
      </c>
      <c r="AG13" s="218">
        <v>84</v>
      </c>
      <c r="AH13" s="219">
        <v>1730</v>
      </c>
      <c r="AI13" s="221">
        <v>1739</v>
      </c>
    </row>
    <row r="14" spans="2:35" ht="21" customHeight="1" x14ac:dyDescent="0.2">
      <c r="B14" s="106" t="s">
        <v>12</v>
      </c>
      <c r="C14" s="217">
        <v>0</v>
      </c>
      <c r="D14" s="218">
        <v>2</v>
      </c>
      <c r="E14" s="219">
        <v>2</v>
      </c>
      <c r="F14" s="220">
        <v>0</v>
      </c>
      <c r="G14" s="218">
        <v>468</v>
      </c>
      <c r="H14" s="218">
        <v>371</v>
      </c>
      <c r="I14" s="218">
        <v>265</v>
      </c>
      <c r="J14" s="218">
        <v>191</v>
      </c>
      <c r="K14" s="218">
        <v>124</v>
      </c>
      <c r="L14" s="219">
        <v>1419</v>
      </c>
      <c r="M14" s="221">
        <v>1421</v>
      </c>
      <c r="N14" s="222">
        <v>0</v>
      </c>
      <c r="O14" s="218">
        <v>0</v>
      </c>
      <c r="P14" s="219">
        <v>0</v>
      </c>
      <c r="Q14" s="220">
        <v>0</v>
      </c>
      <c r="R14" s="218">
        <v>4</v>
      </c>
      <c r="S14" s="218">
        <v>7</v>
      </c>
      <c r="T14" s="218">
        <v>4</v>
      </c>
      <c r="U14" s="218">
        <v>3</v>
      </c>
      <c r="V14" s="218">
        <v>2</v>
      </c>
      <c r="W14" s="219">
        <v>20</v>
      </c>
      <c r="X14" s="221">
        <v>20</v>
      </c>
      <c r="Y14" s="222">
        <v>0</v>
      </c>
      <c r="Z14" s="218">
        <v>2</v>
      </c>
      <c r="AA14" s="219">
        <v>2</v>
      </c>
      <c r="AB14" s="220">
        <v>0</v>
      </c>
      <c r="AC14" s="218">
        <v>472</v>
      </c>
      <c r="AD14" s="218">
        <v>378</v>
      </c>
      <c r="AE14" s="218">
        <v>269</v>
      </c>
      <c r="AF14" s="218">
        <v>194</v>
      </c>
      <c r="AG14" s="218">
        <v>126</v>
      </c>
      <c r="AH14" s="219">
        <v>1439</v>
      </c>
      <c r="AI14" s="221">
        <v>1441</v>
      </c>
    </row>
    <row r="15" spans="2:35" ht="21" customHeight="1" x14ac:dyDescent="0.2">
      <c r="B15" s="106" t="s">
        <v>13</v>
      </c>
      <c r="C15" s="217">
        <v>5</v>
      </c>
      <c r="D15" s="218">
        <v>1</v>
      </c>
      <c r="E15" s="219">
        <v>6</v>
      </c>
      <c r="F15" s="220">
        <v>0</v>
      </c>
      <c r="G15" s="218">
        <v>202</v>
      </c>
      <c r="H15" s="218">
        <v>201</v>
      </c>
      <c r="I15" s="218">
        <v>109</v>
      </c>
      <c r="J15" s="218">
        <v>69</v>
      </c>
      <c r="K15" s="218">
        <v>45</v>
      </c>
      <c r="L15" s="219">
        <v>626</v>
      </c>
      <c r="M15" s="221">
        <v>632</v>
      </c>
      <c r="N15" s="222">
        <v>0</v>
      </c>
      <c r="O15" s="218">
        <v>0</v>
      </c>
      <c r="P15" s="219">
        <v>0</v>
      </c>
      <c r="Q15" s="220">
        <v>0</v>
      </c>
      <c r="R15" s="218">
        <v>2</v>
      </c>
      <c r="S15" s="218">
        <v>0</v>
      </c>
      <c r="T15" s="218">
        <v>3</v>
      </c>
      <c r="U15" s="218">
        <v>1</v>
      </c>
      <c r="V15" s="218">
        <v>1</v>
      </c>
      <c r="W15" s="219">
        <v>7</v>
      </c>
      <c r="X15" s="221">
        <v>7</v>
      </c>
      <c r="Y15" s="222">
        <v>5</v>
      </c>
      <c r="Z15" s="218">
        <v>1</v>
      </c>
      <c r="AA15" s="219">
        <v>6</v>
      </c>
      <c r="AB15" s="220">
        <v>0</v>
      </c>
      <c r="AC15" s="218">
        <v>204</v>
      </c>
      <c r="AD15" s="218">
        <v>201</v>
      </c>
      <c r="AE15" s="218">
        <v>112</v>
      </c>
      <c r="AF15" s="218">
        <v>70</v>
      </c>
      <c r="AG15" s="218">
        <v>46</v>
      </c>
      <c r="AH15" s="219">
        <v>633</v>
      </c>
      <c r="AI15" s="221">
        <v>639</v>
      </c>
    </row>
    <row r="16" spans="2:35" ht="21" customHeight="1" x14ac:dyDescent="0.2">
      <c r="B16" s="106" t="s">
        <v>15</v>
      </c>
      <c r="C16" s="217">
        <v>1</v>
      </c>
      <c r="D16" s="218">
        <v>13</v>
      </c>
      <c r="E16" s="219">
        <v>14</v>
      </c>
      <c r="F16" s="220">
        <v>0</v>
      </c>
      <c r="G16" s="218">
        <v>287</v>
      </c>
      <c r="H16" s="218">
        <v>280</v>
      </c>
      <c r="I16" s="218">
        <v>130</v>
      </c>
      <c r="J16" s="218">
        <v>82</v>
      </c>
      <c r="K16" s="218">
        <v>56</v>
      </c>
      <c r="L16" s="219">
        <v>835</v>
      </c>
      <c r="M16" s="221">
        <v>849</v>
      </c>
      <c r="N16" s="222">
        <v>0</v>
      </c>
      <c r="O16" s="218">
        <v>0</v>
      </c>
      <c r="P16" s="219">
        <v>0</v>
      </c>
      <c r="Q16" s="220">
        <v>0</v>
      </c>
      <c r="R16" s="218">
        <v>3</v>
      </c>
      <c r="S16" s="218">
        <v>2</v>
      </c>
      <c r="T16" s="218">
        <v>4</v>
      </c>
      <c r="U16" s="218">
        <v>2</v>
      </c>
      <c r="V16" s="218">
        <v>0</v>
      </c>
      <c r="W16" s="219">
        <v>11</v>
      </c>
      <c r="X16" s="221">
        <v>11</v>
      </c>
      <c r="Y16" s="222">
        <v>1</v>
      </c>
      <c r="Z16" s="218">
        <v>13</v>
      </c>
      <c r="AA16" s="219">
        <v>14</v>
      </c>
      <c r="AB16" s="220">
        <v>0</v>
      </c>
      <c r="AC16" s="218">
        <v>290</v>
      </c>
      <c r="AD16" s="218">
        <v>282</v>
      </c>
      <c r="AE16" s="218">
        <v>134</v>
      </c>
      <c r="AF16" s="218">
        <v>84</v>
      </c>
      <c r="AG16" s="218">
        <v>56</v>
      </c>
      <c r="AH16" s="219">
        <v>846</v>
      </c>
      <c r="AI16" s="221">
        <v>860</v>
      </c>
    </row>
    <row r="17" spans="2:35" ht="21" customHeight="1" x14ac:dyDescent="0.2">
      <c r="B17" s="106" t="s">
        <v>16</v>
      </c>
      <c r="C17" s="217">
        <v>5</v>
      </c>
      <c r="D17" s="218">
        <v>4</v>
      </c>
      <c r="E17" s="219">
        <v>9</v>
      </c>
      <c r="F17" s="220">
        <v>0</v>
      </c>
      <c r="G17" s="218">
        <v>222</v>
      </c>
      <c r="H17" s="218">
        <v>279</v>
      </c>
      <c r="I17" s="218">
        <v>163</v>
      </c>
      <c r="J17" s="218">
        <v>117</v>
      </c>
      <c r="K17" s="218">
        <v>80</v>
      </c>
      <c r="L17" s="219">
        <v>861</v>
      </c>
      <c r="M17" s="221">
        <v>870</v>
      </c>
      <c r="N17" s="222">
        <v>0</v>
      </c>
      <c r="O17" s="218">
        <v>0</v>
      </c>
      <c r="P17" s="219">
        <v>0</v>
      </c>
      <c r="Q17" s="220">
        <v>0</v>
      </c>
      <c r="R17" s="218">
        <v>3</v>
      </c>
      <c r="S17" s="218">
        <v>2</v>
      </c>
      <c r="T17" s="218">
        <v>6</v>
      </c>
      <c r="U17" s="218">
        <v>3</v>
      </c>
      <c r="V17" s="218">
        <v>1</v>
      </c>
      <c r="W17" s="219">
        <v>15</v>
      </c>
      <c r="X17" s="221">
        <v>15</v>
      </c>
      <c r="Y17" s="222">
        <v>5</v>
      </c>
      <c r="Z17" s="218">
        <v>4</v>
      </c>
      <c r="AA17" s="219">
        <v>9</v>
      </c>
      <c r="AB17" s="220">
        <v>0</v>
      </c>
      <c r="AC17" s="218">
        <v>225</v>
      </c>
      <c r="AD17" s="218">
        <v>281</v>
      </c>
      <c r="AE17" s="218">
        <v>169</v>
      </c>
      <c r="AF17" s="218">
        <v>120</v>
      </c>
      <c r="AG17" s="218">
        <v>81</v>
      </c>
      <c r="AH17" s="219">
        <v>876</v>
      </c>
      <c r="AI17" s="221">
        <v>885</v>
      </c>
    </row>
    <row r="18" spans="2:35" ht="21" customHeight="1" x14ac:dyDescent="0.2">
      <c r="B18" s="106" t="s">
        <v>17</v>
      </c>
      <c r="C18" s="217">
        <v>6</v>
      </c>
      <c r="D18" s="218">
        <v>5</v>
      </c>
      <c r="E18" s="219">
        <v>11</v>
      </c>
      <c r="F18" s="220">
        <v>0</v>
      </c>
      <c r="G18" s="218">
        <v>354</v>
      </c>
      <c r="H18" s="218">
        <v>485</v>
      </c>
      <c r="I18" s="218">
        <v>321</v>
      </c>
      <c r="J18" s="218">
        <v>222</v>
      </c>
      <c r="K18" s="218">
        <v>128</v>
      </c>
      <c r="L18" s="219">
        <v>1510</v>
      </c>
      <c r="M18" s="221">
        <v>1521</v>
      </c>
      <c r="N18" s="222">
        <v>0</v>
      </c>
      <c r="O18" s="218">
        <v>0</v>
      </c>
      <c r="P18" s="219">
        <v>0</v>
      </c>
      <c r="Q18" s="220">
        <v>0</v>
      </c>
      <c r="R18" s="218">
        <v>7</v>
      </c>
      <c r="S18" s="218">
        <v>18</v>
      </c>
      <c r="T18" s="218">
        <v>6</v>
      </c>
      <c r="U18" s="218">
        <v>6</v>
      </c>
      <c r="V18" s="218">
        <v>3</v>
      </c>
      <c r="W18" s="219">
        <v>40</v>
      </c>
      <c r="X18" s="221">
        <v>40</v>
      </c>
      <c r="Y18" s="222">
        <v>6</v>
      </c>
      <c r="Z18" s="218">
        <v>5</v>
      </c>
      <c r="AA18" s="219">
        <v>11</v>
      </c>
      <c r="AB18" s="220">
        <v>0</v>
      </c>
      <c r="AC18" s="218">
        <v>361</v>
      </c>
      <c r="AD18" s="218">
        <v>503</v>
      </c>
      <c r="AE18" s="218">
        <v>327</v>
      </c>
      <c r="AF18" s="218">
        <v>228</v>
      </c>
      <c r="AG18" s="218">
        <v>131</v>
      </c>
      <c r="AH18" s="219">
        <v>1550</v>
      </c>
      <c r="AI18" s="221">
        <v>1561</v>
      </c>
    </row>
    <row r="19" spans="2:35" ht="21" customHeight="1" x14ac:dyDescent="0.2">
      <c r="B19" s="106" t="s">
        <v>18</v>
      </c>
      <c r="C19" s="217">
        <v>5</v>
      </c>
      <c r="D19" s="218">
        <v>10</v>
      </c>
      <c r="E19" s="219">
        <v>15</v>
      </c>
      <c r="F19" s="220">
        <v>0</v>
      </c>
      <c r="G19" s="218">
        <v>454</v>
      </c>
      <c r="H19" s="218">
        <v>365</v>
      </c>
      <c r="I19" s="218">
        <v>274</v>
      </c>
      <c r="J19" s="218">
        <v>160</v>
      </c>
      <c r="K19" s="218">
        <v>87</v>
      </c>
      <c r="L19" s="219">
        <v>1340</v>
      </c>
      <c r="M19" s="221">
        <v>1355</v>
      </c>
      <c r="N19" s="222">
        <v>0</v>
      </c>
      <c r="O19" s="218">
        <v>0</v>
      </c>
      <c r="P19" s="219">
        <v>0</v>
      </c>
      <c r="Q19" s="220">
        <v>0</v>
      </c>
      <c r="R19" s="218">
        <v>5</v>
      </c>
      <c r="S19" s="218">
        <v>7</v>
      </c>
      <c r="T19" s="218">
        <v>3</v>
      </c>
      <c r="U19" s="218">
        <v>5</v>
      </c>
      <c r="V19" s="218">
        <v>4</v>
      </c>
      <c r="W19" s="219">
        <v>24</v>
      </c>
      <c r="X19" s="221">
        <v>24</v>
      </c>
      <c r="Y19" s="222">
        <v>5</v>
      </c>
      <c r="Z19" s="218">
        <v>10</v>
      </c>
      <c r="AA19" s="219">
        <v>15</v>
      </c>
      <c r="AB19" s="220">
        <v>0</v>
      </c>
      <c r="AC19" s="218">
        <v>459</v>
      </c>
      <c r="AD19" s="218">
        <v>372</v>
      </c>
      <c r="AE19" s="218">
        <v>277</v>
      </c>
      <c r="AF19" s="218">
        <v>165</v>
      </c>
      <c r="AG19" s="218">
        <v>91</v>
      </c>
      <c r="AH19" s="219">
        <v>1364</v>
      </c>
      <c r="AI19" s="221">
        <v>1379</v>
      </c>
    </row>
    <row r="20" spans="2:35" ht="21" customHeight="1" x14ac:dyDescent="0.2">
      <c r="B20" s="106" t="s">
        <v>19</v>
      </c>
      <c r="C20" s="217">
        <v>1</v>
      </c>
      <c r="D20" s="218">
        <v>2</v>
      </c>
      <c r="E20" s="219">
        <v>3</v>
      </c>
      <c r="F20" s="220">
        <v>0</v>
      </c>
      <c r="G20" s="218">
        <v>205</v>
      </c>
      <c r="H20" s="218">
        <v>178</v>
      </c>
      <c r="I20" s="218">
        <v>121</v>
      </c>
      <c r="J20" s="218">
        <v>66</v>
      </c>
      <c r="K20" s="218">
        <v>51</v>
      </c>
      <c r="L20" s="219">
        <v>621</v>
      </c>
      <c r="M20" s="221">
        <v>624</v>
      </c>
      <c r="N20" s="222">
        <v>0</v>
      </c>
      <c r="O20" s="218">
        <v>0</v>
      </c>
      <c r="P20" s="219">
        <v>0</v>
      </c>
      <c r="Q20" s="220">
        <v>0</v>
      </c>
      <c r="R20" s="218">
        <v>1</v>
      </c>
      <c r="S20" s="218">
        <v>2</v>
      </c>
      <c r="T20" s="218">
        <v>0</v>
      </c>
      <c r="U20" s="218">
        <v>3</v>
      </c>
      <c r="V20" s="218">
        <v>1</v>
      </c>
      <c r="W20" s="219">
        <v>7</v>
      </c>
      <c r="X20" s="221">
        <v>7</v>
      </c>
      <c r="Y20" s="222">
        <v>1</v>
      </c>
      <c r="Z20" s="218">
        <v>2</v>
      </c>
      <c r="AA20" s="219">
        <v>3</v>
      </c>
      <c r="AB20" s="220">
        <v>0</v>
      </c>
      <c r="AC20" s="218">
        <v>206</v>
      </c>
      <c r="AD20" s="218">
        <v>180</v>
      </c>
      <c r="AE20" s="218">
        <v>121</v>
      </c>
      <c r="AF20" s="218">
        <v>69</v>
      </c>
      <c r="AG20" s="218">
        <v>52</v>
      </c>
      <c r="AH20" s="219">
        <v>628</v>
      </c>
      <c r="AI20" s="221">
        <v>631</v>
      </c>
    </row>
    <row r="21" spans="2:35" ht="21" customHeight="1" x14ac:dyDescent="0.2">
      <c r="B21" s="106" t="s">
        <v>20</v>
      </c>
      <c r="C21" s="217">
        <v>2</v>
      </c>
      <c r="D21" s="218">
        <v>0</v>
      </c>
      <c r="E21" s="219">
        <v>2</v>
      </c>
      <c r="F21" s="220">
        <v>0</v>
      </c>
      <c r="G21" s="218">
        <v>272</v>
      </c>
      <c r="H21" s="218">
        <v>168</v>
      </c>
      <c r="I21" s="218">
        <v>140</v>
      </c>
      <c r="J21" s="218">
        <v>42</v>
      </c>
      <c r="K21" s="218">
        <v>28</v>
      </c>
      <c r="L21" s="219">
        <v>650</v>
      </c>
      <c r="M21" s="221">
        <v>652</v>
      </c>
      <c r="N21" s="222">
        <v>0</v>
      </c>
      <c r="O21" s="218">
        <v>0</v>
      </c>
      <c r="P21" s="219">
        <v>0</v>
      </c>
      <c r="Q21" s="220">
        <v>0</v>
      </c>
      <c r="R21" s="218">
        <v>5</v>
      </c>
      <c r="S21" s="218">
        <v>4</v>
      </c>
      <c r="T21" s="218">
        <v>3</v>
      </c>
      <c r="U21" s="218">
        <v>0</v>
      </c>
      <c r="V21" s="218">
        <v>1</v>
      </c>
      <c r="W21" s="219">
        <v>13</v>
      </c>
      <c r="X21" s="221">
        <v>13</v>
      </c>
      <c r="Y21" s="222">
        <v>2</v>
      </c>
      <c r="Z21" s="218">
        <v>0</v>
      </c>
      <c r="AA21" s="219">
        <v>2</v>
      </c>
      <c r="AB21" s="220">
        <v>0</v>
      </c>
      <c r="AC21" s="218">
        <v>277</v>
      </c>
      <c r="AD21" s="218">
        <v>172</v>
      </c>
      <c r="AE21" s="218">
        <v>143</v>
      </c>
      <c r="AF21" s="218">
        <v>42</v>
      </c>
      <c r="AG21" s="218">
        <v>29</v>
      </c>
      <c r="AH21" s="219">
        <v>663</v>
      </c>
      <c r="AI21" s="221">
        <v>665</v>
      </c>
    </row>
    <row r="22" spans="2:35" ht="21" customHeight="1" x14ac:dyDescent="0.2">
      <c r="B22" s="106" t="s">
        <v>21</v>
      </c>
      <c r="C22" s="217">
        <v>0</v>
      </c>
      <c r="D22" s="218">
        <v>1</v>
      </c>
      <c r="E22" s="219">
        <v>1</v>
      </c>
      <c r="F22" s="220">
        <v>0</v>
      </c>
      <c r="G22" s="218">
        <v>259</v>
      </c>
      <c r="H22" s="218">
        <v>224</v>
      </c>
      <c r="I22" s="218">
        <v>145</v>
      </c>
      <c r="J22" s="218">
        <v>53</v>
      </c>
      <c r="K22" s="218">
        <v>30</v>
      </c>
      <c r="L22" s="219">
        <v>711</v>
      </c>
      <c r="M22" s="221">
        <v>712</v>
      </c>
      <c r="N22" s="222">
        <v>0</v>
      </c>
      <c r="O22" s="218">
        <v>0</v>
      </c>
      <c r="P22" s="219">
        <v>0</v>
      </c>
      <c r="Q22" s="220">
        <v>0</v>
      </c>
      <c r="R22" s="218">
        <v>1</v>
      </c>
      <c r="S22" s="218">
        <v>7</v>
      </c>
      <c r="T22" s="218">
        <v>3</v>
      </c>
      <c r="U22" s="218">
        <v>1</v>
      </c>
      <c r="V22" s="218">
        <v>1</v>
      </c>
      <c r="W22" s="219">
        <v>13</v>
      </c>
      <c r="X22" s="221">
        <v>13</v>
      </c>
      <c r="Y22" s="222">
        <v>0</v>
      </c>
      <c r="Z22" s="218">
        <v>1</v>
      </c>
      <c r="AA22" s="219">
        <v>1</v>
      </c>
      <c r="AB22" s="220">
        <v>0</v>
      </c>
      <c r="AC22" s="218">
        <v>260</v>
      </c>
      <c r="AD22" s="218">
        <v>231</v>
      </c>
      <c r="AE22" s="218">
        <v>148</v>
      </c>
      <c r="AF22" s="218">
        <v>54</v>
      </c>
      <c r="AG22" s="218">
        <v>31</v>
      </c>
      <c r="AH22" s="219">
        <v>724</v>
      </c>
      <c r="AI22" s="221">
        <v>725</v>
      </c>
    </row>
    <row r="23" spans="2:35" ht="21" customHeight="1" x14ac:dyDescent="0.2">
      <c r="B23" s="106" t="s">
        <v>22</v>
      </c>
      <c r="C23" s="217">
        <v>4</v>
      </c>
      <c r="D23" s="218">
        <v>4</v>
      </c>
      <c r="E23" s="219">
        <v>8</v>
      </c>
      <c r="F23" s="220">
        <v>0</v>
      </c>
      <c r="G23" s="218">
        <v>159</v>
      </c>
      <c r="H23" s="218">
        <v>158</v>
      </c>
      <c r="I23" s="218">
        <v>95</v>
      </c>
      <c r="J23" s="218">
        <v>66</v>
      </c>
      <c r="K23" s="218">
        <v>28</v>
      </c>
      <c r="L23" s="219">
        <v>506</v>
      </c>
      <c r="M23" s="221">
        <v>514</v>
      </c>
      <c r="N23" s="222">
        <v>0</v>
      </c>
      <c r="O23" s="218">
        <v>0</v>
      </c>
      <c r="P23" s="219">
        <v>0</v>
      </c>
      <c r="Q23" s="220">
        <v>0</v>
      </c>
      <c r="R23" s="218">
        <v>1</v>
      </c>
      <c r="S23" s="218">
        <v>1</v>
      </c>
      <c r="T23" s="218">
        <v>1</v>
      </c>
      <c r="U23" s="218">
        <v>0</v>
      </c>
      <c r="V23" s="218">
        <v>0</v>
      </c>
      <c r="W23" s="219">
        <v>3</v>
      </c>
      <c r="X23" s="221">
        <v>3</v>
      </c>
      <c r="Y23" s="222">
        <v>4</v>
      </c>
      <c r="Z23" s="218">
        <v>4</v>
      </c>
      <c r="AA23" s="219">
        <v>8</v>
      </c>
      <c r="AB23" s="220">
        <v>0</v>
      </c>
      <c r="AC23" s="218">
        <v>160</v>
      </c>
      <c r="AD23" s="218">
        <v>159</v>
      </c>
      <c r="AE23" s="218">
        <v>96</v>
      </c>
      <c r="AF23" s="218">
        <v>66</v>
      </c>
      <c r="AG23" s="218">
        <v>28</v>
      </c>
      <c r="AH23" s="219">
        <v>509</v>
      </c>
      <c r="AI23" s="221">
        <v>517</v>
      </c>
    </row>
    <row r="24" spans="2:35" ht="21" customHeight="1" x14ac:dyDescent="0.2">
      <c r="B24" s="106" t="s">
        <v>23</v>
      </c>
      <c r="C24" s="217">
        <v>1</v>
      </c>
      <c r="D24" s="218">
        <v>0</v>
      </c>
      <c r="E24" s="219">
        <v>1</v>
      </c>
      <c r="F24" s="220">
        <v>0</v>
      </c>
      <c r="G24" s="218">
        <v>115</v>
      </c>
      <c r="H24" s="218">
        <v>92</v>
      </c>
      <c r="I24" s="218">
        <v>59</v>
      </c>
      <c r="J24" s="218">
        <v>40</v>
      </c>
      <c r="K24" s="218">
        <v>25</v>
      </c>
      <c r="L24" s="219">
        <v>331</v>
      </c>
      <c r="M24" s="221">
        <v>332</v>
      </c>
      <c r="N24" s="222">
        <v>0</v>
      </c>
      <c r="O24" s="218">
        <v>0</v>
      </c>
      <c r="P24" s="219">
        <v>0</v>
      </c>
      <c r="Q24" s="220">
        <v>0</v>
      </c>
      <c r="R24" s="218">
        <v>1</v>
      </c>
      <c r="S24" s="218">
        <v>0</v>
      </c>
      <c r="T24" s="218">
        <v>2</v>
      </c>
      <c r="U24" s="218">
        <v>0</v>
      </c>
      <c r="V24" s="218">
        <v>0</v>
      </c>
      <c r="W24" s="219">
        <v>3</v>
      </c>
      <c r="X24" s="221">
        <v>3</v>
      </c>
      <c r="Y24" s="222">
        <v>1</v>
      </c>
      <c r="Z24" s="218">
        <v>0</v>
      </c>
      <c r="AA24" s="219">
        <v>1</v>
      </c>
      <c r="AB24" s="220">
        <v>0</v>
      </c>
      <c r="AC24" s="218">
        <v>116</v>
      </c>
      <c r="AD24" s="218">
        <v>92</v>
      </c>
      <c r="AE24" s="218">
        <v>61</v>
      </c>
      <c r="AF24" s="218">
        <v>40</v>
      </c>
      <c r="AG24" s="218">
        <v>25</v>
      </c>
      <c r="AH24" s="219">
        <v>334</v>
      </c>
      <c r="AI24" s="221">
        <v>335</v>
      </c>
    </row>
    <row r="25" spans="2:35" ht="21" customHeight="1" x14ac:dyDescent="0.2">
      <c r="B25" s="106" t="s">
        <v>24</v>
      </c>
      <c r="C25" s="217">
        <v>4</v>
      </c>
      <c r="D25" s="218">
        <v>2</v>
      </c>
      <c r="E25" s="219">
        <v>6</v>
      </c>
      <c r="F25" s="220">
        <v>0</v>
      </c>
      <c r="G25" s="218">
        <v>44</v>
      </c>
      <c r="H25" s="218">
        <v>37</v>
      </c>
      <c r="I25" s="218">
        <v>27</v>
      </c>
      <c r="J25" s="218">
        <v>15</v>
      </c>
      <c r="K25" s="218">
        <v>11</v>
      </c>
      <c r="L25" s="219">
        <v>134</v>
      </c>
      <c r="M25" s="221">
        <v>140</v>
      </c>
      <c r="N25" s="222">
        <v>0</v>
      </c>
      <c r="O25" s="218">
        <v>0</v>
      </c>
      <c r="P25" s="219">
        <v>0</v>
      </c>
      <c r="Q25" s="220">
        <v>0</v>
      </c>
      <c r="R25" s="218">
        <v>0</v>
      </c>
      <c r="S25" s="218">
        <v>0</v>
      </c>
      <c r="T25" s="218">
        <v>0</v>
      </c>
      <c r="U25" s="218">
        <v>0</v>
      </c>
      <c r="V25" s="218">
        <v>0</v>
      </c>
      <c r="W25" s="219">
        <v>0</v>
      </c>
      <c r="X25" s="221">
        <v>0</v>
      </c>
      <c r="Y25" s="222">
        <v>4</v>
      </c>
      <c r="Z25" s="218">
        <v>2</v>
      </c>
      <c r="AA25" s="219">
        <v>6</v>
      </c>
      <c r="AB25" s="220">
        <v>0</v>
      </c>
      <c r="AC25" s="218">
        <v>44</v>
      </c>
      <c r="AD25" s="218">
        <v>37</v>
      </c>
      <c r="AE25" s="218">
        <v>27</v>
      </c>
      <c r="AF25" s="218">
        <v>15</v>
      </c>
      <c r="AG25" s="218">
        <v>11</v>
      </c>
      <c r="AH25" s="219">
        <v>134</v>
      </c>
      <c r="AI25" s="221">
        <v>140</v>
      </c>
    </row>
    <row r="26" spans="2:35" ht="21" customHeight="1" x14ac:dyDescent="0.2">
      <c r="B26" s="106" t="s">
        <v>25</v>
      </c>
      <c r="C26" s="217">
        <v>0</v>
      </c>
      <c r="D26" s="218">
        <v>3</v>
      </c>
      <c r="E26" s="219">
        <v>3</v>
      </c>
      <c r="F26" s="220">
        <v>0</v>
      </c>
      <c r="G26" s="218">
        <v>100</v>
      </c>
      <c r="H26" s="218">
        <v>56</v>
      </c>
      <c r="I26" s="218">
        <v>25</v>
      </c>
      <c r="J26" s="218">
        <v>15</v>
      </c>
      <c r="K26" s="218">
        <v>3</v>
      </c>
      <c r="L26" s="219">
        <v>199</v>
      </c>
      <c r="M26" s="221">
        <v>202</v>
      </c>
      <c r="N26" s="222">
        <v>0</v>
      </c>
      <c r="O26" s="218">
        <v>0</v>
      </c>
      <c r="P26" s="219">
        <v>0</v>
      </c>
      <c r="Q26" s="220">
        <v>0</v>
      </c>
      <c r="R26" s="218">
        <v>0</v>
      </c>
      <c r="S26" s="218">
        <v>1</v>
      </c>
      <c r="T26" s="218">
        <v>1</v>
      </c>
      <c r="U26" s="218">
        <v>0</v>
      </c>
      <c r="V26" s="218">
        <v>0</v>
      </c>
      <c r="W26" s="219">
        <v>2</v>
      </c>
      <c r="X26" s="221">
        <v>2</v>
      </c>
      <c r="Y26" s="222">
        <v>0</v>
      </c>
      <c r="Z26" s="218">
        <v>3</v>
      </c>
      <c r="AA26" s="219">
        <v>3</v>
      </c>
      <c r="AB26" s="220">
        <v>0</v>
      </c>
      <c r="AC26" s="218">
        <v>100</v>
      </c>
      <c r="AD26" s="218">
        <v>57</v>
      </c>
      <c r="AE26" s="218">
        <v>26</v>
      </c>
      <c r="AF26" s="218">
        <v>15</v>
      </c>
      <c r="AG26" s="218">
        <v>3</v>
      </c>
      <c r="AH26" s="219">
        <v>201</v>
      </c>
      <c r="AI26" s="221">
        <v>204</v>
      </c>
    </row>
    <row r="27" spans="2:35" ht="21" customHeight="1" x14ac:dyDescent="0.2">
      <c r="B27" s="106" t="s">
        <v>26</v>
      </c>
      <c r="C27" s="217">
        <v>1</v>
      </c>
      <c r="D27" s="218">
        <v>0</v>
      </c>
      <c r="E27" s="219">
        <v>1</v>
      </c>
      <c r="F27" s="220">
        <v>0</v>
      </c>
      <c r="G27" s="218">
        <v>71</v>
      </c>
      <c r="H27" s="218">
        <v>77</v>
      </c>
      <c r="I27" s="218">
        <v>53</v>
      </c>
      <c r="J27" s="218">
        <v>24</v>
      </c>
      <c r="K27" s="218">
        <v>13</v>
      </c>
      <c r="L27" s="219">
        <v>238</v>
      </c>
      <c r="M27" s="221">
        <v>239</v>
      </c>
      <c r="N27" s="222">
        <v>0</v>
      </c>
      <c r="O27" s="218">
        <v>0</v>
      </c>
      <c r="P27" s="219">
        <v>0</v>
      </c>
      <c r="Q27" s="220">
        <v>0</v>
      </c>
      <c r="R27" s="218">
        <v>0</v>
      </c>
      <c r="S27" s="218">
        <v>1</v>
      </c>
      <c r="T27" s="218">
        <v>0</v>
      </c>
      <c r="U27" s="218">
        <v>0</v>
      </c>
      <c r="V27" s="218">
        <v>0</v>
      </c>
      <c r="W27" s="219">
        <v>1</v>
      </c>
      <c r="X27" s="221">
        <v>1</v>
      </c>
      <c r="Y27" s="222">
        <v>1</v>
      </c>
      <c r="Z27" s="218">
        <v>0</v>
      </c>
      <c r="AA27" s="219">
        <v>1</v>
      </c>
      <c r="AB27" s="220">
        <v>0</v>
      </c>
      <c r="AC27" s="218">
        <v>71</v>
      </c>
      <c r="AD27" s="218">
        <v>78</v>
      </c>
      <c r="AE27" s="218">
        <v>53</v>
      </c>
      <c r="AF27" s="218">
        <v>24</v>
      </c>
      <c r="AG27" s="218">
        <v>13</v>
      </c>
      <c r="AH27" s="219">
        <v>239</v>
      </c>
      <c r="AI27" s="221">
        <v>240</v>
      </c>
    </row>
    <row r="28" spans="2:35" ht="21" customHeight="1" x14ac:dyDescent="0.2">
      <c r="B28" s="106" t="s">
        <v>27</v>
      </c>
      <c r="C28" s="217">
        <v>0</v>
      </c>
      <c r="D28" s="218">
        <v>0</v>
      </c>
      <c r="E28" s="219">
        <v>0</v>
      </c>
      <c r="F28" s="220">
        <v>0</v>
      </c>
      <c r="G28" s="218">
        <v>63</v>
      </c>
      <c r="H28" s="218">
        <v>36</v>
      </c>
      <c r="I28" s="218">
        <v>33</v>
      </c>
      <c r="J28" s="218">
        <v>22</v>
      </c>
      <c r="K28" s="218">
        <v>12</v>
      </c>
      <c r="L28" s="219">
        <v>166</v>
      </c>
      <c r="M28" s="221">
        <v>166</v>
      </c>
      <c r="N28" s="222">
        <v>0</v>
      </c>
      <c r="O28" s="218">
        <v>0</v>
      </c>
      <c r="P28" s="219">
        <v>0</v>
      </c>
      <c r="Q28" s="220">
        <v>0</v>
      </c>
      <c r="R28" s="218">
        <v>0</v>
      </c>
      <c r="S28" s="218">
        <v>0</v>
      </c>
      <c r="T28" s="218">
        <v>1</v>
      </c>
      <c r="U28" s="218">
        <v>0</v>
      </c>
      <c r="V28" s="218">
        <v>0</v>
      </c>
      <c r="W28" s="219">
        <v>1</v>
      </c>
      <c r="X28" s="221">
        <v>1</v>
      </c>
      <c r="Y28" s="222">
        <v>0</v>
      </c>
      <c r="Z28" s="218">
        <v>0</v>
      </c>
      <c r="AA28" s="219">
        <v>0</v>
      </c>
      <c r="AB28" s="220">
        <v>0</v>
      </c>
      <c r="AC28" s="218">
        <v>63</v>
      </c>
      <c r="AD28" s="218">
        <v>36</v>
      </c>
      <c r="AE28" s="218">
        <v>34</v>
      </c>
      <c r="AF28" s="218">
        <v>22</v>
      </c>
      <c r="AG28" s="218">
        <v>12</v>
      </c>
      <c r="AH28" s="219">
        <v>167</v>
      </c>
      <c r="AI28" s="221">
        <v>167</v>
      </c>
    </row>
    <row r="29" spans="2:35" ht="21" customHeight="1" x14ac:dyDescent="0.2">
      <c r="B29" s="106" t="s">
        <v>28</v>
      </c>
      <c r="C29" s="217">
        <v>0</v>
      </c>
      <c r="D29" s="218">
        <v>0</v>
      </c>
      <c r="E29" s="219">
        <v>0</v>
      </c>
      <c r="F29" s="220">
        <v>0</v>
      </c>
      <c r="G29" s="218">
        <v>31</v>
      </c>
      <c r="H29" s="218">
        <v>20</v>
      </c>
      <c r="I29" s="218">
        <v>9</v>
      </c>
      <c r="J29" s="218">
        <v>6</v>
      </c>
      <c r="K29" s="218">
        <v>5</v>
      </c>
      <c r="L29" s="219">
        <v>71</v>
      </c>
      <c r="M29" s="221">
        <v>71</v>
      </c>
      <c r="N29" s="222">
        <v>0</v>
      </c>
      <c r="O29" s="218">
        <v>0</v>
      </c>
      <c r="P29" s="219">
        <v>0</v>
      </c>
      <c r="Q29" s="220">
        <v>0</v>
      </c>
      <c r="R29" s="218">
        <v>0</v>
      </c>
      <c r="S29" s="218">
        <v>0</v>
      </c>
      <c r="T29" s="218">
        <v>1</v>
      </c>
      <c r="U29" s="218">
        <v>0</v>
      </c>
      <c r="V29" s="218">
        <v>1</v>
      </c>
      <c r="W29" s="219">
        <v>2</v>
      </c>
      <c r="X29" s="221">
        <v>2</v>
      </c>
      <c r="Y29" s="222">
        <v>0</v>
      </c>
      <c r="Z29" s="218">
        <v>0</v>
      </c>
      <c r="AA29" s="219">
        <v>0</v>
      </c>
      <c r="AB29" s="220">
        <v>0</v>
      </c>
      <c r="AC29" s="218">
        <v>31</v>
      </c>
      <c r="AD29" s="218">
        <v>20</v>
      </c>
      <c r="AE29" s="218">
        <v>10</v>
      </c>
      <c r="AF29" s="218">
        <v>6</v>
      </c>
      <c r="AG29" s="218">
        <v>6</v>
      </c>
      <c r="AH29" s="219">
        <v>73</v>
      </c>
      <c r="AI29" s="221">
        <v>73</v>
      </c>
    </row>
    <row r="30" spans="2:35" ht="21" customHeight="1" x14ac:dyDescent="0.2">
      <c r="B30" s="106" t="s">
        <v>29</v>
      </c>
      <c r="C30" s="217">
        <v>2</v>
      </c>
      <c r="D30" s="218">
        <v>0</v>
      </c>
      <c r="E30" s="219">
        <v>2</v>
      </c>
      <c r="F30" s="220">
        <v>0</v>
      </c>
      <c r="G30" s="218">
        <v>25</v>
      </c>
      <c r="H30" s="218">
        <v>36</v>
      </c>
      <c r="I30" s="218">
        <v>35</v>
      </c>
      <c r="J30" s="218">
        <v>23</v>
      </c>
      <c r="K30" s="218">
        <v>9</v>
      </c>
      <c r="L30" s="219">
        <v>128</v>
      </c>
      <c r="M30" s="221">
        <v>130</v>
      </c>
      <c r="N30" s="222">
        <v>0</v>
      </c>
      <c r="O30" s="218">
        <v>0</v>
      </c>
      <c r="P30" s="219">
        <v>0</v>
      </c>
      <c r="Q30" s="220">
        <v>0</v>
      </c>
      <c r="R30" s="218">
        <v>0</v>
      </c>
      <c r="S30" s="218">
        <v>1</v>
      </c>
      <c r="T30" s="218">
        <v>0</v>
      </c>
      <c r="U30" s="218">
        <v>0</v>
      </c>
      <c r="V30" s="218">
        <v>0</v>
      </c>
      <c r="W30" s="219">
        <v>1</v>
      </c>
      <c r="X30" s="221">
        <v>1</v>
      </c>
      <c r="Y30" s="222">
        <v>2</v>
      </c>
      <c r="Z30" s="218">
        <v>0</v>
      </c>
      <c r="AA30" s="219">
        <v>2</v>
      </c>
      <c r="AB30" s="220">
        <v>0</v>
      </c>
      <c r="AC30" s="218">
        <v>25</v>
      </c>
      <c r="AD30" s="218">
        <v>37</v>
      </c>
      <c r="AE30" s="218">
        <v>35</v>
      </c>
      <c r="AF30" s="218">
        <v>23</v>
      </c>
      <c r="AG30" s="218">
        <v>9</v>
      </c>
      <c r="AH30" s="219">
        <v>129</v>
      </c>
      <c r="AI30" s="221">
        <v>131</v>
      </c>
    </row>
    <row r="31" spans="2:35" ht="21" customHeight="1" x14ac:dyDescent="0.2">
      <c r="B31" s="106" t="s">
        <v>30</v>
      </c>
      <c r="C31" s="217">
        <v>0</v>
      </c>
      <c r="D31" s="218">
        <v>0</v>
      </c>
      <c r="E31" s="219">
        <v>0</v>
      </c>
      <c r="F31" s="220">
        <v>0</v>
      </c>
      <c r="G31" s="218">
        <v>27</v>
      </c>
      <c r="H31" s="218">
        <v>20</v>
      </c>
      <c r="I31" s="218">
        <v>18</v>
      </c>
      <c r="J31" s="218">
        <v>4</v>
      </c>
      <c r="K31" s="218">
        <v>4</v>
      </c>
      <c r="L31" s="219">
        <v>73</v>
      </c>
      <c r="M31" s="221">
        <v>73</v>
      </c>
      <c r="N31" s="222">
        <v>0</v>
      </c>
      <c r="O31" s="218">
        <v>0</v>
      </c>
      <c r="P31" s="219">
        <v>0</v>
      </c>
      <c r="Q31" s="220">
        <v>0</v>
      </c>
      <c r="R31" s="218">
        <v>1</v>
      </c>
      <c r="S31" s="218">
        <v>0</v>
      </c>
      <c r="T31" s="218">
        <v>0</v>
      </c>
      <c r="U31" s="218">
        <v>0</v>
      </c>
      <c r="V31" s="218">
        <v>0</v>
      </c>
      <c r="W31" s="219">
        <v>1</v>
      </c>
      <c r="X31" s="221">
        <v>1</v>
      </c>
      <c r="Y31" s="222">
        <v>0</v>
      </c>
      <c r="Z31" s="218">
        <v>0</v>
      </c>
      <c r="AA31" s="219">
        <v>0</v>
      </c>
      <c r="AB31" s="220">
        <v>0</v>
      </c>
      <c r="AC31" s="218">
        <v>28</v>
      </c>
      <c r="AD31" s="218">
        <v>20</v>
      </c>
      <c r="AE31" s="218">
        <v>18</v>
      </c>
      <c r="AF31" s="218">
        <v>4</v>
      </c>
      <c r="AG31" s="218">
        <v>4</v>
      </c>
      <c r="AH31" s="219">
        <v>74</v>
      </c>
      <c r="AI31" s="221">
        <v>74</v>
      </c>
    </row>
    <row r="32" spans="2:35" ht="21" customHeight="1" x14ac:dyDescent="0.2">
      <c r="B32" s="106" t="s">
        <v>31</v>
      </c>
      <c r="C32" s="217">
        <v>0</v>
      </c>
      <c r="D32" s="218">
        <v>1</v>
      </c>
      <c r="E32" s="219">
        <v>1</v>
      </c>
      <c r="F32" s="220">
        <v>0</v>
      </c>
      <c r="G32" s="218">
        <v>30</v>
      </c>
      <c r="H32" s="218">
        <v>40</v>
      </c>
      <c r="I32" s="218">
        <v>28</v>
      </c>
      <c r="J32" s="218">
        <v>17</v>
      </c>
      <c r="K32" s="218">
        <v>3</v>
      </c>
      <c r="L32" s="219">
        <v>118</v>
      </c>
      <c r="M32" s="221">
        <v>119</v>
      </c>
      <c r="N32" s="222">
        <v>0</v>
      </c>
      <c r="O32" s="218">
        <v>0</v>
      </c>
      <c r="P32" s="219">
        <v>0</v>
      </c>
      <c r="Q32" s="220">
        <v>0</v>
      </c>
      <c r="R32" s="218">
        <v>0</v>
      </c>
      <c r="S32" s="218">
        <v>0</v>
      </c>
      <c r="T32" s="218">
        <v>0</v>
      </c>
      <c r="U32" s="218">
        <v>0</v>
      </c>
      <c r="V32" s="218">
        <v>0</v>
      </c>
      <c r="W32" s="219">
        <v>0</v>
      </c>
      <c r="X32" s="221">
        <v>0</v>
      </c>
      <c r="Y32" s="222">
        <v>0</v>
      </c>
      <c r="Z32" s="218">
        <v>1</v>
      </c>
      <c r="AA32" s="219">
        <v>1</v>
      </c>
      <c r="AB32" s="220">
        <v>0</v>
      </c>
      <c r="AC32" s="218">
        <v>30</v>
      </c>
      <c r="AD32" s="218">
        <v>40</v>
      </c>
      <c r="AE32" s="218">
        <v>28</v>
      </c>
      <c r="AF32" s="218">
        <v>17</v>
      </c>
      <c r="AG32" s="218">
        <v>3</v>
      </c>
      <c r="AH32" s="219">
        <v>118</v>
      </c>
      <c r="AI32" s="221">
        <v>119</v>
      </c>
    </row>
    <row r="33" spans="2:35" ht="21" customHeight="1" x14ac:dyDescent="0.2">
      <c r="B33" s="106" t="s">
        <v>32</v>
      </c>
      <c r="C33" s="217">
        <v>1</v>
      </c>
      <c r="D33" s="218">
        <v>3</v>
      </c>
      <c r="E33" s="219">
        <v>4</v>
      </c>
      <c r="F33" s="220">
        <v>0</v>
      </c>
      <c r="G33" s="218">
        <v>77</v>
      </c>
      <c r="H33" s="218">
        <v>45</v>
      </c>
      <c r="I33" s="218">
        <v>31</v>
      </c>
      <c r="J33" s="218">
        <v>26</v>
      </c>
      <c r="K33" s="218">
        <v>16</v>
      </c>
      <c r="L33" s="219">
        <v>195</v>
      </c>
      <c r="M33" s="221">
        <v>199</v>
      </c>
      <c r="N33" s="222">
        <v>0</v>
      </c>
      <c r="O33" s="218">
        <v>0</v>
      </c>
      <c r="P33" s="219">
        <v>0</v>
      </c>
      <c r="Q33" s="220">
        <v>0</v>
      </c>
      <c r="R33" s="218">
        <v>0</v>
      </c>
      <c r="S33" s="218">
        <v>0</v>
      </c>
      <c r="T33" s="218">
        <v>1</v>
      </c>
      <c r="U33" s="218">
        <v>0</v>
      </c>
      <c r="V33" s="218">
        <v>0</v>
      </c>
      <c r="W33" s="219">
        <v>1</v>
      </c>
      <c r="X33" s="221">
        <v>1</v>
      </c>
      <c r="Y33" s="222">
        <v>1</v>
      </c>
      <c r="Z33" s="218">
        <v>3</v>
      </c>
      <c r="AA33" s="219">
        <v>4</v>
      </c>
      <c r="AB33" s="220">
        <v>0</v>
      </c>
      <c r="AC33" s="218">
        <v>77</v>
      </c>
      <c r="AD33" s="218">
        <v>45</v>
      </c>
      <c r="AE33" s="218">
        <v>32</v>
      </c>
      <c r="AF33" s="218">
        <v>26</v>
      </c>
      <c r="AG33" s="218">
        <v>16</v>
      </c>
      <c r="AH33" s="219">
        <v>196</v>
      </c>
      <c r="AI33" s="221">
        <v>200</v>
      </c>
    </row>
    <row r="34" spans="2:35" ht="21" customHeight="1" x14ac:dyDescent="0.2">
      <c r="B34" s="106" t="s">
        <v>33</v>
      </c>
      <c r="C34" s="217">
        <v>0</v>
      </c>
      <c r="D34" s="218">
        <v>1</v>
      </c>
      <c r="E34" s="219">
        <v>1</v>
      </c>
      <c r="F34" s="220">
        <v>0</v>
      </c>
      <c r="G34" s="218">
        <v>31</v>
      </c>
      <c r="H34" s="218">
        <v>15</v>
      </c>
      <c r="I34" s="218">
        <v>13</v>
      </c>
      <c r="J34" s="218">
        <v>3</v>
      </c>
      <c r="K34" s="218">
        <v>2</v>
      </c>
      <c r="L34" s="219">
        <v>64</v>
      </c>
      <c r="M34" s="221">
        <v>65</v>
      </c>
      <c r="N34" s="222">
        <v>0</v>
      </c>
      <c r="O34" s="218">
        <v>0</v>
      </c>
      <c r="P34" s="219">
        <v>0</v>
      </c>
      <c r="Q34" s="220">
        <v>0</v>
      </c>
      <c r="R34" s="218">
        <v>0</v>
      </c>
      <c r="S34" s="218">
        <v>0</v>
      </c>
      <c r="T34" s="218">
        <v>0</v>
      </c>
      <c r="U34" s="218">
        <v>0</v>
      </c>
      <c r="V34" s="218">
        <v>0</v>
      </c>
      <c r="W34" s="219">
        <v>0</v>
      </c>
      <c r="X34" s="221">
        <v>0</v>
      </c>
      <c r="Y34" s="222">
        <v>0</v>
      </c>
      <c r="Z34" s="218">
        <v>1</v>
      </c>
      <c r="AA34" s="219">
        <v>1</v>
      </c>
      <c r="AB34" s="220">
        <v>0</v>
      </c>
      <c r="AC34" s="218">
        <v>31</v>
      </c>
      <c r="AD34" s="218">
        <v>15</v>
      </c>
      <c r="AE34" s="218">
        <v>13</v>
      </c>
      <c r="AF34" s="218">
        <v>3</v>
      </c>
      <c r="AG34" s="218">
        <v>2</v>
      </c>
      <c r="AH34" s="219">
        <v>64</v>
      </c>
      <c r="AI34" s="221">
        <v>65</v>
      </c>
    </row>
    <row r="35" spans="2:35" ht="21" customHeight="1" x14ac:dyDescent="0.2">
      <c r="B35" s="106" t="s">
        <v>34</v>
      </c>
      <c r="C35" s="217">
        <v>2</v>
      </c>
      <c r="D35" s="218">
        <v>3</v>
      </c>
      <c r="E35" s="219">
        <v>5</v>
      </c>
      <c r="F35" s="220">
        <v>0</v>
      </c>
      <c r="G35" s="218">
        <v>35</v>
      </c>
      <c r="H35" s="218">
        <v>17</v>
      </c>
      <c r="I35" s="218">
        <v>15</v>
      </c>
      <c r="J35" s="218">
        <v>8</v>
      </c>
      <c r="K35" s="218">
        <v>7</v>
      </c>
      <c r="L35" s="219">
        <v>82</v>
      </c>
      <c r="M35" s="221">
        <v>87</v>
      </c>
      <c r="N35" s="222">
        <v>0</v>
      </c>
      <c r="O35" s="218">
        <v>0</v>
      </c>
      <c r="P35" s="219">
        <v>0</v>
      </c>
      <c r="Q35" s="220">
        <v>0</v>
      </c>
      <c r="R35" s="218">
        <v>0</v>
      </c>
      <c r="S35" s="218">
        <v>0</v>
      </c>
      <c r="T35" s="218">
        <v>0</v>
      </c>
      <c r="U35" s="218">
        <v>0</v>
      </c>
      <c r="V35" s="218">
        <v>1</v>
      </c>
      <c r="W35" s="219">
        <v>1</v>
      </c>
      <c r="X35" s="221">
        <v>1</v>
      </c>
      <c r="Y35" s="222">
        <v>2</v>
      </c>
      <c r="Z35" s="218">
        <v>3</v>
      </c>
      <c r="AA35" s="219">
        <v>5</v>
      </c>
      <c r="AB35" s="220">
        <v>0</v>
      </c>
      <c r="AC35" s="218">
        <v>35</v>
      </c>
      <c r="AD35" s="218">
        <v>17</v>
      </c>
      <c r="AE35" s="218">
        <v>15</v>
      </c>
      <c r="AF35" s="218">
        <v>8</v>
      </c>
      <c r="AG35" s="218">
        <v>8</v>
      </c>
      <c r="AH35" s="219">
        <v>83</v>
      </c>
      <c r="AI35" s="221">
        <v>88</v>
      </c>
    </row>
    <row r="36" spans="2:35" ht="21" customHeight="1" x14ac:dyDescent="0.2">
      <c r="B36" s="106" t="s">
        <v>35</v>
      </c>
      <c r="C36" s="217">
        <v>2</v>
      </c>
      <c r="D36" s="218">
        <v>4</v>
      </c>
      <c r="E36" s="219">
        <v>6</v>
      </c>
      <c r="F36" s="220">
        <v>0</v>
      </c>
      <c r="G36" s="218">
        <v>43</v>
      </c>
      <c r="H36" s="218">
        <v>32</v>
      </c>
      <c r="I36" s="218">
        <v>35</v>
      </c>
      <c r="J36" s="218">
        <v>19</v>
      </c>
      <c r="K36" s="218">
        <v>11</v>
      </c>
      <c r="L36" s="219">
        <v>140</v>
      </c>
      <c r="M36" s="221">
        <v>146</v>
      </c>
      <c r="N36" s="222">
        <v>0</v>
      </c>
      <c r="O36" s="218">
        <v>0</v>
      </c>
      <c r="P36" s="219">
        <v>0</v>
      </c>
      <c r="Q36" s="220">
        <v>0</v>
      </c>
      <c r="R36" s="218">
        <v>0</v>
      </c>
      <c r="S36" s="218">
        <v>0</v>
      </c>
      <c r="T36" s="218">
        <v>0</v>
      </c>
      <c r="U36" s="218">
        <v>1</v>
      </c>
      <c r="V36" s="218">
        <v>0</v>
      </c>
      <c r="W36" s="219">
        <v>1</v>
      </c>
      <c r="X36" s="221">
        <v>1</v>
      </c>
      <c r="Y36" s="222">
        <v>2</v>
      </c>
      <c r="Z36" s="218">
        <v>4</v>
      </c>
      <c r="AA36" s="219">
        <v>6</v>
      </c>
      <c r="AB36" s="220">
        <v>0</v>
      </c>
      <c r="AC36" s="218">
        <v>43</v>
      </c>
      <c r="AD36" s="218">
        <v>32</v>
      </c>
      <c r="AE36" s="218">
        <v>35</v>
      </c>
      <c r="AF36" s="218">
        <v>20</v>
      </c>
      <c r="AG36" s="218">
        <v>11</v>
      </c>
      <c r="AH36" s="219">
        <v>141</v>
      </c>
      <c r="AI36" s="221">
        <v>147</v>
      </c>
    </row>
    <row r="37" spans="2:35" ht="21" customHeight="1" x14ac:dyDescent="0.2">
      <c r="B37" s="106" t="s">
        <v>36</v>
      </c>
      <c r="C37" s="217">
        <v>1</v>
      </c>
      <c r="D37" s="218">
        <v>0</v>
      </c>
      <c r="E37" s="219">
        <v>1</v>
      </c>
      <c r="F37" s="220">
        <v>0</v>
      </c>
      <c r="G37" s="218">
        <v>90</v>
      </c>
      <c r="H37" s="218">
        <v>77</v>
      </c>
      <c r="I37" s="218">
        <v>61</v>
      </c>
      <c r="J37" s="218">
        <v>22</v>
      </c>
      <c r="K37" s="218">
        <v>21</v>
      </c>
      <c r="L37" s="219">
        <v>271</v>
      </c>
      <c r="M37" s="221">
        <v>272</v>
      </c>
      <c r="N37" s="222">
        <v>0</v>
      </c>
      <c r="O37" s="218">
        <v>0</v>
      </c>
      <c r="P37" s="219">
        <v>0</v>
      </c>
      <c r="Q37" s="220">
        <v>0</v>
      </c>
      <c r="R37" s="218">
        <v>0</v>
      </c>
      <c r="S37" s="218">
        <v>0</v>
      </c>
      <c r="T37" s="218">
        <v>3</v>
      </c>
      <c r="U37" s="218">
        <v>1</v>
      </c>
      <c r="V37" s="218">
        <v>1</v>
      </c>
      <c r="W37" s="219">
        <v>5</v>
      </c>
      <c r="X37" s="221">
        <v>5</v>
      </c>
      <c r="Y37" s="222">
        <v>1</v>
      </c>
      <c r="Z37" s="218">
        <v>0</v>
      </c>
      <c r="AA37" s="219">
        <v>1</v>
      </c>
      <c r="AB37" s="220">
        <v>0</v>
      </c>
      <c r="AC37" s="218">
        <v>90</v>
      </c>
      <c r="AD37" s="218">
        <v>77</v>
      </c>
      <c r="AE37" s="218">
        <v>64</v>
      </c>
      <c r="AF37" s="218">
        <v>23</v>
      </c>
      <c r="AG37" s="218">
        <v>22</v>
      </c>
      <c r="AH37" s="219">
        <v>276</v>
      </c>
      <c r="AI37" s="221">
        <v>277</v>
      </c>
    </row>
    <row r="38" spans="2:35" ht="21" customHeight="1" thickBot="1" x14ac:dyDescent="0.25">
      <c r="B38" s="108" t="s">
        <v>37</v>
      </c>
      <c r="C38" s="223">
        <v>0</v>
      </c>
      <c r="D38" s="224">
        <v>0</v>
      </c>
      <c r="E38" s="225">
        <v>0</v>
      </c>
      <c r="F38" s="226">
        <v>0</v>
      </c>
      <c r="G38" s="224">
        <v>15</v>
      </c>
      <c r="H38" s="224">
        <v>12</v>
      </c>
      <c r="I38" s="224">
        <v>8</v>
      </c>
      <c r="J38" s="224">
        <v>9</v>
      </c>
      <c r="K38" s="224">
        <v>2</v>
      </c>
      <c r="L38" s="225">
        <v>46</v>
      </c>
      <c r="M38" s="227">
        <v>46</v>
      </c>
      <c r="N38" s="228">
        <v>0</v>
      </c>
      <c r="O38" s="224">
        <v>0</v>
      </c>
      <c r="P38" s="225">
        <v>0</v>
      </c>
      <c r="Q38" s="226">
        <v>0</v>
      </c>
      <c r="R38" s="224">
        <v>0</v>
      </c>
      <c r="S38" s="224">
        <v>0</v>
      </c>
      <c r="T38" s="224">
        <v>0</v>
      </c>
      <c r="U38" s="224">
        <v>0</v>
      </c>
      <c r="V38" s="224">
        <v>0</v>
      </c>
      <c r="W38" s="225">
        <v>0</v>
      </c>
      <c r="X38" s="227">
        <v>0</v>
      </c>
      <c r="Y38" s="228">
        <v>0</v>
      </c>
      <c r="Z38" s="224">
        <v>0</v>
      </c>
      <c r="AA38" s="225">
        <v>0</v>
      </c>
      <c r="AB38" s="226">
        <v>0</v>
      </c>
      <c r="AC38" s="224">
        <v>15</v>
      </c>
      <c r="AD38" s="224">
        <v>12</v>
      </c>
      <c r="AE38" s="224">
        <v>8</v>
      </c>
      <c r="AF38" s="224">
        <v>9</v>
      </c>
      <c r="AG38" s="224">
        <v>2</v>
      </c>
      <c r="AH38" s="225">
        <v>46</v>
      </c>
      <c r="AI38" s="227">
        <v>46</v>
      </c>
    </row>
    <row r="39" spans="2:35" x14ac:dyDescent="0.2">
      <c r="AA39" s="70"/>
      <c r="AB39" s="70"/>
      <c r="AC39" s="70"/>
      <c r="AD39" s="70"/>
      <c r="AE39" s="70"/>
      <c r="AF39" s="70"/>
      <c r="AG39" s="70"/>
      <c r="AH39" s="70"/>
      <c r="AI39" s="70"/>
    </row>
  </sheetData>
  <mergeCells count="5">
    <mergeCell ref="H1:I1"/>
    <mergeCell ref="K1:L1"/>
    <mergeCell ref="C3:M3"/>
    <mergeCell ref="N3:X3"/>
    <mergeCell ref="Y3:AI3"/>
  </mergeCells>
  <phoneticPr fontId="4"/>
  <pageMargins left="0.35433070866141736" right="0.27559055118110237" top="0.35433070866141736" bottom="0.43307086614173229" header="0.19685039370078741" footer="0.19685039370078741"/>
  <pageSetup paperSize="9" scale="51" orientation="landscape" r:id="rId1"/>
  <headerFooter alignWithMargins="0">
    <oddFooter>&amp;L&amp;20&amp;A&amp;C&amp;P/&amp;N</oddFooter>
  </headerFooter>
  <colBreaks count="1" manualBreakCount="1">
    <brk id="24" max="1048575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CW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.33203125" style="175" customWidth="1"/>
    <col min="6" max="6" width="7.6640625" style="175" customWidth="1"/>
    <col min="7" max="7" width="8.44140625" style="175" customWidth="1"/>
    <col min="8" max="8" width="8.77734375" style="175" customWidth="1"/>
    <col min="9" max="16" width="9" style="175"/>
    <col min="17" max="17" width="7.21875" style="175" customWidth="1"/>
    <col min="18" max="27" width="9" style="175"/>
    <col min="28" max="28" width="7.6640625" style="175" customWidth="1"/>
    <col min="29" max="38" width="9" style="175"/>
    <col min="39" max="39" width="7.6640625" style="175" customWidth="1"/>
    <col min="40" max="49" width="9" style="175"/>
    <col min="50" max="50" width="7.6640625" style="175" customWidth="1"/>
    <col min="51" max="60" width="9" style="175"/>
    <col min="61" max="61" width="7.21875" style="175" customWidth="1"/>
    <col min="62" max="71" width="9" style="175"/>
    <col min="72" max="72" width="7.21875" style="175" customWidth="1"/>
    <col min="73" max="82" width="9" style="175"/>
    <col min="83" max="83" width="7.33203125" style="175" customWidth="1"/>
    <col min="84" max="93" width="9" style="175"/>
    <col min="94" max="94" width="7.44140625" style="175" customWidth="1"/>
    <col min="95" max="16384" width="9" style="175"/>
  </cols>
  <sheetData>
    <row r="1" spans="2:101" ht="24" customHeight="1" x14ac:dyDescent="0.2">
      <c r="B1" s="142" t="s">
        <v>122</v>
      </c>
      <c r="I1" s="442">
        <f>第１表!F2</f>
        <v>7</v>
      </c>
      <c r="J1" s="442"/>
      <c r="K1" s="18">
        <f>第１表!G2</f>
        <v>2</v>
      </c>
      <c r="L1" s="447">
        <f>IF(K1&lt;3,K1+12-2,K1-2)</f>
        <v>12</v>
      </c>
      <c r="M1" s="447"/>
    </row>
    <row r="2" spans="2:101" s="71" customFormat="1" ht="24" customHeight="1" thickBot="1" x14ac:dyDescent="0.25">
      <c r="B2" s="142" t="s">
        <v>129</v>
      </c>
    </row>
    <row r="3" spans="2:101" ht="21" customHeight="1" thickBot="1" x14ac:dyDescent="0.25">
      <c r="B3" s="478"/>
      <c r="C3" s="472" t="s">
        <v>113</v>
      </c>
      <c r="D3" s="473"/>
      <c r="E3" s="473"/>
      <c r="F3" s="473"/>
      <c r="G3" s="473"/>
      <c r="H3" s="473"/>
      <c r="I3" s="473"/>
      <c r="J3" s="473"/>
      <c r="K3" s="473"/>
      <c r="L3" s="473"/>
      <c r="M3" s="474"/>
      <c r="N3" s="472" t="s">
        <v>114</v>
      </c>
      <c r="O3" s="473"/>
      <c r="P3" s="473"/>
      <c r="Q3" s="473"/>
      <c r="R3" s="473"/>
      <c r="S3" s="473"/>
      <c r="T3" s="473"/>
      <c r="U3" s="473"/>
      <c r="V3" s="473"/>
      <c r="W3" s="473"/>
      <c r="X3" s="474"/>
      <c r="Y3" s="472" t="s">
        <v>138</v>
      </c>
      <c r="Z3" s="473"/>
      <c r="AA3" s="473"/>
      <c r="AB3" s="473"/>
      <c r="AC3" s="473"/>
      <c r="AD3" s="473"/>
      <c r="AE3" s="473"/>
      <c r="AF3" s="473"/>
      <c r="AG3" s="473"/>
      <c r="AH3" s="473"/>
      <c r="AI3" s="474"/>
      <c r="AJ3" s="472" t="s">
        <v>90</v>
      </c>
      <c r="AK3" s="473"/>
      <c r="AL3" s="473"/>
      <c r="AM3" s="473"/>
      <c r="AN3" s="473"/>
      <c r="AO3" s="473"/>
      <c r="AP3" s="473"/>
      <c r="AQ3" s="473"/>
      <c r="AR3" s="473"/>
      <c r="AS3" s="473"/>
      <c r="AT3" s="474"/>
      <c r="AU3" s="481" t="s">
        <v>89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91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92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93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2" t="s">
        <v>13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</row>
    <row r="4" spans="2:101" ht="21" customHeight="1" x14ac:dyDescent="0.2">
      <c r="B4" s="479"/>
      <c r="C4" s="465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65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67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93" t="s">
        <v>61</v>
      </c>
      <c r="AV4" s="491"/>
      <c r="AW4" s="492"/>
      <c r="AX4" s="490" t="s">
        <v>62</v>
      </c>
      <c r="AY4" s="491"/>
      <c r="AZ4" s="491"/>
      <c r="BA4" s="491"/>
      <c r="BB4" s="491"/>
      <c r="BC4" s="491"/>
      <c r="BD4" s="492"/>
      <c r="BE4" s="494" t="s">
        <v>52</v>
      </c>
      <c r="BF4" s="493" t="s">
        <v>61</v>
      </c>
      <c r="BG4" s="491"/>
      <c r="BH4" s="492"/>
      <c r="BI4" s="490" t="s">
        <v>62</v>
      </c>
      <c r="BJ4" s="491"/>
      <c r="BK4" s="491"/>
      <c r="BL4" s="491"/>
      <c r="BM4" s="491"/>
      <c r="BN4" s="491"/>
      <c r="BO4" s="492"/>
      <c r="BP4" s="494" t="s">
        <v>52</v>
      </c>
      <c r="BQ4" s="493" t="s">
        <v>61</v>
      </c>
      <c r="BR4" s="491"/>
      <c r="BS4" s="492"/>
      <c r="BT4" s="490" t="s">
        <v>62</v>
      </c>
      <c r="BU4" s="491"/>
      <c r="BV4" s="491"/>
      <c r="BW4" s="491"/>
      <c r="BX4" s="491"/>
      <c r="BY4" s="491"/>
      <c r="BZ4" s="492"/>
      <c r="CA4" s="494" t="s">
        <v>52</v>
      </c>
      <c r="CB4" s="493" t="s">
        <v>61</v>
      </c>
      <c r="CC4" s="491"/>
      <c r="CD4" s="492"/>
      <c r="CE4" s="490" t="s">
        <v>62</v>
      </c>
      <c r="CF4" s="491"/>
      <c r="CG4" s="491"/>
      <c r="CH4" s="491"/>
      <c r="CI4" s="491"/>
      <c r="CJ4" s="491"/>
      <c r="CK4" s="492"/>
      <c r="CL4" s="494" t="s">
        <v>52</v>
      </c>
      <c r="CM4" s="493" t="s">
        <v>61</v>
      </c>
      <c r="CN4" s="491"/>
      <c r="CO4" s="492"/>
      <c r="CP4" s="490" t="s">
        <v>62</v>
      </c>
      <c r="CQ4" s="491"/>
      <c r="CR4" s="491"/>
      <c r="CS4" s="491"/>
      <c r="CT4" s="491"/>
      <c r="CU4" s="491"/>
      <c r="CV4" s="492"/>
      <c r="CW4" s="494" t="s">
        <v>52</v>
      </c>
    </row>
    <row r="5" spans="2:101" ht="30" customHeight="1" thickBot="1" x14ac:dyDescent="0.25">
      <c r="B5" s="480"/>
      <c r="C5" s="177" t="s">
        <v>43</v>
      </c>
      <c r="D5" s="182" t="s">
        <v>44</v>
      </c>
      <c r="E5" s="205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177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2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2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2" t="s">
        <v>45</v>
      </c>
      <c r="BE5" s="495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95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95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95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95"/>
    </row>
    <row r="6" spans="2:101" ht="21" customHeight="1" x14ac:dyDescent="0.2">
      <c r="B6" s="84" t="s">
        <v>4</v>
      </c>
      <c r="C6" s="183">
        <v>0</v>
      </c>
      <c r="D6" s="189">
        <v>0</v>
      </c>
      <c r="E6" s="206">
        <v>0</v>
      </c>
      <c r="F6" s="186">
        <v>0</v>
      </c>
      <c r="G6" s="184">
        <v>345</v>
      </c>
      <c r="H6" s="184">
        <v>464</v>
      </c>
      <c r="I6" s="184">
        <v>377</v>
      </c>
      <c r="J6" s="184">
        <v>463</v>
      </c>
      <c r="K6" s="184">
        <v>432</v>
      </c>
      <c r="L6" s="187">
        <v>2081</v>
      </c>
      <c r="M6" s="188">
        <v>2081</v>
      </c>
      <c r="N6" s="183">
        <v>0</v>
      </c>
      <c r="O6" s="184">
        <v>0</v>
      </c>
      <c r="P6" s="189">
        <v>0</v>
      </c>
      <c r="Q6" s="186">
        <v>0</v>
      </c>
      <c r="R6" s="184">
        <v>211</v>
      </c>
      <c r="S6" s="184">
        <v>484</v>
      </c>
      <c r="T6" s="184">
        <v>460</v>
      </c>
      <c r="U6" s="184">
        <v>427</v>
      </c>
      <c r="V6" s="184">
        <v>421</v>
      </c>
      <c r="W6" s="189">
        <v>2003</v>
      </c>
      <c r="X6" s="188">
        <v>2003</v>
      </c>
      <c r="Y6" s="183">
        <v>0</v>
      </c>
      <c r="Z6" s="184">
        <v>0</v>
      </c>
      <c r="AA6" s="189">
        <v>0</v>
      </c>
      <c r="AB6" s="186">
        <v>0</v>
      </c>
      <c r="AC6" s="184">
        <v>14904</v>
      </c>
      <c r="AD6" s="184">
        <v>14046</v>
      </c>
      <c r="AE6" s="184">
        <v>6210</v>
      </c>
      <c r="AF6" s="184">
        <v>2995</v>
      </c>
      <c r="AG6" s="184">
        <v>1305</v>
      </c>
      <c r="AH6" s="189">
        <v>39460</v>
      </c>
      <c r="AI6" s="188">
        <v>39460</v>
      </c>
      <c r="AJ6" s="183">
        <v>8</v>
      </c>
      <c r="AK6" s="184">
        <v>8</v>
      </c>
      <c r="AL6" s="189">
        <v>16</v>
      </c>
      <c r="AM6" s="186">
        <v>0</v>
      </c>
      <c r="AN6" s="184">
        <v>815</v>
      </c>
      <c r="AO6" s="184">
        <v>1012</v>
      </c>
      <c r="AP6" s="184">
        <v>1036</v>
      </c>
      <c r="AQ6" s="184">
        <v>560</v>
      </c>
      <c r="AR6" s="184">
        <v>431</v>
      </c>
      <c r="AS6" s="189">
        <v>3854</v>
      </c>
      <c r="AT6" s="188">
        <v>3870</v>
      </c>
      <c r="AU6" s="183">
        <v>175</v>
      </c>
      <c r="AV6" s="184">
        <v>268</v>
      </c>
      <c r="AW6" s="189">
        <v>443</v>
      </c>
      <c r="AX6" s="186">
        <v>0</v>
      </c>
      <c r="AY6" s="184">
        <v>1539</v>
      </c>
      <c r="AZ6" s="184">
        <v>1643</v>
      </c>
      <c r="BA6" s="184">
        <v>1328</v>
      </c>
      <c r="BB6" s="184">
        <v>924</v>
      </c>
      <c r="BC6" s="184">
        <v>547</v>
      </c>
      <c r="BD6" s="189">
        <v>5981</v>
      </c>
      <c r="BE6" s="188">
        <v>6424</v>
      </c>
      <c r="BF6" s="183">
        <v>0</v>
      </c>
      <c r="BG6" s="184">
        <v>35</v>
      </c>
      <c r="BH6" s="189">
        <v>35</v>
      </c>
      <c r="BI6" s="186">
        <v>0</v>
      </c>
      <c r="BJ6" s="184">
        <v>2687</v>
      </c>
      <c r="BK6" s="184">
        <v>3409</v>
      </c>
      <c r="BL6" s="184">
        <v>3766</v>
      </c>
      <c r="BM6" s="184">
        <v>2407</v>
      </c>
      <c r="BN6" s="184">
        <v>1561</v>
      </c>
      <c r="BO6" s="187">
        <v>13830</v>
      </c>
      <c r="BP6" s="188">
        <v>13865</v>
      </c>
      <c r="BQ6" s="183">
        <v>0</v>
      </c>
      <c r="BR6" s="184">
        <v>0</v>
      </c>
      <c r="BS6" s="189">
        <v>0</v>
      </c>
      <c r="BT6" s="186">
        <v>0</v>
      </c>
      <c r="BU6" s="184">
        <v>39</v>
      </c>
      <c r="BV6" s="184">
        <v>44</v>
      </c>
      <c r="BW6" s="184">
        <v>69</v>
      </c>
      <c r="BX6" s="184">
        <v>73</v>
      </c>
      <c r="BY6" s="184">
        <v>50</v>
      </c>
      <c r="BZ6" s="189">
        <v>275</v>
      </c>
      <c r="CA6" s="188">
        <v>275</v>
      </c>
      <c r="CB6" s="183">
        <v>0</v>
      </c>
      <c r="CC6" s="184">
        <v>0</v>
      </c>
      <c r="CD6" s="189">
        <v>0</v>
      </c>
      <c r="CE6" s="186">
        <v>0</v>
      </c>
      <c r="CF6" s="184">
        <v>5</v>
      </c>
      <c r="CG6" s="184">
        <v>24</v>
      </c>
      <c r="CH6" s="184">
        <v>218</v>
      </c>
      <c r="CI6" s="184">
        <v>353</v>
      </c>
      <c r="CJ6" s="184">
        <v>207</v>
      </c>
      <c r="CK6" s="189">
        <v>807</v>
      </c>
      <c r="CL6" s="188">
        <v>807</v>
      </c>
      <c r="CM6" s="183">
        <v>0</v>
      </c>
      <c r="CN6" s="184">
        <v>0</v>
      </c>
      <c r="CO6" s="189">
        <v>0</v>
      </c>
      <c r="CP6" s="186">
        <v>0</v>
      </c>
      <c r="CQ6" s="184">
        <v>242</v>
      </c>
      <c r="CR6" s="184">
        <v>335</v>
      </c>
      <c r="CS6" s="184">
        <v>352</v>
      </c>
      <c r="CT6" s="184">
        <v>438</v>
      </c>
      <c r="CU6" s="184">
        <v>493</v>
      </c>
      <c r="CV6" s="189">
        <v>1860</v>
      </c>
      <c r="CW6" s="188">
        <v>1860</v>
      </c>
    </row>
    <row r="7" spans="2:101" ht="21" customHeight="1" x14ac:dyDescent="0.2">
      <c r="B7" s="95" t="s">
        <v>5</v>
      </c>
      <c r="C7" s="190">
        <v>0</v>
      </c>
      <c r="D7" s="196">
        <v>0</v>
      </c>
      <c r="E7" s="207">
        <v>0</v>
      </c>
      <c r="F7" s="193">
        <v>0</v>
      </c>
      <c r="G7" s="191">
        <v>139</v>
      </c>
      <c r="H7" s="191">
        <v>213</v>
      </c>
      <c r="I7" s="191">
        <v>180</v>
      </c>
      <c r="J7" s="191">
        <v>219</v>
      </c>
      <c r="K7" s="191">
        <v>189</v>
      </c>
      <c r="L7" s="194">
        <v>940</v>
      </c>
      <c r="M7" s="195">
        <v>940</v>
      </c>
      <c r="N7" s="190">
        <v>0</v>
      </c>
      <c r="O7" s="191">
        <v>0</v>
      </c>
      <c r="P7" s="196">
        <v>0</v>
      </c>
      <c r="Q7" s="193">
        <v>0</v>
      </c>
      <c r="R7" s="191">
        <v>120</v>
      </c>
      <c r="S7" s="191">
        <v>373</v>
      </c>
      <c r="T7" s="191">
        <v>341</v>
      </c>
      <c r="U7" s="191">
        <v>320</v>
      </c>
      <c r="V7" s="191">
        <v>312</v>
      </c>
      <c r="W7" s="196">
        <v>1466</v>
      </c>
      <c r="X7" s="195">
        <v>1466</v>
      </c>
      <c r="Y7" s="190">
        <v>0</v>
      </c>
      <c r="Z7" s="191">
        <v>0</v>
      </c>
      <c r="AA7" s="196">
        <v>0</v>
      </c>
      <c r="AB7" s="193">
        <v>0</v>
      </c>
      <c r="AC7" s="191">
        <v>5361</v>
      </c>
      <c r="AD7" s="191">
        <v>6724</v>
      </c>
      <c r="AE7" s="191">
        <v>2923</v>
      </c>
      <c r="AF7" s="191">
        <v>1368</v>
      </c>
      <c r="AG7" s="191">
        <v>605</v>
      </c>
      <c r="AH7" s="196">
        <v>16981</v>
      </c>
      <c r="AI7" s="195">
        <v>16981</v>
      </c>
      <c r="AJ7" s="190">
        <v>4</v>
      </c>
      <c r="AK7" s="191">
        <v>2</v>
      </c>
      <c r="AL7" s="196">
        <v>6</v>
      </c>
      <c r="AM7" s="193">
        <v>0</v>
      </c>
      <c r="AN7" s="191">
        <v>398</v>
      </c>
      <c r="AO7" s="191">
        <v>528</v>
      </c>
      <c r="AP7" s="191">
        <v>529</v>
      </c>
      <c r="AQ7" s="191">
        <v>316</v>
      </c>
      <c r="AR7" s="191">
        <v>239</v>
      </c>
      <c r="AS7" s="196">
        <v>2010</v>
      </c>
      <c r="AT7" s="195">
        <v>2016</v>
      </c>
      <c r="AU7" s="190">
        <v>60</v>
      </c>
      <c r="AV7" s="191">
        <v>119</v>
      </c>
      <c r="AW7" s="196">
        <v>179</v>
      </c>
      <c r="AX7" s="193">
        <v>0</v>
      </c>
      <c r="AY7" s="191">
        <v>586</v>
      </c>
      <c r="AZ7" s="191">
        <v>753</v>
      </c>
      <c r="BA7" s="191">
        <v>540</v>
      </c>
      <c r="BB7" s="191">
        <v>429</v>
      </c>
      <c r="BC7" s="191">
        <v>270</v>
      </c>
      <c r="BD7" s="196">
        <v>2578</v>
      </c>
      <c r="BE7" s="195">
        <v>2757</v>
      </c>
      <c r="BF7" s="190">
        <v>0</v>
      </c>
      <c r="BG7" s="191">
        <v>15</v>
      </c>
      <c r="BH7" s="196">
        <v>15</v>
      </c>
      <c r="BI7" s="193">
        <v>0</v>
      </c>
      <c r="BJ7" s="191">
        <v>1145</v>
      </c>
      <c r="BK7" s="191">
        <v>1480</v>
      </c>
      <c r="BL7" s="191">
        <v>1579</v>
      </c>
      <c r="BM7" s="191">
        <v>1034</v>
      </c>
      <c r="BN7" s="191">
        <v>688</v>
      </c>
      <c r="BO7" s="194">
        <v>5926</v>
      </c>
      <c r="BP7" s="195">
        <v>5941</v>
      </c>
      <c r="BQ7" s="190">
        <v>0</v>
      </c>
      <c r="BR7" s="191">
        <v>0</v>
      </c>
      <c r="BS7" s="196">
        <v>0</v>
      </c>
      <c r="BT7" s="193">
        <v>0</v>
      </c>
      <c r="BU7" s="191">
        <v>1</v>
      </c>
      <c r="BV7" s="191">
        <v>3</v>
      </c>
      <c r="BW7" s="191">
        <v>5</v>
      </c>
      <c r="BX7" s="191">
        <v>1</v>
      </c>
      <c r="BY7" s="191">
        <v>2</v>
      </c>
      <c r="BZ7" s="196">
        <v>12</v>
      </c>
      <c r="CA7" s="195">
        <v>12</v>
      </c>
      <c r="CB7" s="190">
        <v>0</v>
      </c>
      <c r="CC7" s="191">
        <v>0</v>
      </c>
      <c r="CD7" s="196">
        <v>0</v>
      </c>
      <c r="CE7" s="193">
        <v>0</v>
      </c>
      <c r="CF7" s="191">
        <v>3</v>
      </c>
      <c r="CG7" s="191">
        <v>10</v>
      </c>
      <c r="CH7" s="191">
        <v>21</v>
      </c>
      <c r="CI7" s="191">
        <v>41</v>
      </c>
      <c r="CJ7" s="191">
        <v>37</v>
      </c>
      <c r="CK7" s="196">
        <v>112</v>
      </c>
      <c r="CL7" s="195">
        <v>112</v>
      </c>
      <c r="CM7" s="190">
        <v>0</v>
      </c>
      <c r="CN7" s="191">
        <v>0</v>
      </c>
      <c r="CO7" s="196">
        <v>0</v>
      </c>
      <c r="CP7" s="193">
        <v>0</v>
      </c>
      <c r="CQ7" s="191">
        <v>24</v>
      </c>
      <c r="CR7" s="191">
        <v>67</v>
      </c>
      <c r="CS7" s="191">
        <v>61</v>
      </c>
      <c r="CT7" s="191">
        <v>125</v>
      </c>
      <c r="CU7" s="191">
        <v>163</v>
      </c>
      <c r="CV7" s="196">
        <v>440</v>
      </c>
      <c r="CW7" s="195">
        <v>440</v>
      </c>
    </row>
    <row r="8" spans="2:101" ht="21" customHeight="1" x14ac:dyDescent="0.2">
      <c r="B8" s="106" t="s">
        <v>6</v>
      </c>
      <c r="C8" s="190">
        <v>0</v>
      </c>
      <c r="D8" s="196">
        <v>0</v>
      </c>
      <c r="E8" s="207">
        <v>0</v>
      </c>
      <c r="F8" s="193">
        <v>0</v>
      </c>
      <c r="G8" s="191">
        <v>73</v>
      </c>
      <c r="H8" s="191">
        <v>89</v>
      </c>
      <c r="I8" s="191">
        <v>69</v>
      </c>
      <c r="J8" s="191">
        <v>118</v>
      </c>
      <c r="K8" s="191">
        <v>119</v>
      </c>
      <c r="L8" s="194">
        <v>468</v>
      </c>
      <c r="M8" s="195">
        <v>468</v>
      </c>
      <c r="N8" s="190">
        <v>0</v>
      </c>
      <c r="O8" s="191">
        <v>0</v>
      </c>
      <c r="P8" s="196">
        <v>0</v>
      </c>
      <c r="Q8" s="193">
        <v>0</v>
      </c>
      <c r="R8" s="191">
        <v>73</v>
      </c>
      <c r="S8" s="191">
        <v>97</v>
      </c>
      <c r="T8" s="191">
        <v>102</v>
      </c>
      <c r="U8" s="191">
        <v>87</v>
      </c>
      <c r="V8" s="191">
        <v>95</v>
      </c>
      <c r="W8" s="196">
        <v>454</v>
      </c>
      <c r="X8" s="195">
        <v>454</v>
      </c>
      <c r="Y8" s="190">
        <v>0</v>
      </c>
      <c r="Z8" s="191">
        <v>0</v>
      </c>
      <c r="AA8" s="196">
        <v>0</v>
      </c>
      <c r="AB8" s="193">
        <v>0</v>
      </c>
      <c r="AC8" s="191">
        <v>2010</v>
      </c>
      <c r="AD8" s="191">
        <v>1520</v>
      </c>
      <c r="AE8" s="191">
        <v>713</v>
      </c>
      <c r="AF8" s="191">
        <v>381</v>
      </c>
      <c r="AG8" s="191">
        <v>176</v>
      </c>
      <c r="AH8" s="196">
        <v>4800</v>
      </c>
      <c r="AI8" s="195">
        <v>4800</v>
      </c>
      <c r="AJ8" s="190">
        <v>2</v>
      </c>
      <c r="AK8" s="191">
        <v>0</v>
      </c>
      <c r="AL8" s="196">
        <v>2</v>
      </c>
      <c r="AM8" s="193">
        <v>0</v>
      </c>
      <c r="AN8" s="191">
        <v>172</v>
      </c>
      <c r="AO8" s="191">
        <v>225</v>
      </c>
      <c r="AP8" s="191">
        <v>230</v>
      </c>
      <c r="AQ8" s="191">
        <v>121</v>
      </c>
      <c r="AR8" s="191">
        <v>95</v>
      </c>
      <c r="AS8" s="196">
        <v>843</v>
      </c>
      <c r="AT8" s="195">
        <v>845</v>
      </c>
      <c r="AU8" s="190">
        <v>22</v>
      </c>
      <c r="AV8" s="191">
        <v>38</v>
      </c>
      <c r="AW8" s="196">
        <v>60</v>
      </c>
      <c r="AX8" s="193">
        <v>0</v>
      </c>
      <c r="AY8" s="191">
        <v>256</v>
      </c>
      <c r="AZ8" s="191">
        <v>222</v>
      </c>
      <c r="BA8" s="191">
        <v>180</v>
      </c>
      <c r="BB8" s="191">
        <v>116</v>
      </c>
      <c r="BC8" s="191">
        <v>62</v>
      </c>
      <c r="BD8" s="196">
        <v>836</v>
      </c>
      <c r="BE8" s="195">
        <v>896</v>
      </c>
      <c r="BF8" s="190">
        <v>0</v>
      </c>
      <c r="BG8" s="191">
        <v>5</v>
      </c>
      <c r="BH8" s="196">
        <v>5</v>
      </c>
      <c r="BI8" s="193">
        <v>0</v>
      </c>
      <c r="BJ8" s="191">
        <v>485</v>
      </c>
      <c r="BK8" s="191">
        <v>602</v>
      </c>
      <c r="BL8" s="191">
        <v>591</v>
      </c>
      <c r="BM8" s="191">
        <v>368</v>
      </c>
      <c r="BN8" s="191">
        <v>275</v>
      </c>
      <c r="BO8" s="194">
        <v>2321</v>
      </c>
      <c r="BP8" s="195">
        <v>2326</v>
      </c>
      <c r="BQ8" s="190">
        <v>0</v>
      </c>
      <c r="BR8" s="191">
        <v>0</v>
      </c>
      <c r="BS8" s="196">
        <v>0</v>
      </c>
      <c r="BT8" s="193">
        <v>0</v>
      </c>
      <c r="BU8" s="191">
        <v>0</v>
      </c>
      <c r="BV8" s="191">
        <v>0</v>
      </c>
      <c r="BW8" s="191">
        <v>0</v>
      </c>
      <c r="BX8" s="191">
        <v>0</v>
      </c>
      <c r="BY8" s="191">
        <v>0</v>
      </c>
      <c r="BZ8" s="196">
        <v>0</v>
      </c>
      <c r="CA8" s="195">
        <v>0</v>
      </c>
      <c r="CB8" s="190">
        <v>0</v>
      </c>
      <c r="CC8" s="191">
        <v>0</v>
      </c>
      <c r="CD8" s="196">
        <v>0</v>
      </c>
      <c r="CE8" s="193">
        <v>0</v>
      </c>
      <c r="CF8" s="191">
        <v>1</v>
      </c>
      <c r="CG8" s="191">
        <v>9</v>
      </c>
      <c r="CH8" s="191">
        <v>64</v>
      </c>
      <c r="CI8" s="191">
        <v>93</v>
      </c>
      <c r="CJ8" s="191">
        <v>55</v>
      </c>
      <c r="CK8" s="196">
        <v>222</v>
      </c>
      <c r="CL8" s="195">
        <v>222</v>
      </c>
      <c r="CM8" s="190">
        <v>0</v>
      </c>
      <c r="CN8" s="191">
        <v>0</v>
      </c>
      <c r="CO8" s="196">
        <v>0</v>
      </c>
      <c r="CP8" s="193">
        <v>0</v>
      </c>
      <c r="CQ8" s="191">
        <v>87</v>
      </c>
      <c r="CR8" s="191">
        <v>98</v>
      </c>
      <c r="CS8" s="191">
        <v>102</v>
      </c>
      <c r="CT8" s="191">
        <v>91</v>
      </c>
      <c r="CU8" s="191">
        <v>123</v>
      </c>
      <c r="CV8" s="196">
        <v>501</v>
      </c>
      <c r="CW8" s="195">
        <v>501</v>
      </c>
    </row>
    <row r="9" spans="2:101" ht="21" customHeight="1" x14ac:dyDescent="0.2">
      <c r="B9" s="106" t="s">
        <v>14</v>
      </c>
      <c r="C9" s="190">
        <v>0</v>
      </c>
      <c r="D9" s="196">
        <v>0</v>
      </c>
      <c r="E9" s="207">
        <v>0</v>
      </c>
      <c r="F9" s="193">
        <v>0</v>
      </c>
      <c r="G9" s="191">
        <v>30</v>
      </c>
      <c r="H9" s="191">
        <v>54</v>
      </c>
      <c r="I9" s="191">
        <v>38</v>
      </c>
      <c r="J9" s="191">
        <v>43</v>
      </c>
      <c r="K9" s="191">
        <v>40</v>
      </c>
      <c r="L9" s="194">
        <v>205</v>
      </c>
      <c r="M9" s="195">
        <v>205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0</v>
      </c>
      <c r="T9" s="191">
        <v>0</v>
      </c>
      <c r="U9" s="191">
        <v>0</v>
      </c>
      <c r="V9" s="191">
        <v>0</v>
      </c>
      <c r="W9" s="196">
        <v>0</v>
      </c>
      <c r="X9" s="195">
        <v>0</v>
      </c>
      <c r="Y9" s="190">
        <v>0</v>
      </c>
      <c r="Z9" s="191">
        <v>0</v>
      </c>
      <c r="AA9" s="196">
        <v>0</v>
      </c>
      <c r="AB9" s="193">
        <v>0</v>
      </c>
      <c r="AC9" s="191">
        <v>1231</v>
      </c>
      <c r="AD9" s="191">
        <v>1309</v>
      </c>
      <c r="AE9" s="191">
        <v>596</v>
      </c>
      <c r="AF9" s="191">
        <v>290</v>
      </c>
      <c r="AG9" s="191">
        <v>123</v>
      </c>
      <c r="AH9" s="196">
        <v>3549</v>
      </c>
      <c r="AI9" s="195">
        <v>3549</v>
      </c>
      <c r="AJ9" s="190">
        <v>0</v>
      </c>
      <c r="AK9" s="191">
        <v>0</v>
      </c>
      <c r="AL9" s="196">
        <v>0</v>
      </c>
      <c r="AM9" s="193">
        <v>0</v>
      </c>
      <c r="AN9" s="191">
        <v>17</v>
      </c>
      <c r="AO9" s="191">
        <v>21</v>
      </c>
      <c r="AP9" s="191">
        <v>27</v>
      </c>
      <c r="AQ9" s="191">
        <v>15</v>
      </c>
      <c r="AR9" s="191">
        <v>16</v>
      </c>
      <c r="AS9" s="196">
        <v>96</v>
      </c>
      <c r="AT9" s="195">
        <v>96</v>
      </c>
      <c r="AU9" s="190">
        <v>22</v>
      </c>
      <c r="AV9" s="191">
        <v>22</v>
      </c>
      <c r="AW9" s="196">
        <v>44</v>
      </c>
      <c r="AX9" s="193">
        <v>0</v>
      </c>
      <c r="AY9" s="191">
        <v>114</v>
      </c>
      <c r="AZ9" s="191">
        <v>144</v>
      </c>
      <c r="BA9" s="191">
        <v>134</v>
      </c>
      <c r="BB9" s="191">
        <v>65</v>
      </c>
      <c r="BC9" s="191">
        <v>36</v>
      </c>
      <c r="BD9" s="196">
        <v>493</v>
      </c>
      <c r="BE9" s="195">
        <v>537</v>
      </c>
      <c r="BF9" s="190">
        <v>0</v>
      </c>
      <c r="BG9" s="191">
        <v>2</v>
      </c>
      <c r="BH9" s="196">
        <v>2</v>
      </c>
      <c r="BI9" s="193">
        <v>0</v>
      </c>
      <c r="BJ9" s="191">
        <v>225</v>
      </c>
      <c r="BK9" s="191">
        <v>310</v>
      </c>
      <c r="BL9" s="191">
        <v>434</v>
      </c>
      <c r="BM9" s="191">
        <v>212</v>
      </c>
      <c r="BN9" s="191">
        <v>120</v>
      </c>
      <c r="BO9" s="194">
        <v>1301</v>
      </c>
      <c r="BP9" s="195">
        <v>1303</v>
      </c>
      <c r="BQ9" s="190">
        <v>0</v>
      </c>
      <c r="BR9" s="191">
        <v>0</v>
      </c>
      <c r="BS9" s="196">
        <v>0</v>
      </c>
      <c r="BT9" s="193">
        <v>0</v>
      </c>
      <c r="BU9" s="191">
        <v>0</v>
      </c>
      <c r="BV9" s="191">
        <v>0</v>
      </c>
      <c r="BW9" s="191">
        <v>0</v>
      </c>
      <c r="BX9" s="191">
        <v>0</v>
      </c>
      <c r="BY9" s="191">
        <v>0</v>
      </c>
      <c r="BZ9" s="196">
        <v>0</v>
      </c>
      <c r="CA9" s="195">
        <v>0</v>
      </c>
      <c r="CB9" s="190">
        <v>0</v>
      </c>
      <c r="CC9" s="191">
        <v>0</v>
      </c>
      <c r="CD9" s="196">
        <v>0</v>
      </c>
      <c r="CE9" s="193">
        <v>0</v>
      </c>
      <c r="CF9" s="191">
        <v>0</v>
      </c>
      <c r="CG9" s="191">
        <v>0</v>
      </c>
      <c r="CH9" s="191">
        <v>13</v>
      </c>
      <c r="CI9" s="191">
        <v>32</v>
      </c>
      <c r="CJ9" s="191">
        <v>9</v>
      </c>
      <c r="CK9" s="196">
        <v>54</v>
      </c>
      <c r="CL9" s="195">
        <v>54</v>
      </c>
      <c r="CM9" s="190">
        <v>0</v>
      </c>
      <c r="CN9" s="191">
        <v>0</v>
      </c>
      <c r="CO9" s="196">
        <v>0</v>
      </c>
      <c r="CP9" s="193">
        <v>0</v>
      </c>
      <c r="CQ9" s="191">
        <v>21</v>
      </c>
      <c r="CR9" s="191">
        <v>39</v>
      </c>
      <c r="CS9" s="191">
        <v>47</v>
      </c>
      <c r="CT9" s="191">
        <v>49</v>
      </c>
      <c r="CU9" s="191">
        <v>39</v>
      </c>
      <c r="CV9" s="196">
        <v>195</v>
      </c>
      <c r="CW9" s="195">
        <v>195</v>
      </c>
    </row>
    <row r="10" spans="2:101" ht="21" customHeight="1" x14ac:dyDescent="0.2">
      <c r="B10" s="106" t="s">
        <v>7</v>
      </c>
      <c r="C10" s="190">
        <v>0</v>
      </c>
      <c r="D10" s="196">
        <v>0</v>
      </c>
      <c r="E10" s="207">
        <v>0</v>
      </c>
      <c r="F10" s="193">
        <v>0</v>
      </c>
      <c r="G10" s="191">
        <v>10</v>
      </c>
      <c r="H10" s="191">
        <v>13</v>
      </c>
      <c r="I10" s="191">
        <v>6</v>
      </c>
      <c r="J10" s="191">
        <v>9</v>
      </c>
      <c r="K10" s="191">
        <v>7</v>
      </c>
      <c r="L10" s="194">
        <v>45</v>
      </c>
      <c r="M10" s="195">
        <v>45</v>
      </c>
      <c r="N10" s="190">
        <v>0</v>
      </c>
      <c r="O10" s="191">
        <v>0</v>
      </c>
      <c r="P10" s="196">
        <v>0</v>
      </c>
      <c r="Q10" s="193">
        <v>0</v>
      </c>
      <c r="R10" s="191">
        <v>0</v>
      </c>
      <c r="S10" s="191">
        <v>0</v>
      </c>
      <c r="T10" s="191">
        <v>0</v>
      </c>
      <c r="U10" s="191">
        <v>0</v>
      </c>
      <c r="V10" s="191">
        <v>0</v>
      </c>
      <c r="W10" s="196">
        <v>0</v>
      </c>
      <c r="X10" s="195">
        <v>0</v>
      </c>
      <c r="Y10" s="190">
        <v>0</v>
      </c>
      <c r="Z10" s="191">
        <v>0</v>
      </c>
      <c r="AA10" s="196">
        <v>0</v>
      </c>
      <c r="AB10" s="193">
        <v>0</v>
      </c>
      <c r="AC10" s="191">
        <v>1246</v>
      </c>
      <c r="AD10" s="191">
        <v>744</v>
      </c>
      <c r="AE10" s="191">
        <v>276</v>
      </c>
      <c r="AF10" s="191">
        <v>121</v>
      </c>
      <c r="AG10" s="191">
        <v>50</v>
      </c>
      <c r="AH10" s="196">
        <v>2437</v>
      </c>
      <c r="AI10" s="195">
        <v>2437</v>
      </c>
      <c r="AJ10" s="190">
        <v>0</v>
      </c>
      <c r="AK10" s="191">
        <v>3</v>
      </c>
      <c r="AL10" s="196">
        <v>3</v>
      </c>
      <c r="AM10" s="193">
        <v>0</v>
      </c>
      <c r="AN10" s="191">
        <v>83</v>
      </c>
      <c r="AO10" s="191">
        <v>99</v>
      </c>
      <c r="AP10" s="191">
        <v>98</v>
      </c>
      <c r="AQ10" s="191">
        <v>29</v>
      </c>
      <c r="AR10" s="191">
        <v>26</v>
      </c>
      <c r="AS10" s="196">
        <v>335</v>
      </c>
      <c r="AT10" s="195">
        <v>338</v>
      </c>
      <c r="AU10" s="190">
        <v>3</v>
      </c>
      <c r="AV10" s="191">
        <v>2</v>
      </c>
      <c r="AW10" s="196">
        <v>5</v>
      </c>
      <c r="AX10" s="193">
        <v>0</v>
      </c>
      <c r="AY10" s="191">
        <v>52</v>
      </c>
      <c r="AZ10" s="191">
        <v>38</v>
      </c>
      <c r="BA10" s="191">
        <v>29</v>
      </c>
      <c r="BB10" s="191">
        <v>25</v>
      </c>
      <c r="BC10" s="191">
        <v>6</v>
      </c>
      <c r="BD10" s="196">
        <v>150</v>
      </c>
      <c r="BE10" s="195">
        <v>155</v>
      </c>
      <c r="BF10" s="190">
        <v>0</v>
      </c>
      <c r="BG10" s="191">
        <v>1</v>
      </c>
      <c r="BH10" s="196">
        <v>1</v>
      </c>
      <c r="BI10" s="193">
        <v>0</v>
      </c>
      <c r="BJ10" s="191">
        <v>146</v>
      </c>
      <c r="BK10" s="191">
        <v>161</v>
      </c>
      <c r="BL10" s="191">
        <v>170</v>
      </c>
      <c r="BM10" s="191">
        <v>127</v>
      </c>
      <c r="BN10" s="191">
        <v>65</v>
      </c>
      <c r="BO10" s="194">
        <v>669</v>
      </c>
      <c r="BP10" s="195">
        <v>670</v>
      </c>
      <c r="BQ10" s="190">
        <v>0</v>
      </c>
      <c r="BR10" s="191">
        <v>0</v>
      </c>
      <c r="BS10" s="196">
        <v>0</v>
      </c>
      <c r="BT10" s="193">
        <v>0</v>
      </c>
      <c r="BU10" s="191">
        <v>0</v>
      </c>
      <c r="BV10" s="191">
        <v>0</v>
      </c>
      <c r="BW10" s="191">
        <v>0</v>
      </c>
      <c r="BX10" s="191">
        <v>0</v>
      </c>
      <c r="BY10" s="191">
        <v>0</v>
      </c>
      <c r="BZ10" s="196">
        <v>0</v>
      </c>
      <c r="CA10" s="195">
        <v>0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0</v>
      </c>
      <c r="CH10" s="191">
        <v>0</v>
      </c>
      <c r="CI10" s="191">
        <v>0</v>
      </c>
      <c r="CJ10" s="191">
        <v>0</v>
      </c>
      <c r="CK10" s="196">
        <v>0</v>
      </c>
      <c r="CL10" s="195">
        <v>0</v>
      </c>
      <c r="CM10" s="190">
        <v>0</v>
      </c>
      <c r="CN10" s="191">
        <v>0</v>
      </c>
      <c r="CO10" s="196">
        <v>0</v>
      </c>
      <c r="CP10" s="193">
        <v>0</v>
      </c>
      <c r="CQ10" s="191">
        <v>18</v>
      </c>
      <c r="CR10" s="191">
        <v>10</v>
      </c>
      <c r="CS10" s="191">
        <v>9</v>
      </c>
      <c r="CT10" s="191">
        <v>20</v>
      </c>
      <c r="CU10" s="191">
        <v>17</v>
      </c>
      <c r="CV10" s="196">
        <v>74</v>
      </c>
      <c r="CW10" s="195">
        <v>74</v>
      </c>
    </row>
    <row r="11" spans="2:101" ht="21" customHeight="1" x14ac:dyDescent="0.2">
      <c r="B11" s="106" t="s">
        <v>8</v>
      </c>
      <c r="C11" s="190">
        <v>0</v>
      </c>
      <c r="D11" s="196">
        <v>0</v>
      </c>
      <c r="E11" s="207">
        <v>0</v>
      </c>
      <c r="F11" s="193">
        <v>0</v>
      </c>
      <c r="G11" s="191">
        <v>7</v>
      </c>
      <c r="H11" s="191">
        <v>2</v>
      </c>
      <c r="I11" s="191">
        <v>6</v>
      </c>
      <c r="J11" s="191">
        <v>6</v>
      </c>
      <c r="K11" s="191">
        <v>3</v>
      </c>
      <c r="L11" s="194">
        <v>24</v>
      </c>
      <c r="M11" s="195">
        <v>24</v>
      </c>
      <c r="N11" s="190">
        <v>0</v>
      </c>
      <c r="O11" s="191">
        <v>0</v>
      </c>
      <c r="P11" s="196">
        <v>0</v>
      </c>
      <c r="Q11" s="193">
        <v>0</v>
      </c>
      <c r="R11" s="191">
        <v>2</v>
      </c>
      <c r="S11" s="191">
        <v>2</v>
      </c>
      <c r="T11" s="191">
        <v>0</v>
      </c>
      <c r="U11" s="191">
        <v>3</v>
      </c>
      <c r="V11" s="191">
        <v>1</v>
      </c>
      <c r="W11" s="196">
        <v>8</v>
      </c>
      <c r="X11" s="195">
        <v>8</v>
      </c>
      <c r="Y11" s="190">
        <v>0</v>
      </c>
      <c r="Z11" s="191">
        <v>0</v>
      </c>
      <c r="AA11" s="196">
        <v>0</v>
      </c>
      <c r="AB11" s="193">
        <v>0</v>
      </c>
      <c r="AC11" s="191">
        <v>629</v>
      </c>
      <c r="AD11" s="191">
        <v>552</v>
      </c>
      <c r="AE11" s="191">
        <v>212</v>
      </c>
      <c r="AF11" s="191">
        <v>103</v>
      </c>
      <c r="AG11" s="191">
        <v>52</v>
      </c>
      <c r="AH11" s="196">
        <v>1548</v>
      </c>
      <c r="AI11" s="195">
        <v>1548</v>
      </c>
      <c r="AJ11" s="190">
        <v>0</v>
      </c>
      <c r="AK11" s="191">
        <v>0</v>
      </c>
      <c r="AL11" s="196">
        <v>0</v>
      </c>
      <c r="AM11" s="193">
        <v>0</v>
      </c>
      <c r="AN11" s="191">
        <v>7</v>
      </c>
      <c r="AO11" s="191">
        <v>9</v>
      </c>
      <c r="AP11" s="191">
        <v>9</v>
      </c>
      <c r="AQ11" s="191">
        <v>7</v>
      </c>
      <c r="AR11" s="191">
        <v>7</v>
      </c>
      <c r="AS11" s="196">
        <v>39</v>
      </c>
      <c r="AT11" s="195">
        <v>39</v>
      </c>
      <c r="AU11" s="190">
        <v>11</v>
      </c>
      <c r="AV11" s="191">
        <v>14</v>
      </c>
      <c r="AW11" s="196">
        <v>25</v>
      </c>
      <c r="AX11" s="193">
        <v>0</v>
      </c>
      <c r="AY11" s="191">
        <v>63</v>
      </c>
      <c r="AZ11" s="191">
        <v>46</v>
      </c>
      <c r="BA11" s="191">
        <v>41</v>
      </c>
      <c r="BB11" s="191">
        <v>30</v>
      </c>
      <c r="BC11" s="191">
        <v>13</v>
      </c>
      <c r="BD11" s="196">
        <v>193</v>
      </c>
      <c r="BE11" s="195">
        <v>218</v>
      </c>
      <c r="BF11" s="190">
        <v>0</v>
      </c>
      <c r="BG11" s="191">
        <v>0</v>
      </c>
      <c r="BH11" s="196">
        <v>0</v>
      </c>
      <c r="BI11" s="193">
        <v>0</v>
      </c>
      <c r="BJ11" s="191">
        <v>77</v>
      </c>
      <c r="BK11" s="191">
        <v>61</v>
      </c>
      <c r="BL11" s="191">
        <v>99</v>
      </c>
      <c r="BM11" s="191">
        <v>58</v>
      </c>
      <c r="BN11" s="191">
        <v>42</v>
      </c>
      <c r="BO11" s="194">
        <v>337</v>
      </c>
      <c r="BP11" s="195">
        <v>337</v>
      </c>
      <c r="BQ11" s="190">
        <v>0</v>
      </c>
      <c r="BR11" s="191">
        <v>0</v>
      </c>
      <c r="BS11" s="196">
        <v>0</v>
      </c>
      <c r="BT11" s="193">
        <v>0</v>
      </c>
      <c r="BU11" s="191">
        <v>1</v>
      </c>
      <c r="BV11" s="191">
        <v>9</v>
      </c>
      <c r="BW11" s="191">
        <v>15</v>
      </c>
      <c r="BX11" s="191">
        <v>12</v>
      </c>
      <c r="BY11" s="191">
        <v>9</v>
      </c>
      <c r="BZ11" s="196">
        <v>46</v>
      </c>
      <c r="CA11" s="195">
        <v>46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13</v>
      </c>
      <c r="CI11" s="191">
        <v>24</v>
      </c>
      <c r="CJ11" s="191">
        <v>4</v>
      </c>
      <c r="CK11" s="196">
        <v>41</v>
      </c>
      <c r="CL11" s="195">
        <v>41</v>
      </c>
      <c r="CM11" s="190">
        <v>0</v>
      </c>
      <c r="CN11" s="191">
        <v>0</v>
      </c>
      <c r="CO11" s="196">
        <v>0</v>
      </c>
      <c r="CP11" s="193">
        <v>0</v>
      </c>
      <c r="CQ11" s="191">
        <v>11</v>
      </c>
      <c r="CR11" s="191">
        <v>19</v>
      </c>
      <c r="CS11" s="191">
        <v>19</v>
      </c>
      <c r="CT11" s="191">
        <v>18</v>
      </c>
      <c r="CU11" s="191">
        <v>6</v>
      </c>
      <c r="CV11" s="196">
        <v>73</v>
      </c>
      <c r="CW11" s="195">
        <v>73</v>
      </c>
    </row>
    <row r="12" spans="2:101" ht="21" customHeight="1" x14ac:dyDescent="0.2">
      <c r="B12" s="106" t="s">
        <v>9</v>
      </c>
      <c r="C12" s="190">
        <v>0</v>
      </c>
      <c r="D12" s="196">
        <v>0</v>
      </c>
      <c r="E12" s="207">
        <v>0</v>
      </c>
      <c r="F12" s="193">
        <v>0</v>
      </c>
      <c r="G12" s="191">
        <v>0</v>
      </c>
      <c r="H12" s="191">
        <v>2</v>
      </c>
      <c r="I12" s="191">
        <v>4</v>
      </c>
      <c r="J12" s="191">
        <v>5</v>
      </c>
      <c r="K12" s="191">
        <v>4</v>
      </c>
      <c r="L12" s="194">
        <v>15</v>
      </c>
      <c r="M12" s="195">
        <v>15</v>
      </c>
      <c r="N12" s="190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0</v>
      </c>
      <c r="T12" s="191">
        <v>0</v>
      </c>
      <c r="U12" s="191">
        <v>0</v>
      </c>
      <c r="V12" s="191">
        <v>0</v>
      </c>
      <c r="W12" s="196">
        <v>0</v>
      </c>
      <c r="X12" s="195">
        <v>0</v>
      </c>
      <c r="Y12" s="190">
        <v>0</v>
      </c>
      <c r="Z12" s="191">
        <v>0</v>
      </c>
      <c r="AA12" s="196">
        <v>0</v>
      </c>
      <c r="AB12" s="193">
        <v>0</v>
      </c>
      <c r="AC12" s="191">
        <v>465</v>
      </c>
      <c r="AD12" s="191">
        <v>313</v>
      </c>
      <c r="AE12" s="191">
        <v>137</v>
      </c>
      <c r="AF12" s="191">
        <v>101</v>
      </c>
      <c r="AG12" s="191">
        <v>34</v>
      </c>
      <c r="AH12" s="196">
        <v>1050</v>
      </c>
      <c r="AI12" s="195">
        <v>1050</v>
      </c>
      <c r="AJ12" s="190">
        <v>0</v>
      </c>
      <c r="AK12" s="191">
        <v>0</v>
      </c>
      <c r="AL12" s="196">
        <v>0</v>
      </c>
      <c r="AM12" s="193">
        <v>0</v>
      </c>
      <c r="AN12" s="191">
        <v>6</v>
      </c>
      <c r="AO12" s="191">
        <v>7</v>
      </c>
      <c r="AP12" s="191">
        <v>11</v>
      </c>
      <c r="AQ12" s="191">
        <v>1</v>
      </c>
      <c r="AR12" s="191">
        <v>3</v>
      </c>
      <c r="AS12" s="196">
        <v>28</v>
      </c>
      <c r="AT12" s="195">
        <v>28</v>
      </c>
      <c r="AU12" s="190">
        <v>5</v>
      </c>
      <c r="AV12" s="191">
        <v>3</v>
      </c>
      <c r="AW12" s="196">
        <v>8</v>
      </c>
      <c r="AX12" s="193">
        <v>0</v>
      </c>
      <c r="AY12" s="191">
        <v>36</v>
      </c>
      <c r="AZ12" s="191">
        <v>30</v>
      </c>
      <c r="BA12" s="191">
        <v>24</v>
      </c>
      <c r="BB12" s="191">
        <v>24</v>
      </c>
      <c r="BC12" s="191">
        <v>18</v>
      </c>
      <c r="BD12" s="196">
        <v>132</v>
      </c>
      <c r="BE12" s="195">
        <v>140</v>
      </c>
      <c r="BF12" s="190">
        <v>0</v>
      </c>
      <c r="BG12" s="191">
        <v>0</v>
      </c>
      <c r="BH12" s="196">
        <v>0</v>
      </c>
      <c r="BI12" s="193">
        <v>0</v>
      </c>
      <c r="BJ12" s="191">
        <v>36</v>
      </c>
      <c r="BK12" s="191">
        <v>54</v>
      </c>
      <c r="BL12" s="191">
        <v>84</v>
      </c>
      <c r="BM12" s="191">
        <v>68</v>
      </c>
      <c r="BN12" s="191">
        <v>29</v>
      </c>
      <c r="BO12" s="194">
        <v>271</v>
      </c>
      <c r="BP12" s="195">
        <v>271</v>
      </c>
      <c r="BQ12" s="190">
        <v>0</v>
      </c>
      <c r="BR12" s="191">
        <v>0</v>
      </c>
      <c r="BS12" s="196">
        <v>0</v>
      </c>
      <c r="BT12" s="193">
        <v>0</v>
      </c>
      <c r="BU12" s="191">
        <v>1</v>
      </c>
      <c r="BV12" s="191">
        <v>5</v>
      </c>
      <c r="BW12" s="191">
        <v>8</v>
      </c>
      <c r="BX12" s="191">
        <v>8</v>
      </c>
      <c r="BY12" s="191">
        <v>4</v>
      </c>
      <c r="BZ12" s="196">
        <v>26</v>
      </c>
      <c r="CA12" s="195">
        <v>26</v>
      </c>
      <c r="CB12" s="190">
        <v>0</v>
      </c>
      <c r="CC12" s="191">
        <v>0</v>
      </c>
      <c r="CD12" s="196">
        <v>0</v>
      </c>
      <c r="CE12" s="193">
        <v>0</v>
      </c>
      <c r="CF12" s="191">
        <v>0</v>
      </c>
      <c r="CG12" s="191">
        <v>0</v>
      </c>
      <c r="CH12" s="191">
        <v>0</v>
      </c>
      <c r="CI12" s="191">
        <v>0</v>
      </c>
      <c r="CJ12" s="191">
        <v>1</v>
      </c>
      <c r="CK12" s="196">
        <v>1</v>
      </c>
      <c r="CL12" s="195">
        <v>1</v>
      </c>
      <c r="CM12" s="190">
        <v>0</v>
      </c>
      <c r="CN12" s="191">
        <v>0</v>
      </c>
      <c r="CO12" s="196">
        <v>0</v>
      </c>
      <c r="CP12" s="193">
        <v>0</v>
      </c>
      <c r="CQ12" s="191">
        <v>4</v>
      </c>
      <c r="CR12" s="191">
        <v>5</v>
      </c>
      <c r="CS12" s="191">
        <v>6</v>
      </c>
      <c r="CT12" s="191">
        <v>12</v>
      </c>
      <c r="CU12" s="191">
        <v>12</v>
      </c>
      <c r="CV12" s="196">
        <v>39</v>
      </c>
      <c r="CW12" s="195">
        <v>39</v>
      </c>
    </row>
    <row r="13" spans="2:101" ht="21" customHeight="1" x14ac:dyDescent="0.2">
      <c r="B13" s="106" t="s">
        <v>10</v>
      </c>
      <c r="C13" s="190">
        <v>0</v>
      </c>
      <c r="D13" s="196">
        <v>0</v>
      </c>
      <c r="E13" s="207">
        <v>0</v>
      </c>
      <c r="F13" s="193">
        <v>0</v>
      </c>
      <c r="G13" s="191">
        <v>24</v>
      </c>
      <c r="H13" s="191">
        <v>14</v>
      </c>
      <c r="I13" s="191">
        <v>13</v>
      </c>
      <c r="J13" s="191">
        <v>10</v>
      </c>
      <c r="K13" s="191">
        <v>13</v>
      </c>
      <c r="L13" s="194">
        <v>74</v>
      </c>
      <c r="M13" s="195">
        <v>74</v>
      </c>
      <c r="N13" s="190">
        <v>0</v>
      </c>
      <c r="O13" s="191">
        <v>0</v>
      </c>
      <c r="P13" s="196">
        <v>0</v>
      </c>
      <c r="Q13" s="193">
        <v>0</v>
      </c>
      <c r="R13" s="191">
        <v>6</v>
      </c>
      <c r="S13" s="191">
        <v>1</v>
      </c>
      <c r="T13" s="191">
        <v>7</v>
      </c>
      <c r="U13" s="191">
        <v>4</v>
      </c>
      <c r="V13" s="191">
        <v>4</v>
      </c>
      <c r="W13" s="196">
        <v>22</v>
      </c>
      <c r="X13" s="195">
        <v>22</v>
      </c>
      <c r="Y13" s="190">
        <v>0</v>
      </c>
      <c r="Z13" s="191">
        <v>0</v>
      </c>
      <c r="AA13" s="196">
        <v>0</v>
      </c>
      <c r="AB13" s="193">
        <v>0</v>
      </c>
      <c r="AC13" s="191">
        <v>605</v>
      </c>
      <c r="AD13" s="191">
        <v>273</v>
      </c>
      <c r="AE13" s="191">
        <v>123</v>
      </c>
      <c r="AF13" s="191">
        <v>61</v>
      </c>
      <c r="AG13" s="191">
        <v>14</v>
      </c>
      <c r="AH13" s="196">
        <v>1076</v>
      </c>
      <c r="AI13" s="195">
        <v>1076</v>
      </c>
      <c r="AJ13" s="190">
        <v>0</v>
      </c>
      <c r="AK13" s="191">
        <v>1</v>
      </c>
      <c r="AL13" s="196">
        <v>1</v>
      </c>
      <c r="AM13" s="193">
        <v>0</v>
      </c>
      <c r="AN13" s="191">
        <v>10</v>
      </c>
      <c r="AO13" s="191">
        <v>13</v>
      </c>
      <c r="AP13" s="191">
        <v>19</v>
      </c>
      <c r="AQ13" s="191">
        <v>14</v>
      </c>
      <c r="AR13" s="191">
        <v>8</v>
      </c>
      <c r="AS13" s="196">
        <v>64</v>
      </c>
      <c r="AT13" s="195">
        <v>65</v>
      </c>
      <c r="AU13" s="190">
        <v>10</v>
      </c>
      <c r="AV13" s="191">
        <v>15</v>
      </c>
      <c r="AW13" s="196">
        <v>25</v>
      </c>
      <c r="AX13" s="193">
        <v>0</v>
      </c>
      <c r="AY13" s="191">
        <v>89</v>
      </c>
      <c r="AZ13" s="191">
        <v>61</v>
      </c>
      <c r="BA13" s="191">
        <v>57</v>
      </c>
      <c r="BB13" s="191">
        <v>46</v>
      </c>
      <c r="BC13" s="191">
        <v>37</v>
      </c>
      <c r="BD13" s="196">
        <v>290</v>
      </c>
      <c r="BE13" s="195">
        <v>315</v>
      </c>
      <c r="BF13" s="190">
        <v>0</v>
      </c>
      <c r="BG13" s="191">
        <v>2</v>
      </c>
      <c r="BH13" s="196">
        <v>2</v>
      </c>
      <c r="BI13" s="193">
        <v>0</v>
      </c>
      <c r="BJ13" s="191">
        <v>115</v>
      </c>
      <c r="BK13" s="191">
        <v>119</v>
      </c>
      <c r="BL13" s="191">
        <v>127</v>
      </c>
      <c r="BM13" s="191">
        <v>87</v>
      </c>
      <c r="BN13" s="191">
        <v>78</v>
      </c>
      <c r="BO13" s="194">
        <v>526</v>
      </c>
      <c r="BP13" s="195">
        <v>528</v>
      </c>
      <c r="BQ13" s="190">
        <v>0</v>
      </c>
      <c r="BR13" s="191">
        <v>0</v>
      </c>
      <c r="BS13" s="196">
        <v>0</v>
      </c>
      <c r="BT13" s="193">
        <v>0</v>
      </c>
      <c r="BU13" s="191">
        <v>33</v>
      </c>
      <c r="BV13" s="191">
        <v>20</v>
      </c>
      <c r="BW13" s="191">
        <v>30</v>
      </c>
      <c r="BX13" s="191">
        <v>35</v>
      </c>
      <c r="BY13" s="191">
        <v>28</v>
      </c>
      <c r="BZ13" s="196">
        <v>146</v>
      </c>
      <c r="CA13" s="195">
        <v>146</v>
      </c>
      <c r="CB13" s="190">
        <v>0</v>
      </c>
      <c r="CC13" s="191">
        <v>0</v>
      </c>
      <c r="CD13" s="196">
        <v>0</v>
      </c>
      <c r="CE13" s="193">
        <v>0</v>
      </c>
      <c r="CF13" s="191">
        <v>0</v>
      </c>
      <c r="CG13" s="191">
        <v>1</v>
      </c>
      <c r="CH13" s="191">
        <v>4</v>
      </c>
      <c r="CI13" s="191">
        <v>20</v>
      </c>
      <c r="CJ13" s="191">
        <v>15</v>
      </c>
      <c r="CK13" s="196">
        <v>40</v>
      </c>
      <c r="CL13" s="195">
        <v>40</v>
      </c>
      <c r="CM13" s="190">
        <v>0</v>
      </c>
      <c r="CN13" s="191">
        <v>0</v>
      </c>
      <c r="CO13" s="196">
        <v>0</v>
      </c>
      <c r="CP13" s="193">
        <v>0</v>
      </c>
      <c r="CQ13" s="191">
        <v>30</v>
      </c>
      <c r="CR13" s="191">
        <v>31</v>
      </c>
      <c r="CS13" s="191">
        <v>29</v>
      </c>
      <c r="CT13" s="191">
        <v>57</v>
      </c>
      <c r="CU13" s="191">
        <v>37</v>
      </c>
      <c r="CV13" s="196">
        <v>184</v>
      </c>
      <c r="CW13" s="195">
        <v>184</v>
      </c>
    </row>
    <row r="14" spans="2:101" ht="21" customHeight="1" x14ac:dyDescent="0.2">
      <c r="B14" s="106" t="s">
        <v>11</v>
      </c>
      <c r="C14" s="190">
        <v>0</v>
      </c>
      <c r="D14" s="196">
        <v>0</v>
      </c>
      <c r="E14" s="207">
        <v>0</v>
      </c>
      <c r="F14" s="193">
        <v>0</v>
      </c>
      <c r="G14" s="191">
        <v>14</v>
      </c>
      <c r="H14" s="191">
        <v>16</v>
      </c>
      <c r="I14" s="191">
        <v>11</v>
      </c>
      <c r="J14" s="191">
        <v>10</v>
      </c>
      <c r="K14" s="191">
        <v>12</v>
      </c>
      <c r="L14" s="194">
        <v>63</v>
      </c>
      <c r="M14" s="195">
        <v>63</v>
      </c>
      <c r="N14" s="190">
        <v>0</v>
      </c>
      <c r="O14" s="191">
        <v>0</v>
      </c>
      <c r="P14" s="196">
        <v>0</v>
      </c>
      <c r="Q14" s="193">
        <v>0</v>
      </c>
      <c r="R14" s="191">
        <v>9</v>
      </c>
      <c r="S14" s="191">
        <v>6</v>
      </c>
      <c r="T14" s="191">
        <v>3</v>
      </c>
      <c r="U14" s="191">
        <v>9</v>
      </c>
      <c r="V14" s="191">
        <v>5</v>
      </c>
      <c r="W14" s="196">
        <v>32</v>
      </c>
      <c r="X14" s="195">
        <v>32</v>
      </c>
      <c r="Y14" s="190">
        <v>0</v>
      </c>
      <c r="Z14" s="191">
        <v>0</v>
      </c>
      <c r="AA14" s="196">
        <v>0</v>
      </c>
      <c r="AB14" s="193">
        <v>0</v>
      </c>
      <c r="AC14" s="191">
        <v>515</v>
      </c>
      <c r="AD14" s="191">
        <v>304</v>
      </c>
      <c r="AE14" s="191">
        <v>178</v>
      </c>
      <c r="AF14" s="191">
        <v>77</v>
      </c>
      <c r="AG14" s="191">
        <v>32</v>
      </c>
      <c r="AH14" s="196">
        <v>1106</v>
      </c>
      <c r="AI14" s="195">
        <v>1106</v>
      </c>
      <c r="AJ14" s="190">
        <v>0</v>
      </c>
      <c r="AK14" s="191">
        <v>0</v>
      </c>
      <c r="AL14" s="196">
        <v>0</v>
      </c>
      <c r="AM14" s="193">
        <v>0</v>
      </c>
      <c r="AN14" s="191">
        <v>27</v>
      </c>
      <c r="AO14" s="191">
        <v>19</v>
      </c>
      <c r="AP14" s="191">
        <v>12</v>
      </c>
      <c r="AQ14" s="191">
        <v>4</v>
      </c>
      <c r="AR14" s="191">
        <v>3</v>
      </c>
      <c r="AS14" s="196">
        <v>65</v>
      </c>
      <c r="AT14" s="195">
        <v>65</v>
      </c>
      <c r="AU14" s="190">
        <v>2</v>
      </c>
      <c r="AV14" s="191">
        <v>4</v>
      </c>
      <c r="AW14" s="196">
        <v>6</v>
      </c>
      <c r="AX14" s="193">
        <v>0</v>
      </c>
      <c r="AY14" s="191">
        <v>39</v>
      </c>
      <c r="AZ14" s="191">
        <v>43</v>
      </c>
      <c r="BA14" s="191">
        <v>36</v>
      </c>
      <c r="BB14" s="191">
        <v>24</v>
      </c>
      <c r="BC14" s="191">
        <v>7</v>
      </c>
      <c r="BD14" s="196">
        <v>149</v>
      </c>
      <c r="BE14" s="195">
        <v>155</v>
      </c>
      <c r="BF14" s="190">
        <v>0</v>
      </c>
      <c r="BG14" s="191">
        <v>3</v>
      </c>
      <c r="BH14" s="196">
        <v>3</v>
      </c>
      <c r="BI14" s="193">
        <v>0</v>
      </c>
      <c r="BJ14" s="191">
        <v>56</v>
      </c>
      <c r="BK14" s="191">
        <v>80</v>
      </c>
      <c r="BL14" s="191">
        <v>86</v>
      </c>
      <c r="BM14" s="191">
        <v>61</v>
      </c>
      <c r="BN14" s="191">
        <v>19</v>
      </c>
      <c r="BO14" s="194">
        <v>302</v>
      </c>
      <c r="BP14" s="195">
        <v>305</v>
      </c>
      <c r="BQ14" s="190">
        <v>0</v>
      </c>
      <c r="BR14" s="191">
        <v>0</v>
      </c>
      <c r="BS14" s="196">
        <v>0</v>
      </c>
      <c r="BT14" s="193">
        <v>0</v>
      </c>
      <c r="BU14" s="191">
        <v>0</v>
      </c>
      <c r="BV14" s="191">
        <v>0</v>
      </c>
      <c r="BW14" s="191">
        <v>0</v>
      </c>
      <c r="BX14" s="191">
        <v>0</v>
      </c>
      <c r="BY14" s="191">
        <v>0</v>
      </c>
      <c r="BZ14" s="196">
        <v>0</v>
      </c>
      <c r="CA14" s="195">
        <v>0</v>
      </c>
      <c r="CB14" s="190">
        <v>0</v>
      </c>
      <c r="CC14" s="191">
        <v>0</v>
      </c>
      <c r="CD14" s="196">
        <v>0</v>
      </c>
      <c r="CE14" s="193">
        <v>0</v>
      </c>
      <c r="CF14" s="191">
        <v>0</v>
      </c>
      <c r="CG14" s="191">
        <v>0</v>
      </c>
      <c r="CH14" s="191">
        <v>0</v>
      </c>
      <c r="CI14" s="191">
        <v>1</v>
      </c>
      <c r="CJ14" s="191">
        <v>0</v>
      </c>
      <c r="CK14" s="196">
        <v>1</v>
      </c>
      <c r="CL14" s="195">
        <v>1</v>
      </c>
      <c r="CM14" s="190">
        <v>0</v>
      </c>
      <c r="CN14" s="191">
        <v>0</v>
      </c>
      <c r="CO14" s="196">
        <v>0</v>
      </c>
      <c r="CP14" s="193">
        <v>0</v>
      </c>
      <c r="CQ14" s="191">
        <v>13</v>
      </c>
      <c r="CR14" s="191">
        <v>8</v>
      </c>
      <c r="CS14" s="191">
        <v>8</v>
      </c>
      <c r="CT14" s="191">
        <v>9</v>
      </c>
      <c r="CU14" s="191">
        <v>7</v>
      </c>
      <c r="CV14" s="196">
        <v>45</v>
      </c>
      <c r="CW14" s="195">
        <v>45</v>
      </c>
    </row>
    <row r="15" spans="2:101" ht="21" customHeight="1" x14ac:dyDescent="0.2">
      <c r="B15" s="106" t="s">
        <v>12</v>
      </c>
      <c r="C15" s="190">
        <v>0</v>
      </c>
      <c r="D15" s="196">
        <v>0</v>
      </c>
      <c r="E15" s="207">
        <v>0</v>
      </c>
      <c r="F15" s="193">
        <v>0</v>
      </c>
      <c r="G15" s="191">
        <v>9</v>
      </c>
      <c r="H15" s="191">
        <v>4</v>
      </c>
      <c r="I15" s="191">
        <v>2</v>
      </c>
      <c r="J15" s="191">
        <v>5</v>
      </c>
      <c r="K15" s="191">
        <v>5</v>
      </c>
      <c r="L15" s="194">
        <v>25</v>
      </c>
      <c r="M15" s="195">
        <v>25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  <c r="Y15" s="190">
        <v>0</v>
      </c>
      <c r="Z15" s="191">
        <v>0</v>
      </c>
      <c r="AA15" s="196">
        <v>0</v>
      </c>
      <c r="AB15" s="193">
        <v>0</v>
      </c>
      <c r="AC15" s="191">
        <v>397</v>
      </c>
      <c r="AD15" s="191">
        <v>273</v>
      </c>
      <c r="AE15" s="191">
        <v>142</v>
      </c>
      <c r="AF15" s="191">
        <v>74</v>
      </c>
      <c r="AG15" s="191">
        <v>32</v>
      </c>
      <c r="AH15" s="196">
        <v>918</v>
      </c>
      <c r="AI15" s="195">
        <v>918</v>
      </c>
      <c r="AJ15" s="190">
        <v>0</v>
      </c>
      <c r="AK15" s="191">
        <v>0</v>
      </c>
      <c r="AL15" s="196">
        <v>0</v>
      </c>
      <c r="AM15" s="193">
        <v>0</v>
      </c>
      <c r="AN15" s="191">
        <v>5</v>
      </c>
      <c r="AO15" s="191">
        <v>2</v>
      </c>
      <c r="AP15" s="191">
        <v>4</v>
      </c>
      <c r="AQ15" s="191">
        <v>0</v>
      </c>
      <c r="AR15" s="191">
        <v>0</v>
      </c>
      <c r="AS15" s="196">
        <v>11</v>
      </c>
      <c r="AT15" s="195">
        <v>11</v>
      </c>
      <c r="AU15" s="190">
        <v>0</v>
      </c>
      <c r="AV15" s="191">
        <v>2</v>
      </c>
      <c r="AW15" s="196">
        <v>2</v>
      </c>
      <c r="AX15" s="193">
        <v>0</v>
      </c>
      <c r="AY15" s="191">
        <v>19</v>
      </c>
      <c r="AZ15" s="191">
        <v>33</v>
      </c>
      <c r="BA15" s="191">
        <v>43</v>
      </c>
      <c r="BB15" s="191">
        <v>40</v>
      </c>
      <c r="BC15" s="191">
        <v>25</v>
      </c>
      <c r="BD15" s="196">
        <v>160</v>
      </c>
      <c r="BE15" s="195">
        <v>162</v>
      </c>
      <c r="BF15" s="190">
        <v>0</v>
      </c>
      <c r="BG15" s="191">
        <v>0</v>
      </c>
      <c r="BH15" s="196">
        <v>0</v>
      </c>
      <c r="BI15" s="193">
        <v>0</v>
      </c>
      <c r="BJ15" s="191">
        <v>41</v>
      </c>
      <c r="BK15" s="191">
        <v>46</v>
      </c>
      <c r="BL15" s="191">
        <v>47</v>
      </c>
      <c r="BM15" s="191">
        <v>30</v>
      </c>
      <c r="BN15" s="191">
        <v>37</v>
      </c>
      <c r="BO15" s="194">
        <v>201</v>
      </c>
      <c r="BP15" s="195">
        <v>201</v>
      </c>
      <c r="BQ15" s="190">
        <v>0</v>
      </c>
      <c r="BR15" s="191">
        <v>0</v>
      </c>
      <c r="BS15" s="196">
        <v>0</v>
      </c>
      <c r="BT15" s="193">
        <v>0</v>
      </c>
      <c r="BU15" s="191">
        <v>0</v>
      </c>
      <c r="BV15" s="191">
        <v>5</v>
      </c>
      <c r="BW15" s="191">
        <v>7</v>
      </c>
      <c r="BX15" s="191">
        <v>11</v>
      </c>
      <c r="BY15" s="191">
        <v>7</v>
      </c>
      <c r="BZ15" s="196">
        <v>30</v>
      </c>
      <c r="CA15" s="195">
        <v>30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0</v>
      </c>
      <c r="CH15" s="191">
        <v>12</v>
      </c>
      <c r="CI15" s="191">
        <v>14</v>
      </c>
      <c r="CJ15" s="191">
        <v>3</v>
      </c>
      <c r="CK15" s="196">
        <v>29</v>
      </c>
      <c r="CL15" s="195">
        <v>29</v>
      </c>
      <c r="CM15" s="190">
        <v>0</v>
      </c>
      <c r="CN15" s="191">
        <v>0</v>
      </c>
      <c r="CO15" s="196">
        <v>0</v>
      </c>
      <c r="CP15" s="193">
        <v>0</v>
      </c>
      <c r="CQ15" s="191">
        <v>7</v>
      </c>
      <c r="CR15" s="191">
        <v>17</v>
      </c>
      <c r="CS15" s="191">
        <v>19</v>
      </c>
      <c r="CT15" s="191">
        <v>20</v>
      </c>
      <c r="CU15" s="191">
        <v>17</v>
      </c>
      <c r="CV15" s="196">
        <v>80</v>
      </c>
      <c r="CW15" s="195">
        <v>80</v>
      </c>
    </row>
    <row r="16" spans="2:101" ht="21" customHeight="1" x14ac:dyDescent="0.2">
      <c r="B16" s="106" t="s">
        <v>13</v>
      </c>
      <c r="C16" s="190">
        <v>0</v>
      </c>
      <c r="D16" s="196">
        <v>0</v>
      </c>
      <c r="E16" s="207">
        <v>0</v>
      </c>
      <c r="F16" s="193">
        <v>0</v>
      </c>
      <c r="G16" s="191">
        <v>0</v>
      </c>
      <c r="H16" s="191">
        <v>1</v>
      </c>
      <c r="I16" s="191">
        <v>1</v>
      </c>
      <c r="J16" s="191">
        <v>2</v>
      </c>
      <c r="K16" s="191">
        <v>2</v>
      </c>
      <c r="L16" s="194">
        <v>6</v>
      </c>
      <c r="M16" s="195">
        <v>6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0</v>
      </c>
      <c r="T16" s="191">
        <v>0</v>
      </c>
      <c r="U16" s="191">
        <v>0</v>
      </c>
      <c r="V16" s="191">
        <v>0</v>
      </c>
      <c r="W16" s="196">
        <v>0</v>
      </c>
      <c r="X16" s="195">
        <v>0</v>
      </c>
      <c r="Y16" s="190">
        <v>0</v>
      </c>
      <c r="Z16" s="191">
        <v>0</v>
      </c>
      <c r="AA16" s="196">
        <v>0</v>
      </c>
      <c r="AB16" s="193">
        <v>0</v>
      </c>
      <c r="AC16" s="191">
        <v>169</v>
      </c>
      <c r="AD16" s="191">
        <v>170</v>
      </c>
      <c r="AE16" s="191">
        <v>75</v>
      </c>
      <c r="AF16" s="191">
        <v>43</v>
      </c>
      <c r="AG16" s="191">
        <v>19</v>
      </c>
      <c r="AH16" s="196">
        <v>476</v>
      </c>
      <c r="AI16" s="195">
        <v>476</v>
      </c>
      <c r="AJ16" s="190">
        <v>0</v>
      </c>
      <c r="AK16" s="191">
        <v>0</v>
      </c>
      <c r="AL16" s="196">
        <v>0</v>
      </c>
      <c r="AM16" s="193">
        <v>0</v>
      </c>
      <c r="AN16" s="191">
        <v>2</v>
      </c>
      <c r="AO16" s="191">
        <v>7</v>
      </c>
      <c r="AP16" s="191">
        <v>8</v>
      </c>
      <c r="AQ16" s="191">
        <v>2</v>
      </c>
      <c r="AR16" s="191">
        <v>7</v>
      </c>
      <c r="AS16" s="196">
        <v>26</v>
      </c>
      <c r="AT16" s="195">
        <v>26</v>
      </c>
      <c r="AU16" s="190">
        <v>5</v>
      </c>
      <c r="AV16" s="191">
        <v>1</v>
      </c>
      <c r="AW16" s="196">
        <v>6</v>
      </c>
      <c r="AX16" s="193">
        <v>0</v>
      </c>
      <c r="AY16" s="191">
        <v>14</v>
      </c>
      <c r="AZ16" s="191">
        <v>9</v>
      </c>
      <c r="BA16" s="191">
        <v>11</v>
      </c>
      <c r="BB16" s="191">
        <v>2</v>
      </c>
      <c r="BC16" s="191">
        <v>5</v>
      </c>
      <c r="BD16" s="196">
        <v>41</v>
      </c>
      <c r="BE16" s="195">
        <v>47</v>
      </c>
      <c r="BF16" s="190">
        <v>0</v>
      </c>
      <c r="BG16" s="191">
        <v>0</v>
      </c>
      <c r="BH16" s="196">
        <v>0</v>
      </c>
      <c r="BI16" s="193">
        <v>0</v>
      </c>
      <c r="BJ16" s="191">
        <v>16</v>
      </c>
      <c r="BK16" s="191">
        <v>15</v>
      </c>
      <c r="BL16" s="191">
        <v>16</v>
      </c>
      <c r="BM16" s="191">
        <v>16</v>
      </c>
      <c r="BN16" s="191">
        <v>14</v>
      </c>
      <c r="BO16" s="194">
        <v>77</v>
      </c>
      <c r="BP16" s="195">
        <v>77</v>
      </c>
      <c r="BQ16" s="190">
        <v>0</v>
      </c>
      <c r="BR16" s="191">
        <v>0</v>
      </c>
      <c r="BS16" s="196">
        <v>0</v>
      </c>
      <c r="BT16" s="193">
        <v>0</v>
      </c>
      <c r="BU16" s="191">
        <v>3</v>
      </c>
      <c r="BV16" s="191">
        <v>2</v>
      </c>
      <c r="BW16" s="191">
        <v>4</v>
      </c>
      <c r="BX16" s="191">
        <v>6</v>
      </c>
      <c r="BY16" s="191">
        <v>0</v>
      </c>
      <c r="BZ16" s="196">
        <v>15</v>
      </c>
      <c r="CA16" s="195">
        <v>15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0</v>
      </c>
      <c r="CH16" s="191">
        <v>0</v>
      </c>
      <c r="CI16" s="191">
        <v>0</v>
      </c>
      <c r="CJ16" s="191">
        <v>0</v>
      </c>
      <c r="CK16" s="196">
        <v>0</v>
      </c>
      <c r="CL16" s="195">
        <v>0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</row>
    <row r="17" spans="2:101" ht="21" customHeight="1" x14ac:dyDescent="0.2">
      <c r="B17" s="106" t="s">
        <v>15</v>
      </c>
      <c r="C17" s="190">
        <v>0</v>
      </c>
      <c r="D17" s="196">
        <v>0</v>
      </c>
      <c r="E17" s="207">
        <v>0</v>
      </c>
      <c r="F17" s="193">
        <v>0</v>
      </c>
      <c r="G17" s="191">
        <v>2</v>
      </c>
      <c r="H17" s="191">
        <v>0</v>
      </c>
      <c r="I17" s="191">
        <v>3</v>
      </c>
      <c r="J17" s="191">
        <v>2</v>
      </c>
      <c r="K17" s="191">
        <v>6</v>
      </c>
      <c r="L17" s="194">
        <v>13</v>
      </c>
      <c r="M17" s="195">
        <v>13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0</v>
      </c>
      <c r="W17" s="196">
        <v>0</v>
      </c>
      <c r="X17" s="195">
        <v>0</v>
      </c>
      <c r="Y17" s="190">
        <v>0</v>
      </c>
      <c r="Z17" s="191">
        <v>0</v>
      </c>
      <c r="AA17" s="196">
        <v>0</v>
      </c>
      <c r="AB17" s="193">
        <v>0</v>
      </c>
      <c r="AC17" s="191">
        <v>218</v>
      </c>
      <c r="AD17" s="191">
        <v>212</v>
      </c>
      <c r="AE17" s="191">
        <v>81</v>
      </c>
      <c r="AF17" s="191">
        <v>41</v>
      </c>
      <c r="AG17" s="191">
        <v>22</v>
      </c>
      <c r="AH17" s="196">
        <v>574</v>
      </c>
      <c r="AI17" s="195">
        <v>574</v>
      </c>
      <c r="AJ17" s="190">
        <v>0</v>
      </c>
      <c r="AK17" s="191">
        <v>1</v>
      </c>
      <c r="AL17" s="196">
        <v>1</v>
      </c>
      <c r="AM17" s="193">
        <v>0</v>
      </c>
      <c r="AN17" s="191">
        <v>7</v>
      </c>
      <c r="AO17" s="191">
        <v>3</v>
      </c>
      <c r="AP17" s="191">
        <v>6</v>
      </c>
      <c r="AQ17" s="191">
        <v>1</v>
      </c>
      <c r="AR17" s="191">
        <v>1</v>
      </c>
      <c r="AS17" s="196">
        <v>18</v>
      </c>
      <c r="AT17" s="195">
        <v>19</v>
      </c>
      <c r="AU17" s="190">
        <v>1</v>
      </c>
      <c r="AV17" s="191">
        <v>12</v>
      </c>
      <c r="AW17" s="196">
        <v>13</v>
      </c>
      <c r="AX17" s="193">
        <v>0</v>
      </c>
      <c r="AY17" s="191">
        <v>18</v>
      </c>
      <c r="AZ17" s="191">
        <v>14</v>
      </c>
      <c r="BA17" s="191">
        <v>2</v>
      </c>
      <c r="BB17" s="191">
        <v>1</v>
      </c>
      <c r="BC17" s="191">
        <v>3</v>
      </c>
      <c r="BD17" s="196">
        <v>38</v>
      </c>
      <c r="BE17" s="195">
        <v>51</v>
      </c>
      <c r="BF17" s="190">
        <v>0</v>
      </c>
      <c r="BG17" s="191">
        <v>0</v>
      </c>
      <c r="BH17" s="196">
        <v>0</v>
      </c>
      <c r="BI17" s="193">
        <v>0</v>
      </c>
      <c r="BJ17" s="191">
        <v>45</v>
      </c>
      <c r="BK17" s="191">
        <v>45</v>
      </c>
      <c r="BL17" s="191">
        <v>33</v>
      </c>
      <c r="BM17" s="191">
        <v>26</v>
      </c>
      <c r="BN17" s="191">
        <v>15</v>
      </c>
      <c r="BO17" s="194">
        <v>164</v>
      </c>
      <c r="BP17" s="195">
        <v>164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0</v>
      </c>
      <c r="BW17" s="191">
        <v>0</v>
      </c>
      <c r="BX17" s="191">
        <v>0</v>
      </c>
      <c r="BY17" s="191">
        <v>0</v>
      </c>
      <c r="BZ17" s="196">
        <v>0</v>
      </c>
      <c r="CA17" s="195">
        <v>0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0</v>
      </c>
      <c r="CH17" s="191">
        <v>8</v>
      </c>
      <c r="CI17" s="191">
        <v>11</v>
      </c>
      <c r="CJ17" s="191">
        <v>9</v>
      </c>
      <c r="CK17" s="196">
        <v>28</v>
      </c>
      <c r="CL17" s="195">
        <v>28</v>
      </c>
      <c r="CM17" s="190">
        <v>0</v>
      </c>
      <c r="CN17" s="191">
        <v>0</v>
      </c>
      <c r="CO17" s="196">
        <v>0</v>
      </c>
      <c r="CP17" s="193">
        <v>0</v>
      </c>
      <c r="CQ17" s="191">
        <v>3</v>
      </c>
      <c r="CR17" s="191">
        <v>8</v>
      </c>
      <c r="CS17" s="191">
        <v>5</v>
      </c>
      <c r="CT17" s="191">
        <v>4</v>
      </c>
      <c r="CU17" s="191">
        <v>1</v>
      </c>
      <c r="CV17" s="196">
        <v>21</v>
      </c>
      <c r="CW17" s="195">
        <v>21</v>
      </c>
    </row>
    <row r="18" spans="2:101" ht="21" customHeight="1" x14ac:dyDescent="0.2">
      <c r="B18" s="106" t="s">
        <v>16</v>
      </c>
      <c r="C18" s="190">
        <v>0</v>
      </c>
      <c r="D18" s="196">
        <v>0</v>
      </c>
      <c r="E18" s="207">
        <v>0</v>
      </c>
      <c r="F18" s="193">
        <v>0</v>
      </c>
      <c r="G18" s="191">
        <v>6</v>
      </c>
      <c r="H18" s="191">
        <v>15</v>
      </c>
      <c r="I18" s="191">
        <v>12</v>
      </c>
      <c r="J18" s="191">
        <v>11</v>
      </c>
      <c r="K18" s="191">
        <v>11</v>
      </c>
      <c r="L18" s="194">
        <v>55</v>
      </c>
      <c r="M18" s="195">
        <v>55</v>
      </c>
      <c r="N18" s="190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3</v>
      </c>
      <c r="T18" s="191">
        <v>4</v>
      </c>
      <c r="U18" s="191">
        <v>1</v>
      </c>
      <c r="V18" s="191">
        <v>2</v>
      </c>
      <c r="W18" s="196">
        <v>10</v>
      </c>
      <c r="X18" s="195">
        <v>10</v>
      </c>
      <c r="Y18" s="190">
        <v>0</v>
      </c>
      <c r="Z18" s="191">
        <v>0</v>
      </c>
      <c r="AA18" s="196">
        <v>0</v>
      </c>
      <c r="AB18" s="193">
        <v>0</v>
      </c>
      <c r="AC18" s="191">
        <v>165</v>
      </c>
      <c r="AD18" s="191">
        <v>190</v>
      </c>
      <c r="AE18" s="191">
        <v>80</v>
      </c>
      <c r="AF18" s="191">
        <v>39</v>
      </c>
      <c r="AG18" s="191">
        <v>14</v>
      </c>
      <c r="AH18" s="196">
        <v>488</v>
      </c>
      <c r="AI18" s="195">
        <v>488</v>
      </c>
      <c r="AJ18" s="190">
        <v>0</v>
      </c>
      <c r="AK18" s="191">
        <v>0</v>
      </c>
      <c r="AL18" s="196">
        <v>0</v>
      </c>
      <c r="AM18" s="193">
        <v>0</v>
      </c>
      <c r="AN18" s="191">
        <v>4</v>
      </c>
      <c r="AO18" s="191">
        <v>8</v>
      </c>
      <c r="AP18" s="191">
        <v>5</v>
      </c>
      <c r="AQ18" s="191">
        <v>3</v>
      </c>
      <c r="AR18" s="191">
        <v>4</v>
      </c>
      <c r="AS18" s="196">
        <v>24</v>
      </c>
      <c r="AT18" s="195">
        <v>24</v>
      </c>
      <c r="AU18" s="190">
        <v>5</v>
      </c>
      <c r="AV18" s="191">
        <v>3</v>
      </c>
      <c r="AW18" s="196">
        <v>8</v>
      </c>
      <c r="AX18" s="193">
        <v>0</v>
      </c>
      <c r="AY18" s="191">
        <v>20</v>
      </c>
      <c r="AZ18" s="191">
        <v>21</v>
      </c>
      <c r="BA18" s="191">
        <v>13</v>
      </c>
      <c r="BB18" s="191">
        <v>14</v>
      </c>
      <c r="BC18" s="191">
        <v>11</v>
      </c>
      <c r="BD18" s="196">
        <v>79</v>
      </c>
      <c r="BE18" s="195">
        <v>87</v>
      </c>
      <c r="BF18" s="190">
        <v>0</v>
      </c>
      <c r="BG18" s="191">
        <v>1</v>
      </c>
      <c r="BH18" s="196">
        <v>1</v>
      </c>
      <c r="BI18" s="193">
        <v>0</v>
      </c>
      <c r="BJ18" s="191">
        <v>30</v>
      </c>
      <c r="BK18" s="191">
        <v>45</v>
      </c>
      <c r="BL18" s="191">
        <v>41</v>
      </c>
      <c r="BM18" s="191">
        <v>41</v>
      </c>
      <c r="BN18" s="191">
        <v>26</v>
      </c>
      <c r="BO18" s="194">
        <v>183</v>
      </c>
      <c r="BP18" s="195">
        <v>184</v>
      </c>
      <c r="BQ18" s="190">
        <v>0</v>
      </c>
      <c r="BR18" s="191">
        <v>0</v>
      </c>
      <c r="BS18" s="196">
        <v>0</v>
      </c>
      <c r="BT18" s="193">
        <v>0</v>
      </c>
      <c r="BU18" s="191">
        <v>0</v>
      </c>
      <c r="BV18" s="191">
        <v>0</v>
      </c>
      <c r="BW18" s="191">
        <v>0</v>
      </c>
      <c r="BX18" s="191">
        <v>0</v>
      </c>
      <c r="BY18" s="191">
        <v>0</v>
      </c>
      <c r="BZ18" s="196">
        <v>0</v>
      </c>
      <c r="CA18" s="195">
        <v>0</v>
      </c>
      <c r="CB18" s="190">
        <v>0</v>
      </c>
      <c r="CC18" s="191">
        <v>0</v>
      </c>
      <c r="CD18" s="196">
        <v>0</v>
      </c>
      <c r="CE18" s="193">
        <v>0</v>
      </c>
      <c r="CF18" s="191">
        <v>0</v>
      </c>
      <c r="CG18" s="191">
        <v>0</v>
      </c>
      <c r="CH18" s="191">
        <v>8</v>
      </c>
      <c r="CI18" s="191">
        <v>13</v>
      </c>
      <c r="CJ18" s="191">
        <v>8</v>
      </c>
      <c r="CK18" s="196">
        <v>29</v>
      </c>
      <c r="CL18" s="195">
        <v>29</v>
      </c>
      <c r="CM18" s="190">
        <v>0</v>
      </c>
      <c r="CN18" s="191">
        <v>0</v>
      </c>
      <c r="CO18" s="196">
        <v>0</v>
      </c>
      <c r="CP18" s="193">
        <v>0</v>
      </c>
      <c r="CQ18" s="191">
        <v>1</v>
      </c>
      <c r="CR18" s="191">
        <v>5</v>
      </c>
      <c r="CS18" s="191">
        <v>8</v>
      </c>
      <c r="CT18" s="191">
        <v>0</v>
      </c>
      <c r="CU18" s="191">
        <v>9</v>
      </c>
      <c r="CV18" s="196">
        <v>23</v>
      </c>
      <c r="CW18" s="195">
        <v>23</v>
      </c>
    </row>
    <row r="19" spans="2:101" ht="21" customHeight="1" x14ac:dyDescent="0.2">
      <c r="B19" s="106" t="s">
        <v>17</v>
      </c>
      <c r="C19" s="190">
        <v>0</v>
      </c>
      <c r="D19" s="196">
        <v>0</v>
      </c>
      <c r="E19" s="207">
        <v>0</v>
      </c>
      <c r="F19" s="193">
        <v>0</v>
      </c>
      <c r="G19" s="191">
        <v>1</v>
      </c>
      <c r="H19" s="191">
        <v>2</v>
      </c>
      <c r="I19" s="191">
        <v>2</v>
      </c>
      <c r="J19" s="191">
        <v>3</v>
      </c>
      <c r="K19" s="191">
        <v>0</v>
      </c>
      <c r="L19" s="194">
        <v>8</v>
      </c>
      <c r="M19" s="195">
        <v>8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0</v>
      </c>
      <c r="T19" s="191">
        <v>0</v>
      </c>
      <c r="U19" s="191">
        <v>0</v>
      </c>
      <c r="V19" s="191">
        <v>0</v>
      </c>
      <c r="W19" s="196">
        <v>0</v>
      </c>
      <c r="X19" s="195">
        <v>0</v>
      </c>
      <c r="Y19" s="190">
        <v>0</v>
      </c>
      <c r="Z19" s="191">
        <v>0</v>
      </c>
      <c r="AA19" s="196">
        <v>0</v>
      </c>
      <c r="AB19" s="193">
        <v>0</v>
      </c>
      <c r="AC19" s="191">
        <v>290</v>
      </c>
      <c r="AD19" s="191">
        <v>384</v>
      </c>
      <c r="AE19" s="191">
        <v>157</v>
      </c>
      <c r="AF19" s="191">
        <v>88</v>
      </c>
      <c r="AG19" s="191">
        <v>31</v>
      </c>
      <c r="AH19" s="196">
        <v>950</v>
      </c>
      <c r="AI19" s="195">
        <v>950</v>
      </c>
      <c r="AJ19" s="190">
        <v>1</v>
      </c>
      <c r="AK19" s="191">
        <v>1</v>
      </c>
      <c r="AL19" s="196">
        <v>2</v>
      </c>
      <c r="AM19" s="193">
        <v>0</v>
      </c>
      <c r="AN19" s="191">
        <v>23</v>
      </c>
      <c r="AO19" s="191">
        <v>22</v>
      </c>
      <c r="AP19" s="191">
        <v>16</v>
      </c>
      <c r="AQ19" s="191">
        <v>15</v>
      </c>
      <c r="AR19" s="191">
        <v>5</v>
      </c>
      <c r="AS19" s="196">
        <v>81</v>
      </c>
      <c r="AT19" s="195">
        <v>83</v>
      </c>
      <c r="AU19" s="190">
        <v>5</v>
      </c>
      <c r="AV19" s="191">
        <v>4</v>
      </c>
      <c r="AW19" s="196">
        <v>9</v>
      </c>
      <c r="AX19" s="193">
        <v>0</v>
      </c>
      <c r="AY19" s="191">
        <v>12</v>
      </c>
      <c r="AZ19" s="191">
        <v>33</v>
      </c>
      <c r="BA19" s="191">
        <v>32</v>
      </c>
      <c r="BB19" s="191">
        <v>24</v>
      </c>
      <c r="BC19" s="191">
        <v>17</v>
      </c>
      <c r="BD19" s="196">
        <v>118</v>
      </c>
      <c r="BE19" s="195">
        <v>127</v>
      </c>
      <c r="BF19" s="190">
        <v>0</v>
      </c>
      <c r="BG19" s="191">
        <v>0</v>
      </c>
      <c r="BH19" s="196">
        <v>0</v>
      </c>
      <c r="BI19" s="193">
        <v>0</v>
      </c>
      <c r="BJ19" s="191">
        <v>35</v>
      </c>
      <c r="BK19" s="191">
        <v>61</v>
      </c>
      <c r="BL19" s="191">
        <v>80</v>
      </c>
      <c r="BM19" s="191">
        <v>46</v>
      </c>
      <c r="BN19" s="191">
        <v>28</v>
      </c>
      <c r="BO19" s="194">
        <v>250</v>
      </c>
      <c r="BP19" s="195">
        <v>250</v>
      </c>
      <c r="BQ19" s="190">
        <v>0</v>
      </c>
      <c r="BR19" s="191">
        <v>0</v>
      </c>
      <c r="BS19" s="196">
        <v>0</v>
      </c>
      <c r="BT19" s="193">
        <v>0</v>
      </c>
      <c r="BU19" s="191">
        <v>0</v>
      </c>
      <c r="BV19" s="191">
        <v>0</v>
      </c>
      <c r="BW19" s="191">
        <v>0</v>
      </c>
      <c r="BX19" s="191">
        <v>0</v>
      </c>
      <c r="BY19" s="191">
        <v>0</v>
      </c>
      <c r="BZ19" s="196">
        <v>0</v>
      </c>
      <c r="CA19" s="195">
        <v>0</v>
      </c>
      <c r="CB19" s="190">
        <v>0</v>
      </c>
      <c r="CC19" s="191">
        <v>0</v>
      </c>
      <c r="CD19" s="196">
        <v>0</v>
      </c>
      <c r="CE19" s="193">
        <v>0</v>
      </c>
      <c r="CF19" s="191">
        <v>0</v>
      </c>
      <c r="CG19" s="191">
        <v>1</v>
      </c>
      <c r="CH19" s="191">
        <v>29</v>
      </c>
      <c r="CI19" s="191">
        <v>49</v>
      </c>
      <c r="CJ19" s="191">
        <v>37</v>
      </c>
      <c r="CK19" s="196">
        <v>116</v>
      </c>
      <c r="CL19" s="195">
        <v>116</v>
      </c>
      <c r="CM19" s="190">
        <v>0</v>
      </c>
      <c r="CN19" s="191">
        <v>0</v>
      </c>
      <c r="CO19" s="196">
        <v>0</v>
      </c>
      <c r="CP19" s="193">
        <v>0</v>
      </c>
      <c r="CQ19" s="191">
        <v>3</v>
      </c>
      <c r="CR19" s="191">
        <v>6</v>
      </c>
      <c r="CS19" s="191">
        <v>11</v>
      </c>
      <c r="CT19" s="191">
        <v>7</v>
      </c>
      <c r="CU19" s="191">
        <v>13</v>
      </c>
      <c r="CV19" s="196">
        <v>40</v>
      </c>
      <c r="CW19" s="195">
        <v>40</v>
      </c>
    </row>
    <row r="20" spans="2:101" ht="21" customHeight="1" x14ac:dyDescent="0.2">
      <c r="B20" s="106" t="s">
        <v>18</v>
      </c>
      <c r="C20" s="190">
        <v>0</v>
      </c>
      <c r="D20" s="196">
        <v>0</v>
      </c>
      <c r="E20" s="207">
        <v>0</v>
      </c>
      <c r="F20" s="193">
        <v>0</v>
      </c>
      <c r="G20" s="191">
        <v>10</v>
      </c>
      <c r="H20" s="191">
        <v>12</v>
      </c>
      <c r="I20" s="191">
        <v>5</v>
      </c>
      <c r="J20" s="191">
        <v>6</v>
      </c>
      <c r="K20" s="191">
        <v>10</v>
      </c>
      <c r="L20" s="194">
        <v>43</v>
      </c>
      <c r="M20" s="195">
        <v>43</v>
      </c>
      <c r="N20" s="190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1</v>
      </c>
      <c r="T20" s="191">
        <v>0</v>
      </c>
      <c r="U20" s="191">
        <v>0</v>
      </c>
      <c r="V20" s="191">
        <v>1</v>
      </c>
      <c r="W20" s="196">
        <v>2</v>
      </c>
      <c r="X20" s="195">
        <v>2</v>
      </c>
      <c r="Y20" s="190">
        <v>0</v>
      </c>
      <c r="Z20" s="191">
        <v>0</v>
      </c>
      <c r="AA20" s="196">
        <v>0</v>
      </c>
      <c r="AB20" s="193">
        <v>0</v>
      </c>
      <c r="AC20" s="191">
        <v>321</v>
      </c>
      <c r="AD20" s="191">
        <v>211</v>
      </c>
      <c r="AE20" s="191">
        <v>88</v>
      </c>
      <c r="AF20" s="191">
        <v>38</v>
      </c>
      <c r="AG20" s="191">
        <v>13</v>
      </c>
      <c r="AH20" s="196">
        <v>671</v>
      </c>
      <c r="AI20" s="195">
        <v>671</v>
      </c>
      <c r="AJ20" s="190">
        <v>0</v>
      </c>
      <c r="AK20" s="191">
        <v>0</v>
      </c>
      <c r="AL20" s="196">
        <v>0</v>
      </c>
      <c r="AM20" s="193">
        <v>0</v>
      </c>
      <c r="AN20" s="191">
        <v>12</v>
      </c>
      <c r="AO20" s="191">
        <v>16</v>
      </c>
      <c r="AP20" s="191">
        <v>21</v>
      </c>
      <c r="AQ20" s="191">
        <v>12</v>
      </c>
      <c r="AR20" s="191">
        <v>6</v>
      </c>
      <c r="AS20" s="196">
        <v>67</v>
      </c>
      <c r="AT20" s="195">
        <v>67</v>
      </c>
      <c r="AU20" s="190">
        <v>5</v>
      </c>
      <c r="AV20" s="191">
        <v>7</v>
      </c>
      <c r="AW20" s="196">
        <v>12</v>
      </c>
      <c r="AX20" s="193">
        <v>0</v>
      </c>
      <c r="AY20" s="191">
        <v>56</v>
      </c>
      <c r="AZ20" s="191">
        <v>40</v>
      </c>
      <c r="BA20" s="191">
        <v>49</v>
      </c>
      <c r="BB20" s="191">
        <v>19</v>
      </c>
      <c r="BC20" s="191">
        <v>8</v>
      </c>
      <c r="BD20" s="196">
        <v>172</v>
      </c>
      <c r="BE20" s="195">
        <v>184</v>
      </c>
      <c r="BF20" s="190">
        <v>0</v>
      </c>
      <c r="BG20" s="191">
        <v>3</v>
      </c>
      <c r="BH20" s="196">
        <v>3</v>
      </c>
      <c r="BI20" s="193">
        <v>0</v>
      </c>
      <c r="BJ20" s="191">
        <v>58</v>
      </c>
      <c r="BK20" s="191">
        <v>83</v>
      </c>
      <c r="BL20" s="191">
        <v>96</v>
      </c>
      <c r="BM20" s="191">
        <v>62</v>
      </c>
      <c r="BN20" s="191">
        <v>21</v>
      </c>
      <c r="BO20" s="194">
        <v>320</v>
      </c>
      <c r="BP20" s="195">
        <v>323</v>
      </c>
      <c r="BQ20" s="190">
        <v>0</v>
      </c>
      <c r="BR20" s="191">
        <v>0</v>
      </c>
      <c r="BS20" s="196">
        <v>0</v>
      </c>
      <c r="BT20" s="193">
        <v>0</v>
      </c>
      <c r="BU20" s="191">
        <v>0</v>
      </c>
      <c r="BV20" s="191">
        <v>0</v>
      </c>
      <c r="BW20" s="191">
        <v>0</v>
      </c>
      <c r="BX20" s="191">
        <v>0</v>
      </c>
      <c r="BY20" s="191">
        <v>0</v>
      </c>
      <c r="BZ20" s="196">
        <v>0</v>
      </c>
      <c r="CA20" s="195">
        <v>0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1</v>
      </c>
      <c r="CH20" s="191">
        <v>7</v>
      </c>
      <c r="CI20" s="191">
        <v>15</v>
      </c>
      <c r="CJ20" s="191">
        <v>5</v>
      </c>
      <c r="CK20" s="196">
        <v>28</v>
      </c>
      <c r="CL20" s="195">
        <v>28</v>
      </c>
      <c r="CM20" s="190">
        <v>0</v>
      </c>
      <c r="CN20" s="191">
        <v>0</v>
      </c>
      <c r="CO20" s="196">
        <v>0</v>
      </c>
      <c r="CP20" s="193">
        <v>0</v>
      </c>
      <c r="CQ20" s="191">
        <v>5</v>
      </c>
      <c r="CR20" s="191">
        <v>9</v>
      </c>
      <c r="CS20" s="191">
        <v>12</v>
      </c>
      <c r="CT20" s="191">
        <v>16</v>
      </c>
      <c r="CU20" s="191">
        <v>27</v>
      </c>
      <c r="CV20" s="196">
        <v>69</v>
      </c>
      <c r="CW20" s="195">
        <v>69</v>
      </c>
    </row>
    <row r="21" spans="2:101" ht="21" customHeight="1" x14ac:dyDescent="0.2">
      <c r="B21" s="106" t="s">
        <v>19</v>
      </c>
      <c r="C21" s="190">
        <v>0</v>
      </c>
      <c r="D21" s="196">
        <v>0</v>
      </c>
      <c r="E21" s="207">
        <v>0</v>
      </c>
      <c r="F21" s="193">
        <v>0</v>
      </c>
      <c r="G21" s="191">
        <v>12</v>
      </c>
      <c r="H21" s="191">
        <v>12</v>
      </c>
      <c r="I21" s="191">
        <v>8</v>
      </c>
      <c r="J21" s="191">
        <v>5</v>
      </c>
      <c r="K21" s="191">
        <v>3</v>
      </c>
      <c r="L21" s="194">
        <v>40</v>
      </c>
      <c r="M21" s="195">
        <v>40</v>
      </c>
      <c r="N21" s="190">
        <v>0</v>
      </c>
      <c r="O21" s="191">
        <v>0</v>
      </c>
      <c r="P21" s="196">
        <v>0</v>
      </c>
      <c r="Q21" s="193">
        <v>0</v>
      </c>
      <c r="R21" s="191">
        <v>1</v>
      </c>
      <c r="S21" s="191">
        <v>1</v>
      </c>
      <c r="T21" s="191">
        <v>3</v>
      </c>
      <c r="U21" s="191">
        <v>3</v>
      </c>
      <c r="V21" s="191">
        <v>1</v>
      </c>
      <c r="W21" s="196">
        <v>9</v>
      </c>
      <c r="X21" s="195">
        <v>9</v>
      </c>
      <c r="Y21" s="190">
        <v>0</v>
      </c>
      <c r="Z21" s="191">
        <v>0</v>
      </c>
      <c r="AA21" s="196">
        <v>0</v>
      </c>
      <c r="AB21" s="193">
        <v>0</v>
      </c>
      <c r="AC21" s="191">
        <v>142</v>
      </c>
      <c r="AD21" s="191">
        <v>90</v>
      </c>
      <c r="AE21" s="191">
        <v>43</v>
      </c>
      <c r="AF21" s="191">
        <v>17</v>
      </c>
      <c r="AG21" s="191">
        <v>8</v>
      </c>
      <c r="AH21" s="196">
        <v>300</v>
      </c>
      <c r="AI21" s="195">
        <v>300</v>
      </c>
      <c r="AJ21" s="190">
        <v>1</v>
      </c>
      <c r="AK21" s="191">
        <v>0</v>
      </c>
      <c r="AL21" s="196">
        <v>1</v>
      </c>
      <c r="AM21" s="193">
        <v>0</v>
      </c>
      <c r="AN21" s="191">
        <v>20</v>
      </c>
      <c r="AO21" s="191">
        <v>15</v>
      </c>
      <c r="AP21" s="191">
        <v>14</v>
      </c>
      <c r="AQ21" s="191">
        <v>5</v>
      </c>
      <c r="AR21" s="191">
        <v>4</v>
      </c>
      <c r="AS21" s="196">
        <v>58</v>
      </c>
      <c r="AT21" s="195">
        <v>59</v>
      </c>
      <c r="AU21" s="190">
        <v>0</v>
      </c>
      <c r="AV21" s="191">
        <v>2</v>
      </c>
      <c r="AW21" s="196">
        <v>2</v>
      </c>
      <c r="AX21" s="193">
        <v>0</v>
      </c>
      <c r="AY21" s="191">
        <v>24</v>
      </c>
      <c r="AZ21" s="191">
        <v>34</v>
      </c>
      <c r="BA21" s="191">
        <v>26</v>
      </c>
      <c r="BB21" s="191">
        <v>18</v>
      </c>
      <c r="BC21" s="191">
        <v>5</v>
      </c>
      <c r="BD21" s="196">
        <v>107</v>
      </c>
      <c r="BE21" s="195">
        <v>109</v>
      </c>
      <c r="BF21" s="190">
        <v>0</v>
      </c>
      <c r="BG21" s="191">
        <v>0</v>
      </c>
      <c r="BH21" s="196">
        <v>0</v>
      </c>
      <c r="BI21" s="193">
        <v>0</v>
      </c>
      <c r="BJ21" s="191">
        <v>14</v>
      </c>
      <c r="BK21" s="191">
        <v>24</v>
      </c>
      <c r="BL21" s="191">
        <v>25</v>
      </c>
      <c r="BM21" s="191">
        <v>19</v>
      </c>
      <c r="BN21" s="191">
        <v>17</v>
      </c>
      <c r="BO21" s="194">
        <v>99</v>
      </c>
      <c r="BP21" s="195">
        <v>99</v>
      </c>
      <c r="BQ21" s="190">
        <v>0</v>
      </c>
      <c r="BR21" s="191">
        <v>0</v>
      </c>
      <c r="BS21" s="196">
        <v>0</v>
      </c>
      <c r="BT21" s="193">
        <v>0</v>
      </c>
      <c r="BU21" s="191">
        <v>0</v>
      </c>
      <c r="BV21" s="191">
        <v>0</v>
      </c>
      <c r="BW21" s="191">
        <v>0</v>
      </c>
      <c r="BX21" s="191">
        <v>0</v>
      </c>
      <c r="BY21" s="191">
        <v>0</v>
      </c>
      <c r="BZ21" s="196">
        <v>0</v>
      </c>
      <c r="CA21" s="195">
        <v>0</v>
      </c>
      <c r="CB21" s="190">
        <v>0</v>
      </c>
      <c r="CC21" s="191">
        <v>0</v>
      </c>
      <c r="CD21" s="196">
        <v>0</v>
      </c>
      <c r="CE21" s="193">
        <v>0</v>
      </c>
      <c r="CF21" s="191">
        <v>0</v>
      </c>
      <c r="CG21" s="191">
        <v>0</v>
      </c>
      <c r="CH21" s="191">
        <v>0</v>
      </c>
      <c r="CI21" s="191">
        <v>0</v>
      </c>
      <c r="CJ21" s="191">
        <v>0</v>
      </c>
      <c r="CK21" s="196">
        <v>0</v>
      </c>
      <c r="CL21" s="195">
        <v>0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1</v>
      </c>
      <c r="CS21" s="191">
        <v>2</v>
      </c>
      <c r="CT21" s="191">
        <v>3</v>
      </c>
      <c r="CU21" s="191">
        <v>12</v>
      </c>
      <c r="CV21" s="196">
        <v>18</v>
      </c>
      <c r="CW21" s="195">
        <v>18</v>
      </c>
    </row>
    <row r="22" spans="2:101" ht="21" customHeight="1" x14ac:dyDescent="0.2">
      <c r="B22" s="106" t="s">
        <v>20</v>
      </c>
      <c r="C22" s="190">
        <v>0</v>
      </c>
      <c r="D22" s="196">
        <v>0</v>
      </c>
      <c r="E22" s="207">
        <v>0</v>
      </c>
      <c r="F22" s="193">
        <v>0</v>
      </c>
      <c r="G22" s="191">
        <v>2</v>
      </c>
      <c r="H22" s="191">
        <v>0</v>
      </c>
      <c r="I22" s="191">
        <v>0</v>
      </c>
      <c r="J22" s="191">
        <v>0</v>
      </c>
      <c r="K22" s="191">
        <v>1</v>
      </c>
      <c r="L22" s="194">
        <v>3</v>
      </c>
      <c r="M22" s="195">
        <v>3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0</v>
      </c>
      <c r="U22" s="191">
        <v>0</v>
      </c>
      <c r="V22" s="191">
        <v>0</v>
      </c>
      <c r="W22" s="196">
        <v>0</v>
      </c>
      <c r="X22" s="195">
        <v>0</v>
      </c>
      <c r="Y22" s="190">
        <v>0</v>
      </c>
      <c r="Z22" s="191">
        <v>0</v>
      </c>
      <c r="AA22" s="196">
        <v>0</v>
      </c>
      <c r="AB22" s="193">
        <v>0</v>
      </c>
      <c r="AC22" s="191">
        <v>234</v>
      </c>
      <c r="AD22" s="191">
        <v>123</v>
      </c>
      <c r="AE22" s="191">
        <v>64</v>
      </c>
      <c r="AF22" s="191">
        <v>21</v>
      </c>
      <c r="AG22" s="191">
        <v>7</v>
      </c>
      <c r="AH22" s="196">
        <v>449</v>
      </c>
      <c r="AI22" s="195">
        <v>449</v>
      </c>
      <c r="AJ22" s="190">
        <v>0</v>
      </c>
      <c r="AK22" s="191">
        <v>0</v>
      </c>
      <c r="AL22" s="196">
        <v>0</v>
      </c>
      <c r="AM22" s="193">
        <v>0</v>
      </c>
      <c r="AN22" s="191">
        <v>0</v>
      </c>
      <c r="AO22" s="191">
        <v>2</v>
      </c>
      <c r="AP22" s="191">
        <v>7</v>
      </c>
      <c r="AQ22" s="191">
        <v>4</v>
      </c>
      <c r="AR22" s="191">
        <v>3</v>
      </c>
      <c r="AS22" s="196">
        <v>16</v>
      </c>
      <c r="AT22" s="195">
        <v>16</v>
      </c>
      <c r="AU22" s="190">
        <v>1</v>
      </c>
      <c r="AV22" s="191">
        <v>0</v>
      </c>
      <c r="AW22" s="196">
        <v>1</v>
      </c>
      <c r="AX22" s="193">
        <v>0</v>
      </c>
      <c r="AY22" s="191">
        <v>19</v>
      </c>
      <c r="AZ22" s="191">
        <v>14</v>
      </c>
      <c r="BA22" s="191">
        <v>16</v>
      </c>
      <c r="BB22" s="191">
        <v>5</v>
      </c>
      <c r="BC22" s="191">
        <v>1</v>
      </c>
      <c r="BD22" s="196">
        <v>55</v>
      </c>
      <c r="BE22" s="195">
        <v>56</v>
      </c>
      <c r="BF22" s="190">
        <v>0</v>
      </c>
      <c r="BG22" s="191">
        <v>0</v>
      </c>
      <c r="BH22" s="196">
        <v>0</v>
      </c>
      <c r="BI22" s="193">
        <v>0</v>
      </c>
      <c r="BJ22" s="191">
        <v>21</v>
      </c>
      <c r="BK22" s="191">
        <v>31</v>
      </c>
      <c r="BL22" s="191">
        <v>57</v>
      </c>
      <c r="BM22" s="191">
        <v>15</v>
      </c>
      <c r="BN22" s="191">
        <v>18</v>
      </c>
      <c r="BO22" s="194">
        <v>142</v>
      </c>
      <c r="BP22" s="195">
        <v>142</v>
      </c>
      <c r="BQ22" s="190">
        <v>0</v>
      </c>
      <c r="BR22" s="191">
        <v>0</v>
      </c>
      <c r="BS22" s="196">
        <v>0</v>
      </c>
      <c r="BT22" s="193">
        <v>0</v>
      </c>
      <c r="BU22" s="191">
        <v>0</v>
      </c>
      <c r="BV22" s="191">
        <v>0</v>
      </c>
      <c r="BW22" s="191">
        <v>0</v>
      </c>
      <c r="BX22" s="191">
        <v>0</v>
      </c>
      <c r="BY22" s="191">
        <v>0</v>
      </c>
      <c r="BZ22" s="196">
        <v>0</v>
      </c>
      <c r="CA22" s="195">
        <v>0</v>
      </c>
      <c r="CB22" s="190">
        <v>0</v>
      </c>
      <c r="CC22" s="191">
        <v>0</v>
      </c>
      <c r="CD22" s="196">
        <v>0</v>
      </c>
      <c r="CE22" s="193">
        <v>0</v>
      </c>
      <c r="CF22" s="191">
        <v>0</v>
      </c>
      <c r="CG22" s="191">
        <v>0</v>
      </c>
      <c r="CH22" s="191">
        <v>0</v>
      </c>
      <c r="CI22" s="191">
        <v>0</v>
      </c>
      <c r="CJ22" s="191">
        <v>0</v>
      </c>
      <c r="CK22" s="196">
        <v>0</v>
      </c>
      <c r="CL22" s="195">
        <v>0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</row>
    <row r="23" spans="2:101" ht="21" customHeight="1" x14ac:dyDescent="0.2">
      <c r="B23" s="106" t="s">
        <v>21</v>
      </c>
      <c r="C23" s="190">
        <v>0</v>
      </c>
      <c r="D23" s="196">
        <v>0</v>
      </c>
      <c r="E23" s="207">
        <v>0</v>
      </c>
      <c r="F23" s="193">
        <v>0</v>
      </c>
      <c r="G23" s="191">
        <v>1</v>
      </c>
      <c r="H23" s="191">
        <v>3</v>
      </c>
      <c r="I23" s="191">
        <v>1</v>
      </c>
      <c r="J23" s="191">
        <v>0</v>
      </c>
      <c r="K23" s="191">
        <v>1</v>
      </c>
      <c r="L23" s="194">
        <v>6</v>
      </c>
      <c r="M23" s="195">
        <v>6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  <c r="Y23" s="190">
        <v>0</v>
      </c>
      <c r="Z23" s="191">
        <v>0</v>
      </c>
      <c r="AA23" s="196">
        <v>0</v>
      </c>
      <c r="AB23" s="193">
        <v>0</v>
      </c>
      <c r="AC23" s="191">
        <v>232</v>
      </c>
      <c r="AD23" s="191">
        <v>176</v>
      </c>
      <c r="AE23" s="191">
        <v>92</v>
      </c>
      <c r="AF23" s="191">
        <v>28</v>
      </c>
      <c r="AG23" s="191">
        <v>16</v>
      </c>
      <c r="AH23" s="196">
        <v>544</v>
      </c>
      <c r="AI23" s="195">
        <v>544</v>
      </c>
      <c r="AJ23" s="190">
        <v>0</v>
      </c>
      <c r="AK23" s="191">
        <v>0</v>
      </c>
      <c r="AL23" s="196">
        <v>0</v>
      </c>
      <c r="AM23" s="193">
        <v>0</v>
      </c>
      <c r="AN23" s="191">
        <v>0</v>
      </c>
      <c r="AO23" s="191">
        <v>0</v>
      </c>
      <c r="AP23" s="191">
        <v>0</v>
      </c>
      <c r="AQ23" s="191">
        <v>0</v>
      </c>
      <c r="AR23" s="191">
        <v>0</v>
      </c>
      <c r="AS23" s="196">
        <v>0</v>
      </c>
      <c r="AT23" s="195">
        <v>0</v>
      </c>
      <c r="AU23" s="190">
        <v>0</v>
      </c>
      <c r="AV23" s="191">
        <v>0</v>
      </c>
      <c r="AW23" s="196">
        <v>0</v>
      </c>
      <c r="AX23" s="193">
        <v>0</v>
      </c>
      <c r="AY23" s="191">
        <v>7</v>
      </c>
      <c r="AZ23" s="191">
        <v>6</v>
      </c>
      <c r="BA23" s="191">
        <v>19</v>
      </c>
      <c r="BB23" s="191">
        <v>5</v>
      </c>
      <c r="BC23" s="191">
        <v>3</v>
      </c>
      <c r="BD23" s="196">
        <v>40</v>
      </c>
      <c r="BE23" s="195">
        <v>40</v>
      </c>
      <c r="BF23" s="190">
        <v>0</v>
      </c>
      <c r="BG23" s="191">
        <v>1</v>
      </c>
      <c r="BH23" s="196">
        <v>1</v>
      </c>
      <c r="BI23" s="193">
        <v>0</v>
      </c>
      <c r="BJ23" s="191">
        <v>16</v>
      </c>
      <c r="BK23" s="191">
        <v>40</v>
      </c>
      <c r="BL23" s="191">
        <v>34</v>
      </c>
      <c r="BM23" s="191">
        <v>20</v>
      </c>
      <c r="BN23" s="191">
        <v>9</v>
      </c>
      <c r="BO23" s="194">
        <v>119</v>
      </c>
      <c r="BP23" s="195">
        <v>120</v>
      </c>
      <c r="BQ23" s="190">
        <v>0</v>
      </c>
      <c r="BR23" s="191">
        <v>0</v>
      </c>
      <c r="BS23" s="196">
        <v>0</v>
      </c>
      <c r="BT23" s="193">
        <v>0</v>
      </c>
      <c r="BU23" s="191">
        <v>0</v>
      </c>
      <c r="BV23" s="191">
        <v>0</v>
      </c>
      <c r="BW23" s="191">
        <v>0</v>
      </c>
      <c r="BX23" s="191">
        <v>0</v>
      </c>
      <c r="BY23" s="191">
        <v>0</v>
      </c>
      <c r="BZ23" s="196">
        <v>0</v>
      </c>
      <c r="CA23" s="195">
        <v>0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0</v>
      </c>
      <c r="CH23" s="191">
        <v>0</v>
      </c>
      <c r="CI23" s="191">
        <v>0</v>
      </c>
      <c r="CJ23" s="191">
        <v>0</v>
      </c>
      <c r="CK23" s="196">
        <v>0</v>
      </c>
      <c r="CL23" s="195">
        <v>0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2</v>
      </c>
      <c r="CV23" s="196">
        <v>2</v>
      </c>
      <c r="CW23" s="195">
        <v>2</v>
      </c>
    </row>
    <row r="24" spans="2:101" ht="21" customHeight="1" x14ac:dyDescent="0.2">
      <c r="B24" s="106" t="s">
        <v>22</v>
      </c>
      <c r="C24" s="190">
        <v>0</v>
      </c>
      <c r="D24" s="196">
        <v>0</v>
      </c>
      <c r="E24" s="207">
        <v>0</v>
      </c>
      <c r="F24" s="193">
        <v>0</v>
      </c>
      <c r="G24" s="191">
        <v>0</v>
      </c>
      <c r="H24" s="191">
        <v>5</v>
      </c>
      <c r="I24" s="191">
        <v>6</v>
      </c>
      <c r="J24" s="191">
        <v>4</v>
      </c>
      <c r="K24" s="191">
        <v>0</v>
      </c>
      <c r="L24" s="194">
        <v>15</v>
      </c>
      <c r="M24" s="195">
        <v>15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0</v>
      </c>
      <c r="V24" s="191">
        <v>0</v>
      </c>
      <c r="W24" s="196">
        <v>0</v>
      </c>
      <c r="X24" s="195">
        <v>0</v>
      </c>
      <c r="Y24" s="190">
        <v>0</v>
      </c>
      <c r="Z24" s="191">
        <v>0</v>
      </c>
      <c r="AA24" s="196">
        <v>0</v>
      </c>
      <c r="AB24" s="193">
        <v>0</v>
      </c>
      <c r="AC24" s="191">
        <v>126</v>
      </c>
      <c r="AD24" s="191">
        <v>104</v>
      </c>
      <c r="AE24" s="191">
        <v>44</v>
      </c>
      <c r="AF24" s="191">
        <v>24</v>
      </c>
      <c r="AG24" s="191">
        <v>8</v>
      </c>
      <c r="AH24" s="196">
        <v>306</v>
      </c>
      <c r="AI24" s="195">
        <v>306</v>
      </c>
      <c r="AJ24" s="190">
        <v>0</v>
      </c>
      <c r="AK24" s="191">
        <v>0</v>
      </c>
      <c r="AL24" s="196">
        <v>0</v>
      </c>
      <c r="AM24" s="193">
        <v>0</v>
      </c>
      <c r="AN24" s="191">
        <v>2</v>
      </c>
      <c r="AO24" s="191">
        <v>5</v>
      </c>
      <c r="AP24" s="191">
        <v>6</v>
      </c>
      <c r="AQ24" s="191">
        <v>5</v>
      </c>
      <c r="AR24" s="191">
        <v>1</v>
      </c>
      <c r="AS24" s="196">
        <v>19</v>
      </c>
      <c r="AT24" s="195">
        <v>19</v>
      </c>
      <c r="AU24" s="190">
        <v>4</v>
      </c>
      <c r="AV24" s="191">
        <v>5</v>
      </c>
      <c r="AW24" s="196">
        <v>9</v>
      </c>
      <c r="AX24" s="193">
        <v>0</v>
      </c>
      <c r="AY24" s="191">
        <v>21</v>
      </c>
      <c r="AZ24" s="191">
        <v>27</v>
      </c>
      <c r="BA24" s="191">
        <v>16</v>
      </c>
      <c r="BB24" s="191">
        <v>8</v>
      </c>
      <c r="BC24" s="191">
        <v>9</v>
      </c>
      <c r="BD24" s="196">
        <v>81</v>
      </c>
      <c r="BE24" s="195">
        <v>90</v>
      </c>
      <c r="BF24" s="190">
        <v>0</v>
      </c>
      <c r="BG24" s="191">
        <v>0</v>
      </c>
      <c r="BH24" s="196">
        <v>0</v>
      </c>
      <c r="BI24" s="193">
        <v>0</v>
      </c>
      <c r="BJ24" s="191">
        <v>10</v>
      </c>
      <c r="BK24" s="191">
        <v>18</v>
      </c>
      <c r="BL24" s="191">
        <v>16</v>
      </c>
      <c r="BM24" s="191">
        <v>13</v>
      </c>
      <c r="BN24" s="191">
        <v>4</v>
      </c>
      <c r="BO24" s="194">
        <v>61</v>
      </c>
      <c r="BP24" s="195">
        <v>61</v>
      </c>
      <c r="BQ24" s="190">
        <v>0</v>
      </c>
      <c r="BR24" s="191">
        <v>0</v>
      </c>
      <c r="BS24" s="196">
        <v>0</v>
      </c>
      <c r="BT24" s="193">
        <v>0</v>
      </c>
      <c r="BU24" s="191">
        <v>0</v>
      </c>
      <c r="BV24" s="191">
        <v>0</v>
      </c>
      <c r="BW24" s="191">
        <v>0</v>
      </c>
      <c r="BX24" s="191">
        <v>0</v>
      </c>
      <c r="BY24" s="191">
        <v>0</v>
      </c>
      <c r="BZ24" s="196">
        <v>0</v>
      </c>
      <c r="CA24" s="195">
        <v>0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2</v>
      </c>
      <c r="CH24" s="191">
        <v>9</v>
      </c>
      <c r="CI24" s="191">
        <v>12</v>
      </c>
      <c r="CJ24" s="191">
        <v>8</v>
      </c>
      <c r="CK24" s="196">
        <v>31</v>
      </c>
      <c r="CL24" s="195">
        <v>31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</row>
    <row r="25" spans="2:101" ht="21" customHeight="1" x14ac:dyDescent="0.2">
      <c r="B25" s="106" t="s">
        <v>23</v>
      </c>
      <c r="C25" s="190">
        <v>0</v>
      </c>
      <c r="D25" s="196">
        <v>0</v>
      </c>
      <c r="E25" s="207">
        <v>0</v>
      </c>
      <c r="F25" s="193">
        <v>0</v>
      </c>
      <c r="G25" s="191">
        <v>0</v>
      </c>
      <c r="H25" s="191">
        <v>0</v>
      </c>
      <c r="I25" s="191">
        <v>1</v>
      </c>
      <c r="J25" s="191">
        <v>0</v>
      </c>
      <c r="K25" s="191">
        <v>1</v>
      </c>
      <c r="L25" s="194">
        <v>2</v>
      </c>
      <c r="M25" s="195">
        <v>2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  <c r="Y25" s="190">
        <v>0</v>
      </c>
      <c r="Z25" s="191">
        <v>0</v>
      </c>
      <c r="AA25" s="196">
        <v>0</v>
      </c>
      <c r="AB25" s="193">
        <v>0</v>
      </c>
      <c r="AC25" s="191">
        <v>73</v>
      </c>
      <c r="AD25" s="191">
        <v>60</v>
      </c>
      <c r="AE25" s="191">
        <v>27</v>
      </c>
      <c r="AF25" s="191">
        <v>19</v>
      </c>
      <c r="AG25" s="191">
        <v>8</v>
      </c>
      <c r="AH25" s="196">
        <v>187</v>
      </c>
      <c r="AI25" s="195">
        <v>187</v>
      </c>
      <c r="AJ25" s="190">
        <v>0</v>
      </c>
      <c r="AK25" s="191">
        <v>0</v>
      </c>
      <c r="AL25" s="196">
        <v>0</v>
      </c>
      <c r="AM25" s="193">
        <v>0</v>
      </c>
      <c r="AN25" s="191">
        <v>0</v>
      </c>
      <c r="AO25" s="191">
        <v>0</v>
      </c>
      <c r="AP25" s="191">
        <v>2</v>
      </c>
      <c r="AQ25" s="191">
        <v>1</v>
      </c>
      <c r="AR25" s="191">
        <v>0</v>
      </c>
      <c r="AS25" s="196">
        <v>3</v>
      </c>
      <c r="AT25" s="195">
        <v>3</v>
      </c>
      <c r="AU25" s="190">
        <v>1</v>
      </c>
      <c r="AV25" s="191">
        <v>0</v>
      </c>
      <c r="AW25" s="196">
        <v>1</v>
      </c>
      <c r="AX25" s="193">
        <v>0</v>
      </c>
      <c r="AY25" s="191">
        <v>5</v>
      </c>
      <c r="AZ25" s="191">
        <v>2</v>
      </c>
      <c r="BA25" s="191">
        <v>4</v>
      </c>
      <c r="BB25" s="191">
        <v>0</v>
      </c>
      <c r="BC25" s="191">
        <v>0</v>
      </c>
      <c r="BD25" s="196">
        <v>11</v>
      </c>
      <c r="BE25" s="195">
        <v>12</v>
      </c>
      <c r="BF25" s="190">
        <v>0</v>
      </c>
      <c r="BG25" s="191">
        <v>0</v>
      </c>
      <c r="BH25" s="196">
        <v>0</v>
      </c>
      <c r="BI25" s="193">
        <v>0</v>
      </c>
      <c r="BJ25" s="191">
        <v>35</v>
      </c>
      <c r="BK25" s="191">
        <v>24</v>
      </c>
      <c r="BL25" s="191">
        <v>24</v>
      </c>
      <c r="BM25" s="191">
        <v>15</v>
      </c>
      <c r="BN25" s="191">
        <v>12</v>
      </c>
      <c r="BO25" s="194">
        <v>110</v>
      </c>
      <c r="BP25" s="195">
        <v>110</v>
      </c>
      <c r="BQ25" s="190">
        <v>0</v>
      </c>
      <c r="BR25" s="191">
        <v>0</v>
      </c>
      <c r="BS25" s="196">
        <v>0</v>
      </c>
      <c r="BT25" s="193">
        <v>0</v>
      </c>
      <c r="BU25" s="191">
        <v>0</v>
      </c>
      <c r="BV25" s="191">
        <v>0</v>
      </c>
      <c r="BW25" s="191">
        <v>0</v>
      </c>
      <c r="BX25" s="191">
        <v>0</v>
      </c>
      <c r="BY25" s="191">
        <v>0</v>
      </c>
      <c r="BZ25" s="196">
        <v>0</v>
      </c>
      <c r="CA25" s="195">
        <v>0</v>
      </c>
      <c r="CB25" s="190">
        <v>0</v>
      </c>
      <c r="CC25" s="191">
        <v>0</v>
      </c>
      <c r="CD25" s="196">
        <v>0</v>
      </c>
      <c r="CE25" s="193">
        <v>0</v>
      </c>
      <c r="CF25" s="191">
        <v>0</v>
      </c>
      <c r="CG25" s="191">
        <v>0</v>
      </c>
      <c r="CH25" s="191">
        <v>0</v>
      </c>
      <c r="CI25" s="191">
        <v>0</v>
      </c>
      <c r="CJ25" s="191">
        <v>0</v>
      </c>
      <c r="CK25" s="196">
        <v>0</v>
      </c>
      <c r="CL25" s="195">
        <v>0</v>
      </c>
      <c r="CM25" s="190">
        <v>0</v>
      </c>
      <c r="CN25" s="191">
        <v>0</v>
      </c>
      <c r="CO25" s="196">
        <v>0</v>
      </c>
      <c r="CP25" s="193">
        <v>0</v>
      </c>
      <c r="CQ25" s="191">
        <v>3</v>
      </c>
      <c r="CR25" s="191">
        <v>6</v>
      </c>
      <c r="CS25" s="191">
        <v>4</v>
      </c>
      <c r="CT25" s="191">
        <v>5</v>
      </c>
      <c r="CU25" s="191">
        <v>4</v>
      </c>
      <c r="CV25" s="196">
        <v>22</v>
      </c>
      <c r="CW25" s="195">
        <v>22</v>
      </c>
    </row>
    <row r="26" spans="2:101" ht="21" customHeight="1" x14ac:dyDescent="0.2">
      <c r="B26" s="106" t="s">
        <v>24</v>
      </c>
      <c r="C26" s="190">
        <v>0</v>
      </c>
      <c r="D26" s="196">
        <v>0</v>
      </c>
      <c r="E26" s="207">
        <v>0</v>
      </c>
      <c r="F26" s="193">
        <v>0</v>
      </c>
      <c r="G26" s="191">
        <v>1</v>
      </c>
      <c r="H26" s="191">
        <v>1</v>
      </c>
      <c r="I26" s="191">
        <v>2</v>
      </c>
      <c r="J26" s="191">
        <v>3</v>
      </c>
      <c r="K26" s="191">
        <v>2</v>
      </c>
      <c r="L26" s="194">
        <v>9</v>
      </c>
      <c r="M26" s="195">
        <v>9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0</v>
      </c>
      <c r="V26" s="191">
        <v>0</v>
      </c>
      <c r="W26" s="196">
        <v>0</v>
      </c>
      <c r="X26" s="195">
        <v>0</v>
      </c>
      <c r="Y26" s="190">
        <v>0</v>
      </c>
      <c r="Z26" s="191">
        <v>0</v>
      </c>
      <c r="AA26" s="196">
        <v>0</v>
      </c>
      <c r="AB26" s="193">
        <v>0</v>
      </c>
      <c r="AC26" s="191">
        <v>21</v>
      </c>
      <c r="AD26" s="191">
        <v>11</v>
      </c>
      <c r="AE26" s="191">
        <v>16</v>
      </c>
      <c r="AF26" s="191">
        <v>6</v>
      </c>
      <c r="AG26" s="191">
        <v>4</v>
      </c>
      <c r="AH26" s="196">
        <v>58</v>
      </c>
      <c r="AI26" s="195">
        <v>58</v>
      </c>
      <c r="AJ26" s="190">
        <v>0</v>
      </c>
      <c r="AK26" s="191">
        <v>0</v>
      </c>
      <c r="AL26" s="196">
        <v>0</v>
      </c>
      <c r="AM26" s="193">
        <v>0</v>
      </c>
      <c r="AN26" s="191">
        <v>6</v>
      </c>
      <c r="AO26" s="191">
        <v>5</v>
      </c>
      <c r="AP26" s="191">
        <v>2</v>
      </c>
      <c r="AQ26" s="191">
        <v>2</v>
      </c>
      <c r="AR26" s="191">
        <v>1</v>
      </c>
      <c r="AS26" s="196">
        <v>16</v>
      </c>
      <c r="AT26" s="195">
        <v>16</v>
      </c>
      <c r="AU26" s="190">
        <v>4</v>
      </c>
      <c r="AV26" s="191">
        <v>2</v>
      </c>
      <c r="AW26" s="196">
        <v>6</v>
      </c>
      <c r="AX26" s="193">
        <v>0</v>
      </c>
      <c r="AY26" s="191">
        <v>14</v>
      </c>
      <c r="AZ26" s="191">
        <v>15</v>
      </c>
      <c r="BA26" s="191">
        <v>5</v>
      </c>
      <c r="BB26" s="191">
        <v>2</v>
      </c>
      <c r="BC26" s="191">
        <v>0</v>
      </c>
      <c r="BD26" s="196">
        <v>36</v>
      </c>
      <c r="BE26" s="195">
        <v>42</v>
      </c>
      <c r="BF26" s="190">
        <v>0</v>
      </c>
      <c r="BG26" s="191">
        <v>0</v>
      </c>
      <c r="BH26" s="196">
        <v>0</v>
      </c>
      <c r="BI26" s="193">
        <v>0</v>
      </c>
      <c r="BJ26" s="191">
        <v>2</v>
      </c>
      <c r="BK26" s="191">
        <v>6</v>
      </c>
      <c r="BL26" s="191">
        <v>5</v>
      </c>
      <c r="BM26" s="191">
        <v>3</v>
      </c>
      <c r="BN26" s="191">
        <v>3</v>
      </c>
      <c r="BO26" s="194">
        <v>19</v>
      </c>
      <c r="BP26" s="195">
        <v>19</v>
      </c>
      <c r="BQ26" s="190">
        <v>0</v>
      </c>
      <c r="BR26" s="191">
        <v>0</v>
      </c>
      <c r="BS26" s="196">
        <v>0</v>
      </c>
      <c r="BT26" s="193">
        <v>0</v>
      </c>
      <c r="BU26" s="191">
        <v>0</v>
      </c>
      <c r="BV26" s="191">
        <v>0</v>
      </c>
      <c r="BW26" s="191">
        <v>0</v>
      </c>
      <c r="BX26" s="191">
        <v>0</v>
      </c>
      <c r="BY26" s="191">
        <v>0</v>
      </c>
      <c r="BZ26" s="196">
        <v>0</v>
      </c>
      <c r="CA26" s="195">
        <v>0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0</v>
      </c>
      <c r="CH26" s="191">
        <v>0</v>
      </c>
      <c r="CI26" s="191">
        <v>0</v>
      </c>
      <c r="CJ26" s="191">
        <v>0</v>
      </c>
      <c r="CK26" s="196">
        <v>0</v>
      </c>
      <c r="CL26" s="195">
        <v>0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</row>
    <row r="27" spans="2:101" ht="21" customHeight="1" x14ac:dyDescent="0.2">
      <c r="B27" s="106" t="s">
        <v>25</v>
      </c>
      <c r="C27" s="190">
        <v>0</v>
      </c>
      <c r="D27" s="196">
        <v>0</v>
      </c>
      <c r="E27" s="207">
        <v>0</v>
      </c>
      <c r="F27" s="193">
        <v>0</v>
      </c>
      <c r="G27" s="191">
        <v>0</v>
      </c>
      <c r="H27" s="191">
        <v>0</v>
      </c>
      <c r="I27" s="191">
        <v>0</v>
      </c>
      <c r="J27" s="191">
        <v>0</v>
      </c>
      <c r="K27" s="191">
        <v>0</v>
      </c>
      <c r="L27" s="194">
        <v>0</v>
      </c>
      <c r="M27" s="195">
        <v>0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  <c r="Y27" s="190">
        <v>0</v>
      </c>
      <c r="Z27" s="191">
        <v>0</v>
      </c>
      <c r="AA27" s="196">
        <v>0</v>
      </c>
      <c r="AB27" s="193">
        <v>0</v>
      </c>
      <c r="AC27" s="191">
        <v>83</v>
      </c>
      <c r="AD27" s="191">
        <v>45</v>
      </c>
      <c r="AE27" s="191">
        <v>16</v>
      </c>
      <c r="AF27" s="191">
        <v>6</v>
      </c>
      <c r="AG27" s="191">
        <v>0</v>
      </c>
      <c r="AH27" s="196">
        <v>150</v>
      </c>
      <c r="AI27" s="195">
        <v>150</v>
      </c>
      <c r="AJ27" s="190">
        <v>0</v>
      </c>
      <c r="AK27" s="191">
        <v>0</v>
      </c>
      <c r="AL27" s="196">
        <v>0</v>
      </c>
      <c r="AM27" s="193">
        <v>0</v>
      </c>
      <c r="AN27" s="191">
        <v>0</v>
      </c>
      <c r="AO27" s="191">
        <v>0</v>
      </c>
      <c r="AP27" s="191">
        <v>0</v>
      </c>
      <c r="AQ27" s="191">
        <v>0</v>
      </c>
      <c r="AR27" s="191">
        <v>0</v>
      </c>
      <c r="AS27" s="196">
        <v>0</v>
      </c>
      <c r="AT27" s="195">
        <v>0</v>
      </c>
      <c r="AU27" s="190">
        <v>0</v>
      </c>
      <c r="AV27" s="191">
        <v>3</v>
      </c>
      <c r="AW27" s="196">
        <v>3</v>
      </c>
      <c r="AX27" s="193">
        <v>0</v>
      </c>
      <c r="AY27" s="191">
        <v>7</v>
      </c>
      <c r="AZ27" s="191">
        <v>4</v>
      </c>
      <c r="BA27" s="191">
        <v>0</v>
      </c>
      <c r="BB27" s="191">
        <v>4</v>
      </c>
      <c r="BC27" s="191">
        <v>0</v>
      </c>
      <c r="BD27" s="196">
        <v>15</v>
      </c>
      <c r="BE27" s="195">
        <v>18</v>
      </c>
      <c r="BF27" s="190">
        <v>0</v>
      </c>
      <c r="BG27" s="191">
        <v>0</v>
      </c>
      <c r="BH27" s="196">
        <v>0</v>
      </c>
      <c r="BI27" s="193">
        <v>0</v>
      </c>
      <c r="BJ27" s="191">
        <v>10</v>
      </c>
      <c r="BK27" s="191">
        <v>8</v>
      </c>
      <c r="BL27" s="191">
        <v>10</v>
      </c>
      <c r="BM27" s="191">
        <v>5</v>
      </c>
      <c r="BN27" s="191">
        <v>3</v>
      </c>
      <c r="BO27" s="194">
        <v>36</v>
      </c>
      <c r="BP27" s="195">
        <v>36</v>
      </c>
      <c r="BQ27" s="190">
        <v>0</v>
      </c>
      <c r="BR27" s="191">
        <v>0</v>
      </c>
      <c r="BS27" s="196">
        <v>0</v>
      </c>
      <c r="BT27" s="193">
        <v>0</v>
      </c>
      <c r="BU27" s="191">
        <v>0</v>
      </c>
      <c r="BV27" s="191">
        <v>0</v>
      </c>
      <c r="BW27" s="191">
        <v>0</v>
      </c>
      <c r="BX27" s="191">
        <v>0</v>
      </c>
      <c r="BY27" s="191">
        <v>0</v>
      </c>
      <c r="BZ27" s="196">
        <v>0</v>
      </c>
      <c r="CA27" s="195">
        <v>0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0</v>
      </c>
      <c r="CH27" s="191">
        <v>0</v>
      </c>
      <c r="CI27" s="191">
        <v>0</v>
      </c>
      <c r="CJ27" s="191">
        <v>0</v>
      </c>
      <c r="CK27" s="196">
        <v>0</v>
      </c>
      <c r="CL27" s="195">
        <v>0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</row>
    <row r="28" spans="2:101" ht="21" customHeight="1" x14ac:dyDescent="0.2">
      <c r="B28" s="106" t="s">
        <v>26</v>
      </c>
      <c r="C28" s="190">
        <v>0</v>
      </c>
      <c r="D28" s="196">
        <v>0</v>
      </c>
      <c r="E28" s="207">
        <v>0</v>
      </c>
      <c r="F28" s="193">
        <v>0</v>
      </c>
      <c r="G28" s="191">
        <v>0</v>
      </c>
      <c r="H28" s="191">
        <v>0</v>
      </c>
      <c r="I28" s="191">
        <v>0</v>
      </c>
      <c r="J28" s="191">
        <v>0</v>
      </c>
      <c r="K28" s="191">
        <v>0</v>
      </c>
      <c r="L28" s="194">
        <v>0</v>
      </c>
      <c r="M28" s="195">
        <v>0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  <c r="Y28" s="190">
        <v>0</v>
      </c>
      <c r="Z28" s="191">
        <v>0</v>
      </c>
      <c r="AA28" s="196">
        <v>0</v>
      </c>
      <c r="AB28" s="193">
        <v>0</v>
      </c>
      <c r="AC28" s="191">
        <v>60</v>
      </c>
      <c r="AD28" s="191">
        <v>57</v>
      </c>
      <c r="AE28" s="191">
        <v>27</v>
      </c>
      <c r="AF28" s="191">
        <v>11</v>
      </c>
      <c r="AG28" s="191">
        <v>6</v>
      </c>
      <c r="AH28" s="196">
        <v>161</v>
      </c>
      <c r="AI28" s="195">
        <v>161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0</v>
      </c>
      <c r="AQ28" s="191">
        <v>0</v>
      </c>
      <c r="AR28" s="191">
        <v>0</v>
      </c>
      <c r="AS28" s="196">
        <v>0</v>
      </c>
      <c r="AT28" s="195">
        <v>0</v>
      </c>
      <c r="AU28" s="190">
        <v>1</v>
      </c>
      <c r="AV28" s="191">
        <v>0</v>
      </c>
      <c r="AW28" s="196">
        <v>1</v>
      </c>
      <c r="AX28" s="193">
        <v>0</v>
      </c>
      <c r="AY28" s="191">
        <v>5</v>
      </c>
      <c r="AZ28" s="191">
        <v>8</v>
      </c>
      <c r="BA28" s="191">
        <v>6</v>
      </c>
      <c r="BB28" s="191">
        <v>2</v>
      </c>
      <c r="BC28" s="191">
        <v>2</v>
      </c>
      <c r="BD28" s="196">
        <v>23</v>
      </c>
      <c r="BE28" s="195">
        <v>24</v>
      </c>
      <c r="BF28" s="190">
        <v>0</v>
      </c>
      <c r="BG28" s="191">
        <v>0</v>
      </c>
      <c r="BH28" s="196">
        <v>0</v>
      </c>
      <c r="BI28" s="193">
        <v>0</v>
      </c>
      <c r="BJ28" s="191">
        <v>6</v>
      </c>
      <c r="BK28" s="191">
        <v>13</v>
      </c>
      <c r="BL28" s="191">
        <v>21</v>
      </c>
      <c r="BM28" s="191">
        <v>12</v>
      </c>
      <c r="BN28" s="191">
        <v>5</v>
      </c>
      <c r="BO28" s="194">
        <v>57</v>
      </c>
      <c r="BP28" s="195">
        <v>57</v>
      </c>
      <c r="BQ28" s="190">
        <v>0</v>
      </c>
      <c r="BR28" s="191">
        <v>0</v>
      </c>
      <c r="BS28" s="196">
        <v>0</v>
      </c>
      <c r="BT28" s="193">
        <v>0</v>
      </c>
      <c r="BU28" s="191">
        <v>0</v>
      </c>
      <c r="BV28" s="191">
        <v>0</v>
      </c>
      <c r="BW28" s="191">
        <v>0</v>
      </c>
      <c r="BX28" s="191">
        <v>0</v>
      </c>
      <c r="BY28" s="191">
        <v>0</v>
      </c>
      <c r="BZ28" s="196">
        <v>0</v>
      </c>
      <c r="CA28" s="195">
        <v>0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0</v>
      </c>
      <c r="CJ28" s="191">
        <v>0</v>
      </c>
      <c r="CK28" s="196">
        <v>0</v>
      </c>
      <c r="CL28" s="195">
        <v>0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</row>
    <row r="29" spans="2:101" ht="21" customHeight="1" x14ac:dyDescent="0.2">
      <c r="B29" s="106" t="s">
        <v>27</v>
      </c>
      <c r="C29" s="190">
        <v>0</v>
      </c>
      <c r="D29" s="196">
        <v>0</v>
      </c>
      <c r="E29" s="207">
        <v>0</v>
      </c>
      <c r="F29" s="193">
        <v>0</v>
      </c>
      <c r="G29" s="191">
        <v>0</v>
      </c>
      <c r="H29" s="191">
        <v>0</v>
      </c>
      <c r="I29" s="191">
        <v>1</v>
      </c>
      <c r="J29" s="191">
        <v>0</v>
      </c>
      <c r="K29" s="191">
        <v>0</v>
      </c>
      <c r="L29" s="194">
        <v>1</v>
      </c>
      <c r="M29" s="195">
        <v>1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0</v>
      </c>
      <c r="U29" s="191">
        <v>0</v>
      </c>
      <c r="V29" s="191">
        <v>0</v>
      </c>
      <c r="W29" s="196">
        <v>0</v>
      </c>
      <c r="X29" s="195">
        <v>0</v>
      </c>
      <c r="Y29" s="190">
        <v>0</v>
      </c>
      <c r="Z29" s="191">
        <v>0</v>
      </c>
      <c r="AA29" s="196">
        <v>0</v>
      </c>
      <c r="AB29" s="193">
        <v>0</v>
      </c>
      <c r="AC29" s="191">
        <v>38</v>
      </c>
      <c r="AD29" s="191">
        <v>16</v>
      </c>
      <c r="AE29" s="191">
        <v>7</v>
      </c>
      <c r="AF29" s="191">
        <v>2</v>
      </c>
      <c r="AG29" s="191">
        <v>1</v>
      </c>
      <c r="AH29" s="196">
        <v>64</v>
      </c>
      <c r="AI29" s="195">
        <v>64</v>
      </c>
      <c r="AJ29" s="190">
        <v>0</v>
      </c>
      <c r="AK29" s="191">
        <v>0</v>
      </c>
      <c r="AL29" s="196">
        <v>0</v>
      </c>
      <c r="AM29" s="193">
        <v>0</v>
      </c>
      <c r="AN29" s="191">
        <v>2</v>
      </c>
      <c r="AO29" s="191">
        <v>2</v>
      </c>
      <c r="AP29" s="191">
        <v>2</v>
      </c>
      <c r="AQ29" s="191">
        <v>1</v>
      </c>
      <c r="AR29" s="191">
        <v>0</v>
      </c>
      <c r="AS29" s="196">
        <v>7</v>
      </c>
      <c r="AT29" s="195">
        <v>7</v>
      </c>
      <c r="AU29" s="190">
        <v>0</v>
      </c>
      <c r="AV29" s="191">
        <v>0</v>
      </c>
      <c r="AW29" s="196">
        <v>0</v>
      </c>
      <c r="AX29" s="193">
        <v>0</v>
      </c>
      <c r="AY29" s="191">
        <v>11</v>
      </c>
      <c r="AZ29" s="191">
        <v>6</v>
      </c>
      <c r="BA29" s="191">
        <v>6</v>
      </c>
      <c r="BB29" s="191">
        <v>2</v>
      </c>
      <c r="BC29" s="191">
        <v>0</v>
      </c>
      <c r="BD29" s="196">
        <v>25</v>
      </c>
      <c r="BE29" s="195">
        <v>25</v>
      </c>
      <c r="BF29" s="190">
        <v>0</v>
      </c>
      <c r="BG29" s="191">
        <v>0</v>
      </c>
      <c r="BH29" s="196">
        <v>0</v>
      </c>
      <c r="BI29" s="193">
        <v>0</v>
      </c>
      <c r="BJ29" s="191">
        <v>8</v>
      </c>
      <c r="BK29" s="191">
        <v>10</v>
      </c>
      <c r="BL29" s="191">
        <v>8</v>
      </c>
      <c r="BM29" s="191">
        <v>5</v>
      </c>
      <c r="BN29" s="191">
        <v>5</v>
      </c>
      <c r="BO29" s="194">
        <v>36</v>
      </c>
      <c r="BP29" s="195">
        <v>36</v>
      </c>
      <c r="BQ29" s="190">
        <v>0</v>
      </c>
      <c r="BR29" s="191">
        <v>0</v>
      </c>
      <c r="BS29" s="196">
        <v>0</v>
      </c>
      <c r="BT29" s="193">
        <v>0</v>
      </c>
      <c r="BU29" s="191">
        <v>0</v>
      </c>
      <c r="BV29" s="191">
        <v>0</v>
      </c>
      <c r="BW29" s="191">
        <v>0</v>
      </c>
      <c r="BX29" s="191">
        <v>0</v>
      </c>
      <c r="BY29" s="191">
        <v>0</v>
      </c>
      <c r="BZ29" s="196">
        <v>0</v>
      </c>
      <c r="CA29" s="195">
        <v>0</v>
      </c>
      <c r="CB29" s="190">
        <v>0</v>
      </c>
      <c r="CC29" s="191">
        <v>0</v>
      </c>
      <c r="CD29" s="196">
        <v>0</v>
      </c>
      <c r="CE29" s="193">
        <v>0</v>
      </c>
      <c r="CF29" s="191">
        <v>0</v>
      </c>
      <c r="CG29" s="191">
        <v>0</v>
      </c>
      <c r="CH29" s="191">
        <v>9</v>
      </c>
      <c r="CI29" s="191">
        <v>10</v>
      </c>
      <c r="CJ29" s="191">
        <v>6</v>
      </c>
      <c r="CK29" s="196">
        <v>25</v>
      </c>
      <c r="CL29" s="195">
        <v>25</v>
      </c>
      <c r="CM29" s="190">
        <v>0</v>
      </c>
      <c r="CN29" s="191">
        <v>0</v>
      </c>
      <c r="CO29" s="196">
        <v>0</v>
      </c>
      <c r="CP29" s="193">
        <v>0</v>
      </c>
      <c r="CQ29" s="191">
        <v>4</v>
      </c>
      <c r="CR29" s="191">
        <v>3</v>
      </c>
      <c r="CS29" s="191">
        <v>3</v>
      </c>
      <c r="CT29" s="191">
        <v>1</v>
      </c>
      <c r="CU29" s="191">
        <v>1</v>
      </c>
      <c r="CV29" s="196">
        <v>12</v>
      </c>
      <c r="CW29" s="195">
        <v>12</v>
      </c>
    </row>
    <row r="30" spans="2:101" ht="21" customHeight="1" x14ac:dyDescent="0.2">
      <c r="B30" s="106" t="s">
        <v>28</v>
      </c>
      <c r="C30" s="190">
        <v>0</v>
      </c>
      <c r="D30" s="196">
        <v>0</v>
      </c>
      <c r="E30" s="207">
        <v>0</v>
      </c>
      <c r="F30" s="193">
        <v>0</v>
      </c>
      <c r="G30" s="191">
        <v>0</v>
      </c>
      <c r="H30" s="191">
        <v>0</v>
      </c>
      <c r="I30" s="191">
        <v>0</v>
      </c>
      <c r="J30" s="191">
        <v>0</v>
      </c>
      <c r="K30" s="191">
        <v>1</v>
      </c>
      <c r="L30" s="194">
        <v>1</v>
      </c>
      <c r="M30" s="195">
        <v>1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0</v>
      </c>
      <c r="AA30" s="196">
        <v>0</v>
      </c>
      <c r="AB30" s="193">
        <v>0</v>
      </c>
      <c r="AC30" s="191">
        <v>25</v>
      </c>
      <c r="AD30" s="191">
        <v>14</v>
      </c>
      <c r="AE30" s="191">
        <v>3</v>
      </c>
      <c r="AF30" s="191">
        <v>1</v>
      </c>
      <c r="AG30" s="191">
        <v>1</v>
      </c>
      <c r="AH30" s="196">
        <v>44</v>
      </c>
      <c r="AI30" s="195">
        <v>44</v>
      </c>
      <c r="AJ30" s="190">
        <v>0</v>
      </c>
      <c r="AK30" s="191">
        <v>0</v>
      </c>
      <c r="AL30" s="196">
        <v>0</v>
      </c>
      <c r="AM30" s="193">
        <v>0</v>
      </c>
      <c r="AN30" s="191">
        <v>4</v>
      </c>
      <c r="AO30" s="191">
        <v>2</v>
      </c>
      <c r="AP30" s="191">
        <v>2</v>
      </c>
      <c r="AQ30" s="191">
        <v>1</v>
      </c>
      <c r="AR30" s="191">
        <v>0</v>
      </c>
      <c r="AS30" s="196">
        <v>9</v>
      </c>
      <c r="AT30" s="195">
        <v>9</v>
      </c>
      <c r="AU30" s="190">
        <v>0</v>
      </c>
      <c r="AV30" s="191">
        <v>0</v>
      </c>
      <c r="AW30" s="196">
        <v>0</v>
      </c>
      <c r="AX30" s="193">
        <v>0</v>
      </c>
      <c r="AY30" s="191">
        <v>0</v>
      </c>
      <c r="AZ30" s="191">
        <v>0</v>
      </c>
      <c r="BA30" s="191">
        <v>0</v>
      </c>
      <c r="BB30" s="191">
        <v>0</v>
      </c>
      <c r="BC30" s="191">
        <v>0</v>
      </c>
      <c r="BD30" s="196">
        <v>0</v>
      </c>
      <c r="BE30" s="195">
        <v>0</v>
      </c>
      <c r="BF30" s="190">
        <v>0</v>
      </c>
      <c r="BG30" s="191">
        <v>0</v>
      </c>
      <c r="BH30" s="196">
        <v>0</v>
      </c>
      <c r="BI30" s="193">
        <v>0</v>
      </c>
      <c r="BJ30" s="191">
        <v>2</v>
      </c>
      <c r="BK30" s="191">
        <v>4</v>
      </c>
      <c r="BL30" s="191">
        <v>5</v>
      </c>
      <c r="BM30" s="191">
        <v>3</v>
      </c>
      <c r="BN30" s="191">
        <v>4</v>
      </c>
      <c r="BO30" s="194">
        <v>18</v>
      </c>
      <c r="BP30" s="195">
        <v>18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0</v>
      </c>
      <c r="BW30" s="191">
        <v>0</v>
      </c>
      <c r="BX30" s="191">
        <v>0</v>
      </c>
      <c r="BY30" s="191">
        <v>0</v>
      </c>
      <c r="BZ30" s="196">
        <v>0</v>
      </c>
      <c r="CA30" s="195">
        <v>0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0</v>
      </c>
      <c r="CI30" s="191">
        <v>1</v>
      </c>
      <c r="CJ30" s="191">
        <v>0</v>
      </c>
      <c r="CK30" s="196">
        <v>1</v>
      </c>
      <c r="CL30" s="195">
        <v>1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</row>
    <row r="31" spans="2:101" ht="21" customHeight="1" x14ac:dyDescent="0.2">
      <c r="B31" s="106" t="s">
        <v>29</v>
      </c>
      <c r="C31" s="190">
        <v>0</v>
      </c>
      <c r="D31" s="196">
        <v>0</v>
      </c>
      <c r="E31" s="207">
        <v>0</v>
      </c>
      <c r="F31" s="193">
        <v>0</v>
      </c>
      <c r="G31" s="191">
        <v>2</v>
      </c>
      <c r="H31" s="191">
        <v>0</v>
      </c>
      <c r="I31" s="191">
        <v>1</v>
      </c>
      <c r="J31" s="191">
        <v>0</v>
      </c>
      <c r="K31" s="191">
        <v>0</v>
      </c>
      <c r="L31" s="194">
        <v>3</v>
      </c>
      <c r="M31" s="195">
        <v>3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0</v>
      </c>
      <c r="Z31" s="191">
        <v>0</v>
      </c>
      <c r="AA31" s="196">
        <v>0</v>
      </c>
      <c r="AB31" s="193">
        <v>0</v>
      </c>
      <c r="AC31" s="191">
        <v>12</v>
      </c>
      <c r="AD31" s="191">
        <v>21</v>
      </c>
      <c r="AE31" s="191">
        <v>7</v>
      </c>
      <c r="AF31" s="191">
        <v>4</v>
      </c>
      <c r="AG31" s="191">
        <v>1</v>
      </c>
      <c r="AH31" s="196">
        <v>45</v>
      </c>
      <c r="AI31" s="195">
        <v>45</v>
      </c>
      <c r="AJ31" s="190">
        <v>0</v>
      </c>
      <c r="AK31" s="191">
        <v>0</v>
      </c>
      <c r="AL31" s="196">
        <v>0</v>
      </c>
      <c r="AM31" s="193">
        <v>0</v>
      </c>
      <c r="AN31" s="191">
        <v>2</v>
      </c>
      <c r="AO31" s="191">
        <v>2</v>
      </c>
      <c r="AP31" s="191">
        <v>0</v>
      </c>
      <c r="AQ31" s="191">
        <v>0</v>
      </c>
      <c r="AR31" s="191">
        <v>0</v>
      </c>
      <c r="AS31" s="196">
        <v>4</v>
      </c>
      <c r="AT31" s="195">
        <v>4</v>
      </c>
      <c r="AU31" s="190">
        <v>2</v>
      </c>
      <c r="AV31" s="191">
        <v>0</v>
      </c>
      <c r="AW31" s="196">
        <v>2</v>
      </c>
      <c r="AX31" s="193">
        <v>0</v>
      </c>
      <c r="AY31" s="191">
        <v>2</v>
      </c>
      <c r="AZ31" s="191">
        <v>5</v>
      </c>
      <c r="BA31" s="191">
        <v>5</v>
      </c>
      <c r="BB31" s="191">
        <v>8</v>
      </c>
      <c r="BC31" s="191">
        <v>2</v>
      </c>
      <c r="BD31" s="196">
        <v>22</v>
      </c>
      <c r="BE31" s="195">
        <v>24</v>
      </c>
      <c r="BF31" s="190">
        <v>0</v>
      </c>
      <c r="BG31" s="191">
        <v>0</v>
      </c>
      <c r="BH31" s="196">
        <v>0</v>
      </c>
      <c r="BI31" s="193">
        <v>0</v>
      </c>
      <c r="BJ31" s="191">
        <v>6</v>
      </c>
      <c r="BK31" s="191">
        <v>9</v>
      </c>
      <c r="BL31" s="191">
        <v>12</v>
      </c>
      <c r="BM31" s="191">
        <v>3</v>
      </c>
      <c r="BN31" s="191">
        <v>1</v>
      </c>
      <c r="BO31" s="194">
        <v>31</v>
      </c>
      <c r="BP31" s="195">
        <v>31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0</v>
      </c>
      <c r="BW31" s="191">
        <v>0</v>
      </c>
      <c r="BX31" s="191">
        <v>0</v>
      </c>
      <c r="BY31" s="191">
        <v>0</v>
      </c>
      <c r="BZ31" s="196">
        <v>0</v>
      </c>
      <c r="CA31" s="195">
        <v>0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11</v>
      </c>
      <c r="CI31" s="191">
        <v>8</v>
      </c>
      <c r="CJ31" s="191">
        <v>5</v>
      </c>
      <c r="CK31" s="196">
        <v>24</v>
      </c>
      <c r="CL31" s="195">
        <v>24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</row>
    <row r="32" spans="2:101" ht="21" customHeight="1" x14ac:dyDescent="0.2">
      <c r="B32" s="106" t="s">
        <v>30</v>
      </c>
      <c r="C32" s="190">
        <v>0</v>
      </c>
      <c r="D32" s="196">
        <v>0</v>
      </c>
      <c r="E32" s="207">
        <v>0</v>
      </c>
      <c r="F32" s="193">
        <v>0</v>
      </c>
      <c r="G32" s="191">
        <v>0</v>
      </c>
      <c r="H32" s="191">
        <v>2</v>
      </c>
      <c r="I32" s="191">
        <v>1</v>
      </c>
      <c r="J32" s="191">
        <v>0</v>
      </c>
      <c r="K32" s="191">
        <v>0</v>
      </c>
      <c r="L32" s="194">
        <v>3</v>
      </c>
      <c r="M32" s="195">
        <v>3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  <c r="Y32" s="190">
        <v>0</v>
      </c>
      <c r="Z32" s="191">
        <v>0</v>
      </c>
      <c r="AA32" s="196">
        <v>0</v>
      </c>
      <c r="AB32" s="193">
        <v>0</v>
      </c>
      <c r="AC32" s="191">
        <v>23</v>
      </c>
      <c r="AD32" s="191">
        <v>13</v>
      </c>
      <c r="AE32" s="191">
        <v>9</v>
      </c>
      <c r="AF32" s="191">
        <v>0</v>
      </c>
      <c r="AG32" s="191">
        <v>2</v>
      </c>
      <c r="AH32" s="196">
        <v>47</v>
      </c>
      <c r="AI32" s="195">
        <v>47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2</v>
      </c>
      <c r="AQ32" s="191">
        <v>0</v>
      </c>
      <c r="AR32" s="191">
        <v>0</v>
      </c>
      <c r="AS32" s="196">
        <v>2</v>
      </c>
      <c r="AT32" s="195">
        <v>2</v>
      </c>
      <c r="AU32" s="190">
        <v>0</v>
      </c>
      <c r="AV32" s="191">
        <v>0</v>
      </c>
      <c r="AW32" s="196">
        <v>0</v>
      </c>
      <c r="AX32" s="193">
        <v>0</v>
      </c>
      <c r="AY32" s="191">
        <v>1</v>
      </c>
      <c r="AZ32" s="191">
        <v>0</v>
      </c>
      <c r="BA32" s="191">
        <v>1</v>
      </c>
      <c r="BB32" s="191">
        <v>0</v>
      </c>
      <c r="BC32" s="191">
        <v>0</v>
      </c>
      <c r="BD32" s="196">
        <v>2</v>
      </c>
      <c r="BE32" s="195">
        <v>2</v>
      </c>
      <c r="BF32" s="190">
        <v>0</v>
      </c>
      <c r="BG32" s="191">
        <v>0</v>
      </c>
      <c r="BH32" s="196">
        <v>0</v>
      </c>
      <c r="BI32" s="193">
        <v>0</v>
      </c>
      <c r="BJ32" s="191">
        <v>4</v>
      </c>
      <c r="BK32" s="191">
        <v>6</v>
      </c>
      <c r="BL32" s="191">
        <v>4</v>
      </c>
      <c r="BM32" s="191">
        <v>5</v>
      </c>
      <c r="BN32" s="191">
        <v>2</v>
      </c>
      <c r="BO32" s="194">
        <v>21</v>
      </c>
      <c r="BP32" s="195">
        <v>21</v>
      </c>
      <c r="BQ32" s="190">
        <v>0</v>
      </c>
      <c r="BR32" s="191">
        <v>0</v>
      </c>
      <c r="BS32" s="196">
        <v>0</v>
      </c>
      <c r="BT32" s="193">
        <v>0</v>
      </c>
      <c r="BU32" s="191">
        <v>0</v>
      </c>
      <c r="BV32" s="191">
        <v>0</v>
      </c>
      <c r="BW32" s="191">
        <v>0</v>
      </c>
      <c r="BX32" s="191">
        <v>0</v>
      </c>
      <c r="BY32" s="191">
        <v>0</v>
      </c>
      <c r="BZ32" s="196">
        <v>0</v>
      </c>
      <c r="CA32" s="195">
        <v>0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0</v>
      </c>
      <c r="CH32" s="191">
        <v>0</v>
      </c>
      <c r="CI32" s="191">
        <v>0</v>
      </c>
      <c r="CJ32" s="191">
        <v>0</v>
      </c>
      <c r="CK32" s="196">
        <v>0</v>
      </c>
      <c r="CL32" s="195">
        <v>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</row>
    <row r="33" spans="2:101" ht="21" customHeight="1" x14ac:dyDescent="0.2">
      <c r="B33" s="106" t="s">
        <v>31</v>
      </c>
      <c r="C33" s="190">
        <v>0</v>
      </c>
      <c r="D33" s="196">
        <v>0</v>
      </c>
      <c r="E33" s="207">
        <v>0</v>
      </c>
      <c r="F33" s="193">
        <v>0</v>
      </c>
      <c r="G33" s="191">
        <v>0</v>
      </c>
      <c r="H33" s="191">
        <v>0</v>
      </c>
      <c r="I33" s="191">
        <v>1</v>
      </c>
      <c r="J33" s="191">
        <v>0</v>
      </c>
      <c r="K33" s="191">
        <v>0</v>
      </c>
      <c r="L33" s="194">
        <v>1</v>
      </c>
      <c r="M33" s="195">
        <v>1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0</v>
      </c>
      <c r="W33" s="196">
        <v>0</v>
      </c>
      <c r="X33" s="195">
        <v>0</v>
      </c>
      <c r="Y33" s="190">
        <v>0</v>
      </c>
      <c r="Z33" s="191">
        <v>0</v>
      </c>
      <c r="AA33" s="196">
        <v>0</v>
      </c>
      <c r="AB33" s="193">
        <v>0</v>
      </c>
      <c r="AC33" s="191">
        <v>21</v>
      </c>
      <c r="AD33" s="191">
        <v>23</v>
      </c>
      <c r="AE33" s="191">
        <v>5</v>
      </c>
      <c r="AF33" s="191">
        <v>1</v>
      </c>
      <c r="AG33" s="191">
        <v>0</v>
      </c>
      <c r="AH33" s="196">
        <v>50</v>
      </c>
      <c r="AI33" s="195">
        <v>50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2</v>
      </c>
      <c r="AQ33" s="191">
        <v>1</v>
      </c>
      <c r="AR33" s="191">
        <v>0</v>
      </c>
      <c r="AS33" s="196">
        <v>3</v>
      </c>
      <c r="AT33" s="195">
        <v>3</v>
      </c>
      <c r="AU33" s="190">
        <v>0</v>
      </c>
      <c r="AV33" s="191">
        <v>1</v>
      </c>
      <c r="AW33" s="196">
        <v>1</v>
      </c>
      <c r="AX33" s="193">
        <v>0</v>
      </c>
      <c r="AY33" s="191">
        <v>4</v>
      </c>
      <c r="AZ33" s="191">
        <v>7</v>
      </c>
      <c r="BA33" s="191">
        <v>7</v>
      </c>
      <c r="BB33" s="191">
        <v>2</v>
      </c>
      <c r="BC33" s="191">
        <v>1</v>
      </c>
      <c r="BD33" s="196">
        <v>21</v>
      </c>
      <c r="BE33" s="195">
        <v>22</v>
      </c>
      <c r="BF33" s="190">
        <v>0</v>
      </c>
      <c r="BG33" s="191">
        <v>0</v>
      </c>
      <c r="BH33" s="196">
        <v>0</v>
      </c>
      <c r="BI33" s="193">
        <v>0</v>
      </c>
      <c r="BJ33" s="191">
        <v>5</v>
      </c>
      <c r="BK33" s="191">
        <v>10</v>
      </c>
      <c r="BL33" s="191">
        <v>14</v>
      </c>
      <c r="BM33" s="191">
        <v>12</v>
      </c>
      <c r="BN33" s="191">
        <v>2</v>
      </c>
      <c r="BO33" s="194">
        <v>43</v>
      </c>
      <c r="BP33" s="195">
        <v>43</v>
      </c>
      <c r="BQ33" s="190">
        <v>0</v>
      </c>
      <c r="BR33" s="191">
        <v>0</v>
      </c>
      <c r="BS33" s="196">
        <v>0</v>
      </c>
      <c r="BT33" s="193">
        <v>0</v>
      </c>
      <c r="BU33" s="191">
        <v>0</v>
      </c>
      <c r="BV33" s="191">
        <v>0</v>
      </c>
      <c r="BW33" s="191">
        <v>0</v>
      </c>
      <c r="BX33" s="191">
        <v>0</v>
      </c>
      <c r="BY33" s="191">
        <v>0</v>
      </c>
      <c r="BZ33" s="196">
        <v>0</v>
      </c>
      <c r="CA33" s="195">
        <v>0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0</v>
      </c>
      <c r="CI33" s="191">
        <v>1</v>
      </c>
      <c r="CJ33" s="191">
        <v>0</v>
      </c>
      <c r="CK33" s="196">
        <v>1</v>
      </c>
      <c r="CL33" s="195">
        <v>1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</row>
    <row r="34" spans="2:101" ht="21" customHeight="1" x14ac:dyDescent="0.2">
      <c r="B34" s="106" t="s">
        <v>32</v>
      </c>
      <c r="C34" s="190">
        <v>0</v>
      </c>
      <c r="D34" s="196">
        <v>0</v>
      </c>
      <c r="E34" s="207">
        <v>0</v>
      </c>
      <c r="F34" s="193">
        <v>0</v>
      </c>
      <c r="G34" s="191">
        <v>1</v>
      </c>
      <c r="H34" s="191">
        <v>4</v>
      </c>
      <c r="I34" s="191">
        <v>1</v>
      </c>
      <c r="J34" s="191">
        <v>1</v>
      </c>
      <c r="K34" s="191">
        <v>0</v>
      </c>
      <c r="L34" s="194">
        <v>7</v>
      </c>
      <c r="M34" s="195">
        <v>7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  <c r="Y34" s="190">
        <v>0</v>
      </c>
      <c r="Z34" s="191">
        <v>0</v>
      </c>
      <c r="AA34" s="196">
        <v>0</v>
      </c>
      <c r="AB34" s="193">
        <v>0</v>
      </c>
      <c r="AC34" s="191">
        <v>55</v>
      </c>
      <c r="AD34" s="191">
        <v>29</v>
      </c>
      <c r="AE34" s="191">
        <v>8</v>
      </c>
      <c r="AF34" s="191">
        <v>6</v>
      </c>
      <c r="AG34" s="191">
        <v>4</v>
      </c>
      <c r="AH34" s="196">
        <v>102</v>
      </c>
      <c r="AI34" s="195">
        <v>102</v>
      </c>
      <c r="AJ34" s="190">
        <v>0</v>
      </c>
      <c r="AK34" s="191">
        <v>0</v>
      </c>
      <c r="AL34" s="196">
        <v>0</v>
      </c>
      <c r="AM34" s="193">
        <v>0</v>
      </c>
      <c r="AN34" s="191">
        <v>5</v>
      </c>
      <c r="AO34" s="191">
        <v>0</v>
      </c>
      <c r="AP34" s="191">
        <v>2</v>
      </c>
      <c r="AQ34" s="191">
        <v>0</v>
      </c>
      <c r="AR34" s="191">
        <v>1</v>
      </c>
      <c r="AS34" s="196">
        <v>8</v>
      </c>
      <c r="AT34" s="195">
        <v>8</v>
      </c>
      <c r="AU34" s="190">
        <v>1</v>
      </c>
      <c r="AV34" s="191">
        <v>2</v>
      </c>
      <c r="AW34" s="196">
        <v>3</v>
      </c>
      <c r="AX34" s="193">
        <v>0</v>
      </c>
      <c r="AY34" s="191">
        <v>12</v>
      </c>
      <c r="AZ34" s="191">
        <v>4</v>
      </c>
      <c r="BA34" s="191">
        <v>4</v>
      </c>
      <c r="BB34" s="191">
        <v>4</v>
      </c>
      <c r="BC34" s="191">
        <v>0</v>
      </c>
      <c r="BD34" s="196">
        <v>24</v>
      </c>
      <c r="BE34" s="195">
        <v>27</v>
      </c>
      <c r="BF34" s="190">
        <v>0</v>
      </c>
      <c r="BG34" s="191">
        <v>1</v>
      </c>
      <c r="BH34" s="196">
        <v>1</v>
      </c>
      <c r="BI34" s="193">
        <v>0</v>
      </c>
      <c r="BJ34" s="191">
        <v>4</v>
      </c>
      <c r="BK34" s="191">
        <v>5</v>
      </c>
      <c r="BL34" s="191">
        <v>8</v>
      </c>
      <c r="BM34" s="191">
        <v>9</v>
      </c>
      <c r="BN34" s="191">
        <v>6</v>
      </c>
      <c r="BO34" s="194">
        <v>32</v>
      </c>
      <c r="BP34" s="195">
        <v>33</v>
      </c>
      <c r="BQ34" s="190">
        <v>0</v>
      </c>
      <c r="BR34" s="191">
        <v>0</v>
      </c>
      <c r="BS34" s="196">
        <v>0</v>
      </c>
      <c r="BT34" s="193">
        <v>0</v>
      </c>
      <c r="BU34" s="191">
        <v>0</v>
      </c>
      <c r="BV34" s="191">
        <v>0</v>
      </c>
      <c r="BW34" s="191">
        <v>0</v>
      </c>
      <c r="BX34" s="191">
        <v>0</v>
      </c>
      <c r="BY34" s="191">
        <v>0</v>
      </c>
      <c r="BZ34" s="196">
        <v>0</v>
      </c>
      <c r="CA34" s="195">
        <v>0</v>
      </c>
      <c r="CB34" s="190">
        <v>0</v>
      </c>
      <c r="CC34" s="191">
        <v>0</v>
      </c>
      <c r="CD34" s="196">
        <v>0</v>
      </c>
      <c r="CE34" s="193">
        <v>0</v>
      </c>
      <c r="CF34" s="191">
        <v>1</v>
      </c>
      <c r="CG34" s="191">
        <v>0</v>
      </c>
      <c r="CH34" s="191">
        <v>10</v>
      </c>
      <c r="CI34" s="191">
        <v>8</v>
      </c>
      <c r="CJ34" s="191">
        <v>5</v>
      </c>
      <c r="CK34" s="196">
        <v>24</v>
      </c>
      <c r="CL34" s="195">
        <v>24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</row>
    <row r="35" spans="2:101" ht="21" customHeight="1" x14ac:dyDescent="0.2">
      <c r="B35" s="106" t="s">
        <v>33</v>
      </c>
      <c r="C35" s="190">
        <v>0</v>
      </c>
      <c r="D35" s="196">
        <v>0</v>
      </c>
      <c r="E35" s="207">
        <v>0</v>
      </c>
      <c r="F35" s="193">
        <v>0</v>
      </c>
      <c r="G35" s="191">
        <v>0</v>
      </c>
      <c r="H35" s="191">
        <v>0</v>
      </c>
      <c r="I35" s="191">
        <v>0</v>
      </c>
      <c r="J35" s="191">
        <v>0</v>
      </c>
      <c r="K35" s="191">
        <v>0</v>
      </c>
      <c r="L35" s="194">
        <v>0</v>
      </c>
      <c r="M35" s="195">
        <v>0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0</v>
      </c>
      <c r="AA35" s="196">
        <v>0</v>
      </c>
      <c r="AB35" s="193">
        <v>0</v>
      </c>
      <c r="AC35" s="191">
        <v>29</v>
      </c>
      <c r="AD35" s="191">
        <v>13</v>
      </c>
      <c r="AE35" s="191">
        <v>5</v>
      </c>
      <c r="AF35" s="191">
        <v>0</v>
      </c>
      <c r="AG35" s="191">
        <v>1</v>
      </c>
      <c r="AH35" s="196">
        <v>48</v>
      </c>
      <c r="AI35" s="195">
        <v>48</v>
      </c>
      <c r="AJ35" s="190">
        <v>0</v>
      </c>
      <c r="AK35" s="191">
        <v>0</v>
      </c>
      <c r="AL35" s="196">
        <v>0</v>
      </c>
      <c r="AM35" s="193">
        <v>0</v>
      </c>
      <c r="AN35" s="191">
        <v>0</v>
      </c>
      <c r="AO35" s="191">
        <v>0</v>
      </c>
      <c r="AP35" s="191">
        <v>0</v>
      </c>
      <c r="AQ35" s="191">
        <v>0</v>
      </c>
      <c r="AR35" s="191">
        <v>0</v>
      </c>
      <c r="AS35" s="196">
        <v>0</v>
      </c>
      <c r="AT35" s="195">
        <v>0</v>
      </c>
      <c r="AU35" s="190">
        <v>0</v>
      </c>
      <c r="AV35" s="191">
        <v>0</v>
      </c>
      <c r="AW35" s="196">
        <v>0</v>
      </c>
      <c r="AX35" s="193">
        <v>0</v>
      </c>
      <c r="AY35" s="191">
        <v>0</v>
      </c>
      <c r="AZ35" s="191">
        <v>0</v>
      </c>
      <c r="BA35" s="191">
        <v>0</v>
      </c>
      <c r="BB35" s="191">
        <v>0</v>
      </c>
      <c r="BC35" s="191">
        <v>0</v>
      </c>
      <c r="BD35" s="196">
        <v>0</v>
      </c>
      <c r="BE35" s="195">
        <v>0</v>
      </c>
      <c r="BF35" s="190">
        <v>0</v>
      </c>
      <c r="BG35" s="191">
        <v>1</v>
      </c>
      <c r="BH35" s="196">
        <v>1</v>
      </c>
      <c r="BI35" s="193">
        <v>0</v>
      </c>
      <c r="BJ35" s="191">
        <v>2</v>
      </c>
      <c r="BK35" s="191">
        <v>2</v>
      </c>
      <c r="BL35" s="191">
        <v>8</v>
      </c>
      <c r="BM35" s="191">
        <v>3</v>
      </c>
      <c r="BN35" s="191">
        <v>1</v>
      </c>
      <c r="BO35" s="194">
        <v>16</v>
      </c>
      <c r="BP35" s="195">
        <v>17</v>
      </c>
      <c r="BQ35" s="190">
        <v>0</v>
      </c>
      <c r="BR35" s="191">
        <v>0</v>
      </c>
      <c r="BS35" s="196">
        <v>0</v>
      </c>
      <c r="BT35" s="193">
        <v>0</v>
      </c>
      <c r="BU35" s="191">
        <v>0</v>
      </c>
      <c r="BV35" s="191">
        <v>0</v>
      </c>
      <c r="BW35" s="191">
        <v>0</v>
      </c>
      <c r="BX35" s="191">
        <v>0</v>
      </c>
      <c r="BY35" s="191">
        <v>0</v>
      </c>
      <c r="BZ35" s="196">
        <v>0</v>
      </c>
      <c r="CA35" s="195">
        <v>0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</row>
    <row r="36" spans="2:101" ht="21" customHeight="1" x14ac:dyDescent="0.2">
      <c r="B36" s="106" t="s">
        <v>34</v>
      </c>
      <c r="C36" s="190">
        <v>0</v>
      </c>
      <c r="D36" s="196">
        <v>0</v>
      </c>
      <c r="E36" s="207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1</v>
      </c>
      <c r="L36" s="194">
        <v>1</v>
      </c>
      <c r="M36" s="195">
        <v>1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0</v>
      </c>
      <c r="Z36" s="191">
        <v>0</v>
      </c>
      <c r="AA36" s="196">
        <v>0</v>
      </c>
      <c r="AB36" s="193">
        <v>0</v>
      </c>
      <c r="AC36" s="191">
        <v>14</v>
      </c>
      <c r="AD36" s="191">
        <v>3</v>
      </c>
      <c r="AE36" s="191">
        <v>1</v>
      </c>
      <c r="AF36" s="191">
        <v>1</v>
      </c>
      <c r="AG36" s="191">
        <v>1</v>
      </c>
      <c r="AH36" s="196">
        <v>20</v>
      </c>
      <c r="AI36" s="195">
        <v>20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0</v>
      </c>
      <c r="AP36" s="191">
        <v>0</v>
      </c>
      <c r="AQ36" s="191">
        <v>0</v>
      </c>
      <c r="AR36" s="191">
        <v>1</v>
      </c>
      <c r="AS36" s="196">
        <v>1</v>
      </c>
      <c r="AT36" s="195">
        <v>1</v>
      </c>
      <c r="AU36" s="190">
        <v>2</v>
      </c>
      <c r="AV36" s="191">
        <v>3</v>
      </c>
      <c r="AW36" s="196">
        <v>5</v>
      </c>
      <c r="AX36" s="193">
        <v>0</v>
      </c>
      <c r="AY36" s="191">
        <v>9</v>
      </c>
      <c r="AZ36" s="191">
        <v>6</v>
      </c>
      <c r="BA36" s="191">
        <v>4</v>
      </c>
      <c r="BB36" s="191">
        <v>1</v>
      </c>
      <c r="BC36" s="191">
        <v>1</v>
      </c>
      <c r="BD36" s="196">
        <v>21</v>
      </c>
      <c r="BE36" s="195">
        <v>26</v>
      </c>
      <c r="BF36" s="190">
        <v>0</v>
      </c>
      <c r="BG36" s="191">
        <v>0</v>
      </c>
      <c r="BH36" s="196">
        <v>0</v>
      </c>
      <c r="BI36" s="193">
        <v>0</v>
      </c>
      <c r="BJ36" s="191">
        <v>4</v>
      </c>
      <c r="BK36" s="191">
        <v>5</v>
      </c>
      <c r="BL36" s="191">
        <v>3</v>
      </c>
      <c r="BM36" s="191">
        <v>5</v>
      </c>
      <c r="BN36" s="191">
        <v>1</v>
      </c>
      <c r="BO36" s="194">
        <v>18</v>
      </c>
      <c r="BP36" s="195">
        <v>18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8</v>
      </c>
      <c r="CR36" s="191">
        <v>3</v>
      </c>
      <c r="CS36" s="191">
        <v>7</v>
      </c>
      <c r="CT36" s="191">
        <v>1</v>
      </c>
      <c r="CU36" s="191">
        <v>3</v>
      </c>
      <c r="CV36" s="196">
        <v>22</v>
      </c>
      <c r="CW36" s="195">
        <v>22</v>
      </c>
    </row>
    <row r="37" spans="2:101" ht="21" customHeight="1" x14ac:dyDescent="0.2">
      <c r="B37" s="106" t="s">
        <v>35</v>
      </c>
      <c r="C37" s="190">
        <v>0</v>
      </c>
      <c r="D37" s="196">
        <v>0</v>
      </c>
      <c r="E37" s="207">
        <v>0</v>
      </c>
      <c r="F37" s="193">
        <v>0</v>
      </c>
      <c r="G37" s="191">
        <v>1</v>
      </c>
      <c r="H37" s="191">
        <v>0</v>
      </c>
      <c r="I37" s="191">
        <v>1</v>
      </c>
      <c r="J37" s="191">
        <v>0</v>
      </c>
      <c r="K37" s="191">
        <v>1</v>
      </c>
      <c r="L37" s="194">
        <v>3</v>
      </c>
      <c r="M37" s="195">
        <v>3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  <c r="Y37" s="190">
        <v>0</v>
      </c>
      <c r="Z37" s="191">
        <v>0</v>
      </c>
      <c r="AA37" s="196">
        <v>0</v>
      </c>
      <c r="AB37" s="193">
        <v>0</v>
      </c>
      <c r="AC37" s="191">
        <v>16</v>
      </c>
      <c r="AD37" s="191">
        <v>12</v>
      </c>
      <c r="AE37" s="191">
        <v>13</v>
      </c>
      <c r="AF37" s="191">
        <v>7</v>
      </c>
      <c r="AG37" s="191">
        <v>2</v>
      </c>
      <c r="AH37" s="196">
        <v>50</v>
      </c>
      <c r="AI37" s="195">
        <v>50</v>
      </c>
      <c r="AJ37" s="190">
        <v>0</v>
      </c>
      <c r="AK37" s="191">
        <v>0</v>
      </c>
      <c r="AL37" s="196">
        <v>0</v>
      </c>
      <c r="AM37" s="193">
        <v>0</v>
      </c>
      <c r="AN37" s="191">
        <v>0</v>
      </c>
      <c r="AO37" s="191">
        <v>0</v>
      </c>
      <c r="AP37" s="191">
        <v>0</v>
      </c>
      <c r="AQ37" s="191">
        <v>0</v>
      </c>
      <c r="AR37" s="191">
        <v>0</v>
      </c>
      <c r="AS37" s="196">
        <v>0</v>
      </c>
      <c r="AT37" s="195">
        <v>0</v>
      </c>
      <c r="AU37" s="190">
        <v>2</v>
      </c>
      <c r="AV37" s="191">
        <v>4</v>
      </c>
      <c r="AW37" s="196">
        <v>6</v>
      </c>
      <c r="AX37" s="193">
        <v>0</v>
      </c>
      <c r="AY37" s="191">
        <v>7</v>
      </c>
      <c r="AZ37" s="191">
        <v>7</v>
      </c>
      <c r="BA37" s="191">
        <v>9</v>
      </c>
      <c r="BB37" s="191">
        <v>2</v>
      </c>
      <c r="BC37" s="191">
        <v>3</v>
      </c>
      <c r="BD37" s="196">
        <v>28</v>
      </c>
      <c r="BE37" s="195">
        <v>34</v>
      </c>
      <c r="BF37" s="190">
        <v>0</v>
      </c>
      <c r="BG37" s="191">
        <v>0</v>
      </c>
      <c r="BH37" s="196">
        <v>0</v>
      </c>
      <c r="BI37" s="193">
        <v>0</v>
      </c>
      <c r="BJ37" s="191">
        <v>18</v>
      </c>
      <c r="BK37" s="191">
        <v>13</v>
      </c>
      <c r="BL37" s="191">
        <v>11</v>
      </c>
      <c r="BM37" s="191">
        <v>11</v>
      </c>
      <c r="BN37" s="191">
        <v>7</v>
      </c>
      <c r="BO37" s="194">
        <v>60</v>
      </c>
      <c r="BP37" s="195">
        <v>60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0</v>
      </c>
      <c r="BW37" s="191">
        <v>0</v>
      </c>
      <c r="BX37" s="191">
        <v>0</v>
      </c>
      <c r="BY37" s="191">
        <v>0</v>
      </c>
      <c r="BZ37" s="196">
        <v>0</v>
      </c>
      <c r="CA37" s="195">
        <v>0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</row>
    <row r="38" spans="2:101" ht="21" customHeight="1" x14ac:dyDescent="0.2">
      <c r="B38" s="106" t="s">
        <v>36</v>
      </c>
      <c r="C38" s="190">
        <v>0</v>
      </c>
      <c r="D38" s="196">
        <v>0</v>
      </c>
      <c r="E38" s="207">
        <v>0</v>
      </c>
      <c r="F38" s="193">
        <v>0</v>
      </c>
      <c r="G38" s="191">
        <v>0</v>
      </c>
      <c r="H38" s="191">
        <v>0</v>
      </c>
      <c r="I38" s="191">
        <v>1</v>
      </c>
      <c r="J38" s="191">
        <v>0</v>
      </c>
      <c r="K38" s="191">
        <v>0</v>
      </c>
      <c r="L38" s="194">
        <v>1</v>
      </c>
      <c r="M38" s="195">
        <v>1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  <c r="Y38" s="190">
        <v>0</v>
      </c>
      <c r="Z38" s="191">
        <v>0</v>
      </c>
      <c r="AA38" s="196">
        <v>0</v>
      </c>
      <c r="AB38" s="193">
        <v>0</v>
      </c>
      <c r="AC38" s="191">
        <v>67</v>
      </c>
      <c r="AD38" s="191">
        <v>47</v>
      </c>
      <c r="AE38" s="191">
        <v>35</v>
      </c>
      <c r="AF38" s="191">
        <v>14</v>
      </c>
      <c r="AG38" s="191">
        <v>17</v>
      </c>
      <c r="AH38" s="196">
        <v>180</v>
      </c>
      <c r="AI38" s="195">
        <v>180</v>
      </c>
      <c r="AJ38" s="190">
        <v>0</v>
      </c>
      <c r="AK38" s="191">
        <v>0</v>
      </c>
      <c r="AL38" s="196">
        <v>0</v>
      </c>
      <c r="AM38" s="193">
        <v>0</v>
      </c>
      <c r="AN38" s="191">
        <v>0</v>
      </c>
      <c r="AO38" s="191">
        <v>0</v>
      </c>
      <c r="AP38" s="191">
        <v>0</v>
      </c>
      <c r="AQ38" s="191">
        <v>0</v>
      </c>
      <c r="AR38" s="191">
        <v>0</v>
      </c>
      <c r="AS38" s="196">
        <v>0</v>
      </c>
      <c r="AT38" s="195">
        <v>0</v>
      </c>
      <c r="AU38" s="190">
        <v>1</v>
      </c>
      <c r="AV38" s="191">
        <v>0</v>
      </c>
      <c r="AW38" s="196">
        <v>1</v>
      </c>
      <c r="AX38" s="193">
        <v>0</v>
      </c>
      <c r="AY38" s="191">
        <v>17</v>
      </c>
      <c r="AZ38" s="191">
        <v>11</v>
      </c>
      <c r="BA38" s="191">
        <v>9</v>
      </c>
      <c r="BB38" s="191">
        <v>2</v>
      </c>
      <c r="BC38" s="191">
        <v>2</v>
      </c>
      <c r="BD38" s="196">
        <v>41</v>
      </c>
      <c r="BE38" s="195">
        <v>42</v>
      </c>
      <c r="BF38" s="190">
        <v>0</v>
      </c>
      <c r="BG38" s="191">
        <v>0</v>
      </c>
      <c r="BH38" s="196">
        <v>0</v>
      </c>
      <c r="BI38" s="193">
        <v>0</v>
      </c>
      <c r="BJ38" s="191">
        <v>7</v>
      </c>
      <c r="BK38" s="191">
        <v>17</v>
      </c>
      <c r="BL38" s="191">
        <v>17</v>
      </c>
      <c r="BM38" s="191">
        <v>7</v>
      </c>
      <c r="BN38" s="191">
        <v>3</v>
      </c>
      <c r="BO38" s="194">
        <v>51</v>
      </c>
      <c r="BP38" s="195">
        <v>51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0</v>
      </c>
      <c r="BW38" s="191">
        <v>0</v>
      </c>
      <c r="BX38" s="191">
        <v>0</v>
      </c>
      <c r="BY38" s="191">
        <v>0</v>
      </c>
      <c r="BZ38" s="196">
        <v>0</v>
      </c>
      <c r="CA38" s="195">
        <v>0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</row>
    <row r="39" spans="2:101" ht="21" customHeight="1" thickBot="1" x14ac:dyDescent="0.25">
      <c r="B39" s="108" t="s">
        <v>37</v>
      </c>
      <c r="C39" s="197">
        <v>0</v>
      </c>
      <c r="D39" s="203">
        <v>0</v>
      </c>
      <c r="E39" s="208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1</v>
      </c>
      <c r="K39" s="198">
        <v>0</v>
      </c>
      <c r="L39" s="201">
        <v>1</v>
      </c>
      <c r="M39" s="202">
        <v>1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11</v>
      </c>
      <c r="AD39" s="198">
        <v>10</v>
      </c>
      <c r="AE39" s="198">
        <v>7</v>
      </c>
      <c r="AF39" s="198">
        <v>2</v>
      </c>
      <c r="AG39" s="198">
        <v>1</v>
      </c>
      <c r="AH39" s="203">
        <v>31</v>
      </c>
      <c r="AI39" s="202">
        <v>31</v>
      </c>
      <c r="AJ39" s="197">
        <v>0</v>
      </c>
      <c r="AK39" s="198">
        <v>0</v>
      </c>
      <c r="AL39" s="203">
        <v>0</v>
      </c>
      <c r="AM39" s="200">
        <v>0</v>
      </c>
      <c r="AN39" s="198">
        <v>1</v>
      </c>
      <c r="AO39" s="198">
        <v>0</v>
      </c>
      <c r="AP39" s="198">
        <v>0</v>
      </c>
      <c r="AQ39" s="198">
        <v>0</v>
      </c>
      <c r="AR39" s="198">
        <v>0</v>
      </c>
      <c r="AS39" s="203">
        <v>1</v>
      </c>
      <c r="AT39" s="202">
        <v>1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3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3</v>
      </c>
      <c r="BK39" s="198">
        <v>2</v>
      </c>
      <c r="BL39" s="198">
        <v>1</v>
      </c>
      <c r="BM39" s="198">
        <v>6</v>
      </c>
      <c r="BN39" s="198">
        <v>1</v>
      </c>
      <c r="BO39" s="201">
        <v>13</v>
      </c>
      <c r="BP39" s="202">
        <v>13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</row>
  </sheetData>
  <mergeCells count="39">
    <mergeCell ref="Q4:W4"/>
    <mergeCell ref="AU3:BE3"/>
    <mergeCell ref="I1:J1"/>
    <mergeCell ref="L1:M1"/>
    <mergeCell ref="CA4:CA5"/>
    <mergeCell ref="BF3:BP3"/>
    <mergeCell ref="BQ3:CA3"/>
    <mergeCell ref="BP4:BP5"/>
    <mergeCell ref="BE4:BE5"/>
    <mergeCell ref="B3:B5"/>
    <mergeCell ref="AI4:AI5"/>
    <mergeCell ref="AJ4:AL4"/>
    <mergeCell ref="C3:M3"/>
    <mergeCell ref="N3:X3"/>
    <mergeCell ref="Y3:AI3"/>
    <mergeCell ref="AJ3:AT3"/>
    <mergeCell ref="AM4:AS4"/>
    <mergeCell ref="AT4:AT5"/>
    <mergeCell ref="C4:E4"/>
    <mergeCell ref="F4:L4"/>
    <mergeCell ref="M4:M5"/>
    <mergeCell ref="X4:X5"/>
    <mergeCell ref="Y4:AA4"/>
    <mergeCell ref="AB4:AH4"/>
    <mergeCell ref="N4:P4"/>
    <mergeCell ref="CM3:CW3"/>
    <mergeCell ref="CP4:CV4"/>
    <mergeCell ref="CM4:CO4"/>
    <mergeCell ref="CB4:CD4"/>
    <mergeCell ref="AU4:AW4"/>
    <mergeCell ref="AX4:BD4"/>
    <mergeCell ref="CE4:CK4"/>
    <mergeCell ref="BF4:BH4"/>
    <mergeCell ref="BI4:BO4"/>
    <mergeCell ref="BQ4:BS4"/>
    <mergeCell ref="BT4:BZ4"/>
    <mergeCell ref="CB3:CL3"/>
    <mergeCell ref="CW4:CW5"/>
    <mergeCell ref="CL4:CL5"/>
  </mergeCells>
  <phoneticPr fontId="4"/>
  <pageMargins left="0.70866141732283472" right="0.70866141732283472" top="0.74803149606299213" bottom="0.74803149606299213" header="0.31496062992125984" footer="0.31496062992125984"/>
  <pageSetup paperSize="9" scale="60" orientation="landscape" r:id="rId1"/>
  <headerFooter>
    <oddFooter>&amp;L&amp;20&amp;A&amp;C&amp;P/&amp;N</oddFooter>
  </headerFooter>
  <colBreaks count="3" manualBreakCount="3">
    <brk id="24" max="1048575" man="1"/>
    <brk id="46" max="1048575" man="1"/>
    <brk id="68" max="1048575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CW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.33203125" style="175" customWidth="1"/>
    <col min="6" max="6" width="7.6640625" style="175" customWidth="1"/>
    <col min="7" max="7" width="8.44140625" style="175" customWidth="1"/>
    <col min="8" max="8" width="8.77734375" style="175" customWidth="1"/>
    <col min="9" max="16" width="9" style="175"/>
    <col min="17" max="17" width="7.21875" style="175" customWidth="1"/>
    <col min="18" max="27" width="9" style="175"/>
    <col min="28" max="28" width="7.6640625" style="175" customWidth="1"/>
    <col min="29" max="38" width="9" style="175"/>
    <col min="39" max="39" width="8.5546875" style="175" customWidth="1"/>
    <col min="40" max="49" width="9" style="175"/>
    <col min="50" max="50" width="7.6640625" style="175" customWidth="1"/>
    <col min="51" max="60" width="9" style="175"/>
    <col min="61" max="61" width="7.21875" style="175" customWidth="1"/>
    <col min="62" max="71" width="9" style="175"/>
    <col min="72" max="72" width="7.21875" style="175" customWidth="1"/>
    <col min="73" max="82" width="9" style="175"/>
    <col min="83" max="83" width="7.33203125" style="175" customWidth="1"/>
    <col min="84" max="93" width="9" style="175"/>
    <col min="94" max="94" width="7.44140625" style="175" customWidth="1"/>
    <col min="95" max="16384" width="9" style="175"/>
  </cols>
  <sheetData>
    <row r="1" spans="2:101" ht="24" customHeight="1" x14ac:dyDescent="0.2">
      <c r="B1" s="142" t="s">
        <v>122</v>
      </c>
      <c r="I1" s="442">
        <f>第１表!F2</f>
        <v>7</v>
      </c>
      <c r="J1" s="442"/>
      <c r="K1" s="18">
        <f>第１表!G2</f>
        <v>2</v>
      </c>
      <c r="L1" s="447">
        <f>IF(K1&lt;3,K1+12-2,K1-2)</f>
        <v>12</v>
      </c>
      <c r="M1" s="447"/>
    </row>
    <row r="2" spans="2:101" s="71" customFormat="1" ht="24" customHeight="1" thickBot="1" x14ac:dyDescent="0.25">
      <c r="B2" s="142" t="s">
        <v>127</v>
      </c>
    </row>
    <row r="3" spans="2:101" ht="21" customHeight="1" thickBot="1" x14ac:dyDescent="0.25">
      <c r="B3" s="478"/>
      <c r="C3" s="472" t="s">
        <v>94</v>
      </c>
      <c r="D3" s="473"/>
      <c r="E3" s="473"/>
      <c r="F3" s="473"/>
      <c r="G3" s="473"/>
      <c r="H3" s="473"/>
      <c r="I3" s="473"/>
      <c r="J3" s="473"/>
      <c r="K3" s="473"/>
      <c r="L3" s="473"/>
      <c r="M3" s="474"/>
      <c r="N3" s="472" t="s">
        <v>88</v>
      </c>
      <c r="O3" s="473"/>
      <c r="P3" s="473"/>
      <c r="Q3" s="473"/>
      <c r="R3" s="473"/>
      <c r="S3" s="473"/>
      <c r="T3" s="473"/>
      <c r="U3" s="473"/>
      <c r="V3" s="473"/>
      <c r="W3" s="473"/>
      <c r="X3" s="474"/>
      <c r="Y3" s="472" t="s">
        <v>138</v>
      </c>
      <c r="Z3" s="473"/>
      <c r="AA3" s="473"/>
      <c r="AB3" s="473"/>
      <c r="AC3" s="473"/>
      <c r="AD3" s="473"/>
      <c r="AE3" s="473"/>
      <c r="AF3" s="473"/>
      <c r="AG3" s="473"/>
      <c r="AH3" s="473"/>
      <c r="AI3" s="474"/>
      <c r="AJ3" s="472" t="s">
        <v>90</v>
      </c>
      <c r="AK3" s="473"/>
      <c r="AL3" s="473"/>
      <c r="AM3" s="473"/>
      <c r="AN3" s="473"/>
      <c r="AO3" s="473"/>
      <c r="AP3" s="473"/>
      <c r="AQ3" s="473"/>
      <c r="AR3" s="473"/>
      <c r="AS3" s="473"/>
      <c r="AT3" s="474"/>
      <c r="AU3" s="481" t="s">
        <v>89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91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92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93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2" t="s">
        <v>13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</row>
    <row r="4" spans="2:101" ht="21" customHeight="1" x14ac:dyDescent="0.2">
      <c r="B4" s="479"/>
      <c r="C4" s="465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65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67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93" t="s">
        <v>61</v>
      </c>
      <c r="AV4" s="491"/>
      <c r="AW4" s="492"/>
      <c r="AX4" s="490" t="s">
        <v>62</v>
      </c>
      <c r="AY4" s="491"/>
      <c r="AZ4" s="491"/>
      <c r="BA4" s="491"/>
      <c r="BB4" s="491"/>
      <c r="BC4" s="491"/>
      <c r="BD4" s="492"/>
      <c r="BE4" s="494" t="s">
        <v>52</v>
      </c>
      <c r="BF4" s="493" t="s">
        <v>61</v>
      </c>
      <c r="BG4" s="491"/>
      <c r="BH4" s="492"/>
      <c r="BI4" s="490" t="s">
        <v>62</v>
      </c>
      <c r="BJ4" s="491"/>
      <c r="BK4" s="491"/>
      <c r="BL4" s="491"/>
      <c r="BM4" s="491"/>
      <c r="BN4" s="491"/>
      <c r="BO4" s="492"/>
      <c r="BP4" s="494" t="s">
        <v>52</v>
      </c>
      <c r="BQ4" s="493" t="s">
        <v>61</v>
      </c>
      <c r="BR4" s="491"/>
      <c r="BS4" s="492"/>
      <c r="BT4" s="490" t="s">
        <v>62</v>
      </c>
      <c r="BU4" s="491"/>
      <c r="BV4" s="491"/>
      <c r="BW4" s="491"/>
      <c r="BX4" s="491"/>
      <c r="BY4" s="491"/>
      <c r="BZ4" s="492"/>
      <c r="CA4" s="494" t="s">
        <v>52</v>
      </c>
      <c r="CB4" s="493" t="s">
        <v>61</v>
      </c>
      <c r="CC4" s="491"/>
      <c r="CD4" s="492"/>
      <c r="CE4" s="490" t="s">
        <v>62</v>
      </c>
      <c r="CF4" s="491"/>
      <c r="CG4" s="491"/>
      <c r="CH4" s="491"/>
      <c r="CI4" s="491"/>
      <c r="CJ4" s="491"/>
      <c r="CK4" s="492"/>
      <c r="CL4" s="494" t="s">
        <v>52</v>
      </c>
      <c r="CM4" s="493" t="s">
        <v>61</v>
      </c>
      <c r="CN4" s="491"/>
      <c r="CO4" s="492"/>
      <c r="CP4" s="490" t="s">
        <v>62</v>
      </c>
      <c r="CQ4" s="491"/>
      <c r="CR4" s="491"/>
      <c r="CS4" s="491"/>
      <c r="CT4" s="491"/>
      <c r="CU4" s="491"/>
      <c r="CV4" s="492"/>
      <c r="CW4" s="494" t="s">
        <v>52</v>
      </c>
    </row>
    <row r="5" spans="2:101" ht="30" customHeight="1" thickBot="1" x14ac:dyDescent="0.25">
      <c r="B5" s="480"/>
      <c r="C5" s="177" t="s">
        <v>43</v>
      </c>
      <c r="D5" s="182" t="s">
        <v>44</v>
      </c>
      <c r="E5" s="205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177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2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2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2" t="s">
        <v>45</v>
      </c>
      <c r="BE5" s="495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95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95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95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95"/>
    </row>
    <row r="6" spans="2:101" ht="21" customHeight="1" x14ac:dyDescent="0.2">
      <c r="B6" s="84" t="s">
        <v>4</v>
      </c>
      <c r="C6" s="183">
        <v>0</v>
      </c>
      <c r="D6" s="189">
        <v>0</v>
      </c>
      <c r="E6" s="206">
        <v>0</v>
      </c>
      <c r="F6" s="186">
        <v>0</v>
      </c>
      <c r="G6" s="184">
        <v>15</v>
      </c>
      <c r="H6" s="184">
        <v>30</v>
      </c>
      <c r="I6" s="184">
        <v>31</v>
      </c>
      <c r="J6" s="184">
        <v>24</v>
      </c>
      <c r="K6" s="184">
        <v>22</v>
      </c>
      <c r="L6" s="187">
        <v>122</v>
      </c>
      <c r="M6" s="188">
        <v>122</v>
      </c>
      <c r="N6" s="183">
        <v>0</v>
      </c>
      <c r="O6" s="184">
        <v>0</v>
      </c>
      <c r="P6" s="189">
        <v>0</v>
      </c>
      <c r="Q6" s="186">
        <v>0</v>
      </c>
      <c r="R6" s="184">
        <v>14</v>
      </c>
      <c r="S6" s="184">
        <v>21</v>
      </c>
      <c r="T6" s="184">
        <v>33</v>
      </c>
      <c r="U6" s="184">
        <v>36</v>
      </c>
      <c r="V6" s="184">
        <v>30</v>
      </c>
      <c r="W6" s="189">
        <v>134</v>
      </c>
      <c r="X6" s="188">
        <v>134</v>
      </c>
      <c r="Y6" s="183">
        <v>0</v>
      </c>
      <c r="Z6" s="184">
        <v>0</v>
      </c>
      <c r="AA6" s="189">
        <v>0</v>
      </c>
      <c r="AB6" s="186">
        <v>0</v>
      </c>
      <c r="AC6" s="184">
        <v>1037</v>
      </c>
      <c r="AD6" s="184">
        <v>948</v>
      </c>
      <c r="AE6" s="184">
        <v>371</v>
      </c>
      <c r="AF6" s="184">
        <v>154</v>
      </c>
      <c r="AG6" s="184">
        <v>75</v>
      </c>
      <c r="AH6" s="189">
        <v>2585</v>
      </c>
      <c r="AI6" s="188">
        <v>2585</v>
      </c>
      <c r="AJ6" s="183">
        <v>0</v>
      </c>
      <c r="AK6" s="184">
        <v>0</v>
      </c>
      <c r="AL6" s="189">
        <v>0</v>
      </c>
      <c r="AM6" s="186">
        <v>0</v>
      </c>
      <c r="AN6" s="184">
        <v>61</v>
      </c>
      <c r="AO6" s="184">
        <v>80</v>
      </c>
      <c r="AP6" s="184">
        <v>65</v>
      </c>
      <c r="AQ6" s="184">
        <v>31</v>
      </c>
      <c r="AR6" s="184">
        <v>17</v>
      </c>
      <c r="AS6" s="189">
        <v>254</v>
      </c>
      <c r="AT6" s="188">
        <v>254</v>
      </c>
      <c r="AU6" s="183">
        <v>9</v>
      </c>
      <c r="AV6" s="184">
        <v>9</v>
      </c>
      <c r="AW6" s="189">
        <v>18</v>
      </c>
      <c r="AX6" s="186">
        <v>0</v>
      </c>
      <c r="AY6" s="184">
        <v>80</v>
      </c>
      <c r="AZ6" s="184">
        <v>78</v>
      </c>
      <c r="BA6" s="184">
        <v>72</v>
      </c>
      <c r="BB6" s="184">
        <v>49</v>
      </c>
      <c r="BC6" s="184">
        <v>32</v>
      </c>
      <c r="BD6" s="189">
        <v>311</v>
      </c>
      <c r="BE6" s="188">
        <v>329</v>
      </c>
      <c r="BF6" s="183">
        <v>0</v>
      </c>
      <c r="BG6" s="184">
        <v>1</v>
      </c>
      <c r="BH6" s="189">
        <v>1</v>
      </c>
      <c r="BI6" s="186">
        <v>0</v>
      </c>
      <c r="BJ6" s="184">
        <v>98</v>
      </c>
      <c r="BK6" s="184">
        <v>141</v>
      </c>
      <c r="BL6" s="184">
        <v>149</v>
      </c>
      <c r="BM6" s="184">
        <v>99</v>
      </c>
      <c r="BN6" s="184">
        <v>55</v>
      </c>
      <c r="BO6" s="187">
        <v>542</v>
      </c>
      <c r="BP6" s="188">
        <v>543</v>
      </c>
      <c r="BQ6" s="183">
        <v>0</v>
      </c>
      <c r="BR6" s="184">
        <v>0</v>
      </c>
      <c r="BS6" s="189">
        <v>0</v>
      </c>
      <c r="BT6" s="186">
        <v>0</v>
      </c>
      <c r="BU6" s="184">
        <v>5</v>
      </c>
      <c r="BV6" s="184">
        <v>5</v>
      </c>
      <c r="BW6" s="184">
        <v>3</v>
      </c>
      <c r="BX6" s="184">
        <v>4</v>
      </c>
      <c r="BY6" s="184">
        <v>5</v>
      </c>
      <c r="BZ6" s="189">
        <v>22</v>
      </c>
      <c r="CA6" s="188">
        <v>22</v>
      </c>
      <c r="CB6" s="183">
        <v>0</v>
      </c>
      <c r="CC6" s="184">
        <v>0</v>
      </c>
      <c r="CD6" s="189">
        <v>0</v>
      </c>
      <c r="CE6" s="186">
        <v>0</v>
      </c>
      <c r="CF6" s="184">
        <v>1</v>
      </c>
      <c r="CG6" s="184">
        <v>2</v>
      </c>
      <c r="CH6" s="184">
        <v>15</v>
      </c>
      <c r="CI6" s="184">
        <v>27</v>
      </c>
      <c r="CJ6" s="184">
        <v>15</v>
      </c>
      <c r="CK6" s="189">
        <v>60</v>
      </c>
      <c r="CL6" s="188">
        <v>60</v>
      </c>
      <c r="CM6" s="183">
        <v>0</v>
      </c>
      <c r="CN6" s="184">
        <v>0</v>
      </c>
      <c r="CO6" s="189">
        <v>0</v>
      </c>
      <c r="CP6" s="186">
        <v>0</v>
      </c>
      <c r="CQ6" s="184">
        <v>15</v>
      </c>
      <c r="CR6" s="184">
        <v>20</v>
      </c>
      <c r="CS6" s="184">
        <v>24</v>
      </c>
      <c r="CT6" s="184">
        <v>23</v>
      </c>
      <c r="CU6" s="184">
        <v>23</v>
      </c>
      <c r="CV6" s="189">
        <v>105</v>
      </c>
      <c r="CW6" s="188">
        <v>105</v>
      </c>
    </row>
    <row r="7" spans="2:101" ht="21" customHeight="1" x14ac:dyDescent="0.2">
      <c r="B7" s="95" t="s">
        <v>5</v>
      </c>
      <c r="C7" s="190">
        <v>0</v>
      </c>
      <c r="D7" s="196">
        <v>0</v>
      </c>
      <c r="E7" s="207">
        <v>0</v>
      </c>
      <c r="F7" s="193">
        <v>0</v>
      </c>
      <c r="G7" s="191">
        <v>6</v>
      </c>
      <c r="H7" s="191">
        <v>16</v>
      </c>
      <c r="I7" s="191">
        <v>14</v>
      </c>
      <c r="J7" s="191">
        <v>15</v>
      </c>
      <c r="K7" s="191">
        <v>11</v>
      </c>
      <c r="L7" s="194">
        <v>62</v>
      </c>
      <c r="M7" s="195">
        <v>62</v>
      </c>
      <c r="N7" s="190">
        <v>0</v>
      </c>
      <c r="O7" s="191">
        <v>0</v>
      </c>
      <c r="P7" s="196">
        <v>0</v>
      </c>
      <c r="Q7" s="193">
        <v>0</v>
      </c>
      <c r="R7" s="191">
        <v>9</v>
      </c>
      <c r="S7" s="191">
        <v>18</v>
      </c>
      <c r="T7" s="191">
        <v>24</v>
      </c>
      <c r="U7" s="191">
        <v>28</v>
      </c>
      <c r="V7" s="191">
        <v>21</v>
      </c>
      <c r="W7" s="196">
        <v>100</v>
      </c>
      <c r="X7" s="195">
        <v>100</v>
      </c>
      <c r="Y7" s="190">
        <v>0</v>
      </c>
      <c r="Z7" s="191">
        <v>0</v>
      </c>
      <c r="AA7" s="196">
        <v>0</v>
      </c>
      <c r="AB7" s="193">
        <v>0</v>
      </c>
      <c r="AC7" s="191">
        <v>392</v>
      </c>
      <c r="AD7" s="191">
        <v>474</v>
      </c>
      <c r="AE7" s="191">
        <v>206</v>
      </c>
      <c r="AF7" s="191">
        <v>71</v>
      </c>
      <c r="AG7" s="191">
        <v>40</v>
      </c>
      <c r="AH7" s="196">
        <v>1183</v>
      </c>
      <c r="AI7" s="195">
        <v>1183</v>
      </c>
      <c r="AJ7" s="190">
        <v>0</v>
      </c>
      <c r="AK7" s="191">
        <v>0</v>
      </c>
      <c r="AL7" s="196">
        <v>0</v>
      </c>
      <c r="AM7" s="193">
        <v>0</v>
      </c>
      <c r="AN7" s="191">
        <v>32</v>
      </c>
      <c r="AO7" s="191">
        <v>47</v>
      </c>
      <c r="AP7" s="191">
        <v>36</v>
      </c>
      <c r="AQ7" s="191">
        <v>17</v>
      </c>
      <c r="AR7" s="191">
        <v>8</v>
      </c>
      <c r="AS7" s="196">
        <v>140</v>
      </c>
      <c r="AT7" s="195">
        <v>140</v>
      </c>
      <c r="AU7" s="190">
        <v>3</v>
      </c>
      <c r="AV7" s="191">
        <v>4</v>
      </c>
      <c r="AW7" s="196">
        <v>7</v>
      </c>
      <c r="AX7" s="193">
        <v>0</v>
      </c>
      <c r="AY7" s="191">
        <v>36</v>
      </c>
      <c r="AZ7" s="191">
        <v>35</v>
      </c>
      <c r="BA7" s="191">
        <v>30</v>
      </c>
      <c r="BB7" s="191">
        <v>22</v>
      </c>
      <c r="BC7" s="191">
        <v>16</v>
      </c>
      <c r="BD7" s="196">
        <v>139</v>
      </c>
      <c r="BE7" s="195">
        <v>146</v>
      </c>
      <c r="BF7" s="190">
        <v>0</v>
      </c>
      <c r="BG7" s="191">
        <v>1</v>
      </c>
      <c r="BH7" s="196">
        <v>1</v>
      </c>
      <c r="BI7" s="193">
        <v>0</v>
      </c>
      <c r="BJ7" s="191">
        <v>33</v>
      </c>
      <c r="BK7" s="191">
        <v>59</v>
      </c>
      <c r="BL7" s="191">
        <v>48</v>
      </c>
      <c r="BM7" s="191">
        <v>37</v>
      </c>
      <c r="BN7" s="191">
        <v>27</v>
      </c>
      <c r="BO7" s="194">
        <v>204</v>
      </c>
      <c r="BP7" s="195">
        <v>205</v>
      </c>
      <c r="BQ7" s="190">
        <v>0</v>
      </c>
      <c r="BR7" s="191">
        <v>0</v>
      </c>
      <c r="BS7" s="196">
        <v>0</v>
      </c>
      <c r="BT7" s="193">
        <v>0</v>
      </c>
      <c r="BU7" s="191">
        <v>0</v>
      </c>
      <c r="BV7" s="191">
        <v>0</v>
      </c>
      <c r="BW7" s="191">
        <v>0</v>
      </c>
      <c r="BX7" s="191">
        <v>0</v>
      </c>
      <c r="BY7" s="191">
        <v>0</v>
      </c>
      <c r="BZ7" s="196">
        <v>0</v>
      </c>
      <c r="CA7" s="195">
        <v>0</v>
      </c>
      <c r="CB7" s="190">
        <v>0</v>
      </c>
      <c r="CC7" s="191">
        <v>0</v>
      </c>
      <c r="CD7" s="196">
        <v>0</v>
      </c>
      <c r="CE7" s="193">
        <v>0</v>
      </c>
      <c r="CF7" s="191">
        <v>1</v>
      </c>
      <c r="CG7" s="191">
        <v>0</v>
      </c>
      <c r="CH7" s="191">
        <v>3</v>
      </c>
      <c r="CI7" s="191">
        <v>5</v>
      </c>
      <c r="CJ7" s="191">
        <v>2</v>
      </c>
      <c r="CK7" s="196">
        <v>11</v>
      </c>
      <c r="CL7" s="195">
        <v>11</v>
      </c>
      <c r="CM7" s="190">
        <v>0</v>
      </c>
      <c r="CN7" s="191">
        <v>0</v>
      </c>
      <c r="CO7" s="196">
        <v>0</v>
      </c>
      <c r="CP7" s="193">
        <v>0</v>
      </c>
      <c r="CQ7" s="191">
        <v>3</v>
      </c>
      <c r="CR7" s="191">
        <v>4</v>
      </c>
      <c r="CS7" s="191">
        <v>3</v>
      </c>
      <c r="CT7" s="191">
        <v>7</v>
      </c>
      <c r="CU7" s="191">
        <v>9</v>
      </c>
      <c r="CV7" s="196">
        <v>26</v>
      </c>
      <c r="CW7" s="195">
        <v>26</v>
      </c>
    </row>
    <row r="8" spans="2:101" ht="21" customHeight="1" x14ac:dyDescent="0.2">
      <c r="B8" s="106" t="s">
        <v>6</v>
      </c>
      <c r="C8" s="190">
        <v>0</v>
      </c>
      <c r="D8" s="196">
        <v>0</v>
      </c>
      <c r="E8" s="207">
        <v>0</v>
      </c>
      <c r="F8" s="193">
        <v>0</v>
      </c>
      <c r="G8" s="191">
        <v>2</v>
      </c>
      <c r="H8" s="191">
        <v>4</v>
      </c>
      <c r="I8" s="191">
        <v>6</v>
      </c>
      <c r="J8" s="191">
        <v>1</v>
      </c>
      <c r="K8" s="191">
        <v>6</v>
      </c>
      <c r="L8" s="194">
        <v>19</v>
      </c>
      <c r="M8" s="195">
        <v>19</v>
      </c>
      <c r="N8" s="190">
        <v>0</v>
      </c>
      <c r="O8" s="191">
        <v>0</v>
      </c>
      <c r="P8" s="196">
        <v>0</v>
      </c>
      <c r="Q8" s="193">
        <v>0</v>
      </c>
      <c r="R8" s="191">
        <v>4</v>
      </c>
      <c r="S8" s="191">
        <v>3</v>
      </c>
      <c r="T8" s="191">
        <v>7</v>
      </c>
      <c r="U8" s="191">
        <v>7</v>
      </c>
      <c r="V8" s="191">
        <v>8</v>
      </c>
      <c r="W8" s="196">
        <v>29</v>
      </c>
      <c r="X8" s="195">
        <v>29</v>
      </c>
      <c r="Y8" s="190">
        <v>0</v>
      </c>
      <c r="Z8" s="191">
        <v>0</v>
      </c>
      <c r="AA8" s="196">
        <v>0</v>
      </c>
      <c r="AB8" s="193">
        <v>0</v>
      </c>
      <c r="AC8" s="191">
        <v>119</v>
      </c>
      <c r="AD8" s="191">
        <v>83</v>
      </c>
      <c r="AE8" s="191">
        <v>29</v>
      </c>
      <c r="AF8" s="191">
        <v>18</v>
      </c>
      <c r="AG8" s="191">
        <v>17</v>
      </c>
      <c r="AH8" s="196">
        <v>266</v>
      </c>
      <c r="AI8" s="195">
        <v>266</v>
      </c>
      <c r="AJ8" s="190">
        <v>0</v>
      </c>
      <c r="AK8" s="191">
        <v>0</v>
      </c>
      <c r="AL8" s="196">
        <v>0</v>
      </c>
      <c r="AM8" s="193">
        <v>0</v>
      </c>
      <c r="AN8" s="191">
        <v>8</v>
      </c>
      <c r="AO8" s="191">
        <v>13</v>
      </c>
      <c r="AP8" s="191">
        <v>10</v>
      </c>
      <c r="AQ8" s="191">
        <v>6</v>
      </c>
      <c r="AR8" s="191">
        <v>2</v>
      </c>
      <c r="AS8" s="196">
        <v>39</v>
      </c>
      <c r="AT8" s="195">
        <v>39</v>
      </c>
      <c r="AU8" s="190">
        <v>2</v>
      </c>
      <c r="AV8" s="191">
        <v>1</v>
      </c>
      <c r="AW8" s="196">
        <v>3</v>
      </c>
      <c r="AX8" s="193">
        <v>0</v>
      </c>
      <c r="AY8" s="191">
        <v>12</v>
      </c>
      <c r="AZ8" s="191">
        <v>14</v>
      </c>
      <c r="BA8" s="191">
        <v>9</v>
      </c>
      <c r="BB8" s="191">
        <v>7</v>
      </c>
      <c r="BC8" s="191">
        <v>3</v>
      </c>
      <c r="BD8" s="196">
        <v>45</v>
      </c>
      <c r="BE8" s="195">
        <v>48</v>
      </c>
      <c r="BF8" s="190">
        <v>0</v>
      </c>
      <c r="BG8" s="191">
        <v>0</v>
      </c>
      <c r="BH8" s="196">
        <v>0</v>
      </c>
      <c r="BI8" s="193">
        <v>0</v>
      </c>
      <c r="BJ8" s="191">
        <v>21</v>
      </c>
      <c r="BK8" s="191">
        <v>20</v>
      </c>
      <c r="BL8" s="191">
        <v>26</v>
      </c>
      <c r="BM8" s="191">
        <v>16</v>
      </c>
      <c r="BN8" s="191">
        <v>6</v>
      </c>
      <c r="BO8" s="194">
        <v>89</v>
      </c>
      <c r="BP8" s="195">
        <v>89</v>
      </c>
      <c r="BQ8" s="190">
        <v>0</v>
      </c>
      <c r="BR8" s="191">
        <v>0</v>
      </c>
      <c r="BS8" s="196">
        <v>0</v>
      </c>
      <c r="BT8" s="193">
        <v>0</v>
      </c>
      <c r="BU8" s="191">
        <v>0</v>
      </c>
      <c r="BV8" s="191">
        <v>0</v>
      </c>
      <c r="BW8" s="191">
        <v>0</v>
      </c>
      <c r="BX8" s="191">
        <v>0</v>
      </c>
      <c r="BY8" s="191">
        <v>0</v>
      </c>
      <c r="BZ8" s="196">
        <v>0</v>
      </c>
      <c r="CA8" s="195">
        <v>0</v>
      </c>
      <c r="CB8" s="190">
        <v>0</v>
      </c>
      <c r="CC8" s="191">
        <v>0</v>
      </c>
      <c r="CD8" s="196">
        <v>0</v>
      </c>
      <c r="CE8" s="193">
        <v>0</v>
      </c>
      <c r="CF8" s="191">
        <v>0</v>
      </c>
      <c r="CG8" s="191">
        <v>0</v>
      </c>
      <c r="CH8" s="191">
        <v>3</v>
      </c>
      <c r="CI8" s="191">
        <v>4</v>
      </c>
      <c r="CJ8" s="191">
        <v>3</v>
      </c>
      <c r="CK8" s="196">
        <v>10</v>
      </c>
      <c r="CL8" s="195">
        <v>10</v>
      </c>
      <c r="CM8" s="190">
        <v>0</v>
      </c>
      <c r="CN8" s="191">
        <v>0</v>
      </c>
      <c r="CO8" s="196">
        <v>0</v>
      </c>
      <c r="CP8" s="193">
        <v>0</v>
      </c>
      <c r="CQ8" s="191">
        <v>5</v>
      </c>
      <c r="CR8" s="191">
        <v>4</v>
      </c>
      <c r="CS8" s="191">
        <v>7</v>
      </c>
      <c r="CT8" s="191">
        <v>3</v>
      </c>
      <c r="CU8" s="191">
        <v>4</v>
      </c>
      <c r="CV8" s="196">
        <v>23</v>
      </c>
      <c r="CW8" s="195">
        <v>23</v>
      </c>
    </row>
    <row r="9" spans="2:101" ht="21" customHeight="1" x14ac:dyDescent="0.2">
      <c r="B9" s="106" t="s">
        <v>14</v>
      </c>
      <c r="C9" s="190">
        <v>0</v>
      </c>
      <c r="D9" s="196">
        <v>0</v>
      </c>
      <c r="E9" s="207">
        <v>0</v>
      </c>
      <c r="F9" s="193">
        <v>0</v>
      </c>
      <c r="G9" s="191">
        <v>1</v>
      </c>
      <c r="H9" s="191">
        <v>4</v>
      </c>
      <c r="I9" s="191">
        <v>3</v>
      </c>
      <c r="J9" s="191">
        <v>4</v>
      </c>
      <c r="K9" s="191">
        <v>5</v>
      </c>
      <c r="L9" s="194">
        <v>17</v>
      </c>
      <c r="M9" s="195">
        <v>17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0</v>
      </c>
      <c r="T9" s="191">
        <v>0</v>
      </c>
      <c r="U9" s="191">
        <v>0</v>
      </c>
      <c r="V9" s="191">
        <v>0</v>
      </c>
      <c r="W9" s="196">
        <v>0</v>
      </c>
      <c r="X9" s="195">
        <v>0</v>
      </c>
      <c r="Y9" s="190">
        <v>0</v>
      </c>
      <c r="Z9" s="191">
        <v>0</v>
      </c>
      <c r="AA9" s="196">
        <v>0</v>
      </c>
      <c r="AB9" s="193">
        <v>0</v>
      </c>
      <c r="AC9" s="191">
        <v>90</v>
      </c>
      <c r="AD9" s="191">
        <v>83</v>
      </c>
      <c r="AE9" s="191">
        <v>36</v>
      </c>
      <c r="AF9" s="191">
        <v>18</v>
      </c>
      <c r="AG9" s="191">
        <v>4</v>
      </c>
      <c r="AH9" s="196">
        <v>231</v>
      </c>
      <c r="AI9" s="195">
        <v>231</v>
      </c>
      <c r="AJ9" s="190">
        <v>0</v>
      </c>
      <c r="AK9" s="191">
        <v>0</v>
      </c>
      <c r="AL9" s="196">
        <v>0</v>
      </c>
      <c r="AM9" s="193">
        <v>0</v>
      </c>
      <c r="AN9" s="191">
        <v>4</v>
      </c>
      <c r="AO9" s="191">
        <v>1</v>
      </c>
      <c r="AP9" s="191">
        <v>0</v>
      </c>
      <c r="AQ9" s="191">
        <v>0</v>
      </c>
      <c r="AR9" s="191">
        <v>0</v>
      </c>
      <c r="AS9" s="196">
        <v>5</v>
      </c>
      <c r="AT9" s="195">
        <v>5</v>
      </c>
      <c r="AU9" s="190">
        <v>1</v>
      </c>
      <c r="AV9" s="191">
        <v>1</v>
      </c>
      <c r="AW9" s="196">
        <v>2</v>
      </c>
      <c r="AX9" s="193">
        <v>0</v>
      </c>
      <c r="AY9" s="191">
        <v>5</v>
      </c>
      <c r="AZ9" s="191">
        <v>2</v>
      </c>
      <c r="BA9" s="191">
        <v>8</v>
      </c>
      <c r="BB9" s="191">
        <v>4</v>
      </c>
      <c r="BC9" s="191">
        <v>4</v>
      </c>
      <c r="BD9" s="196">
        <v>23</v>
      </c>
      <c r="BE9" s="195">
        <v>25</v>
      </c>
      <c r="BF9" s="190">
        <v>0</v>
      </c>
      <c r="BG9" s="191">
        <v>0</v>
      </c>
      <c r="BH9" s="196">
        <v>0</v>
      </c>
      <c r="BI9" s="193">
        <v>0</v>
      </c>
      <c r="BJ9" s="191">
        <v>11</v>
      </c>
      <c r="BK9" s="191">
        <v>9</v>
      </c>
      <c r="BL9" s="191">
        <v>14</v>
      </c>
      <c r="BM9" s="191">
        <v>13</v>
      </c>
      <c r="BN9" s="191">
        <v>5</v>
      </c>
      <c r="BO9" s="194">
        <v>52</v>
      </c>
      <c r="BP9" s="195">
        <v>52</v>
      </c>
      <c r="BQ9" s="190">
        <v>0</v>
      </c>
      <c r="BR9" s="191">
        <v>0</v>
      </c>
      <c r="BS9" s="196">
        <v>0</v>
      </c>
      <c r="BT9" s="193">
        <v>0</v>
      </c>
      <c r="BU9" s="191">
        <v>0</v>
      </c>
      <c r="BV9" s="191">
        <v>0</v>
      </c>
      <c r="BW9" s="191">
        <v>0</v>
      </c>
      <c r="BX9" s="191">
        <v>0</v>
      </c>
      <c r="BY9" s="191">
        <v>0</v>
      </c>
      <c r="BZ9" s="196">
        <v>0</v>
      </c>
      <c r="CA9" s="195">
        <v>0</v>
      </c>
      <c r="CB9" s="190">
        <v>0</v>
      </c>
      <c r="CC9" s="191">
        <v>0</v>
      </c>
      <c r="CD9" s="196">
        <v>0</v>
      </c>
      <c r="CE9" s="193">
        <v>0</v>
      </c>
      <c r="CF9" s="191">
        <v>0</v>
      </c>
      <c r="CG9" s="191">
        <v>0</v>
      </c>
      <c r="CH9" s="191">
        <v>1</v>
      </c>
      <c r="CI9" s="191">
        <v>1</v>
      </c>
      <c r="CJ9" s="191">
        <v>0</v>
      </c>
      <c r="CK9" s="196">
        <v>2</v>
      </c>
      <c r="CL9" s="195">
        <v>2</v>
      </c>
      <c r="CM9" s="190">
        <v>0</v>
      </c>
      <c r="CN9" s="191">
        <v>0</v>
      </c>
      <c r="CO9" s="196">
        <v>0</v>
      </c>
      <c r="CP9" s="193">
        <v>0</v>
      </c>
      <c r="CQ9" s="191">
        <v>1</v>
      </c>
      <c r="CR9" s="191">
        <v>2</v>
      </c>
      <c r="CS9" s="191">
        <v>2</v>
      </c>
      <c r="CT9" s="191">
        <v>3</v>
      </c>
      <c r="CU9" s="191">
        <v>2</v>
      </c>
      <c r="CV9" s="196">
        <v>10</v>
      </c>
      <c r="CW9" s="195">
        <v>10</v>
      </c>
    </row>
    <row r="10" spans="2:101" ht="21" customHeight="1" x14ac:dyDescent="0.2">
      <c r="B10" s="106" t="s">
        <v>7</v>
      </c>
      <c r="C10" s="190">
        <v>0</v>
      </c>
      <c r="D10" s="196">
        <v>0</v>
      </c>
      <c r="E10" s="207">
        <v>0</v>
      </c>
      <c r="F10" s="193">
        <v>0</v>
      </c>
      <c r="G10" s="191">
        <v>0</v>
      </c>
      <c r="H10" s="191">
        <v>3</v>
      </c>
      <c r="I10" s="191">
        <v>0</v>
      </c>
      <c r="J10" s="191">
        <v>2</v>
      </c>
      <c r="K10" s="191">
        <v>0</v>
      </c>
      <c r="L10" s="194">
        <v>5</v>
      </c>
      <c r="M10" s="195">
        <v>5</v>
      </c>
      <c r="N10" s="190">
        <v>0</v>
      </c>
      <c r="O10" s="191">
        <v>0</v>
      </c>
      <c r="P10" s="196">
        <v>0</v>
      </c>
      <c r="Q10" s="193">
        <v>0</v>
      </c>
      <c r="R10" s="191">
        <v>0</v>
      </c>
      <c r="S10" s="191">
        <v>0</v>
      </c>
      <c r="T10" s="191">
        <v>0</v>
      </c>
      <c r="U10" s="191">
        <v>0</v>
      </c>
      <c r="V10" s="191">
        <v>0</v>
      </c>
      <c r="W10" s="196">
        <v>0</v>
      </c>
      <c r="X10" s="195">
        <v>0</v>
      </c>
      <c r="Y10" s="190">
        <v>0</v>
      </c>
      <c r="Z10" s="191">
        <v>0</v>
      </c>
      <c r="AA10" s="196">
        <v>0</v>
      </c>
      <c r="AB10" s="193">
        <v>0</v>
      </c>
      <c r="AC10" s="191">
        <v>83</v>
      </c>
      <c r="AD10" s="191">
        <v>64</v>
      </c>
      <c r="AE10" s="191">
        <v>16</v>
      </c>
      <c r="AF10" s="191">
        <v>7</v>
      </c>
      <c r="AG10" s="191">
        <v>0</v>
      </c>
      <c r="AH10" s="196">
        <v>170</v>
      </c>
      <c r="AI10" s="195">
        <v>170</v>
      </c>
      <c r="AJ10" s="190">
        <v>0</v>
      </c>
      <c r="AK10" s="191">
        <v>0</v>
      </c>
      <c r="AL10" s="196">
        <v>0</v>
      </c>
      <c r="AM10" s="193">
        <v>0</v>
      </c>
      <c r="AN10" s="191">
        <v>7</v>
      </c>
      <c r="AO10" s="191">
        <v>8</v>
      </c>
      <c r="AP10" s="191">
        <v>8</v>
      </c>
      <c r="AQ10" s="191">
        <v>3</v>
      </c>
      <c r="AR10" s="191">
        <v>1</v>
      </c>
      <c r="AS10" s="196">
        <v>27</v>
      </c>
      <c r="AT10" s="195">
        <v>27</v>
      </c>
      <c r="AU10" s="190">
        <v>0</v>
      </c>
      <c r="AV10" s="191">
        <v>0</v>
      </c>
      <c r="AW10" s="196">
        <v>0</v>
      </c>
      <c r="AX10" s="193">
        <v>0</v>
      </c>
      <c r="AY10" s="191">
        <v>5</v>
      </c>
      <c r="AZ10" s="191">
        <v>3</v>
      </c>
      <c r="BA10" s="191">
        <v>2</v>
      </c>
      <c r="BB10" s="191">
        <v>3</v>
      </c>
      <c r="BC10" s="191">
        <v>0</v>
      </c>
      <c r="BD10" s="196">
        <v>13</v>
      </c>
      <c r="BE10" s="195">
        <v>13</v>
      </c>
      <c r="BF10" s="190">
        <v>0</v>
      </c>
      <c r="BG10" s="191">
        <v>0</v>
      </c>
      <c r="BH10" s="196">
        <v>0</v>
      </c>
      <c r="BI10" s="193">
        <v>0</v>
      </c>
      <c r="BJ10" s="191">
        <v>6</v>
      </c>
      <c r="BK10" s="191">
        <v>11</v>
      </c>
      <c r="BL10" s="191">
        <v>8</v>
      </c>
      <c r="BM10" s="191">
        <v>5</v>
      </c>
      <c r="BN10" s="191">
        <v>2</v>
      </c>
      <c r="BO10" s="194">
        <v>32</v>
      </c>
      <c r="BP10" s="195">
        <v>32</v>
      </c>
      <c r="BQ10" s="190">
        <v>0</v>
      </c>
      <c r="BR10" s="191">
        <v>0</v>
      </c>
      <c r="BS10" s="196">
        <v>0</v>
      </c>
      <c r="BT10" s="193">
        <v>0</v>
      </c>
      <c r="BU10" s="191">
        <v>0</v>
      </c>
      <c r="BV10" s="191">
        <v>0</v>
      </c>
      <c r="BW10" s="191">
        <v>0</v>
      </c>
      <c r="BX10" s="191">
        <v>0</v>
      </c>
      <c r="BY10" s="191">
        <v>0</v>
      </c>
      <c r="BZ10" s="196">
        <v>0</v>
      </c>
      <c r="CA10" s="195">
        <v>0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0</v>
      </c>
      <c r="CH10" s="191">
        <v>0</v>
      </c>
      <c r="CI10" s="191">
        <v>0</v>
      </c>
      <c r="CJ10" s="191">
        <v>0</v>
      </c>
      <c r="CK10" s="196">
        <v>0</v>
      </c>
      <c r="CL10" s="195">
        <v>0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0</v>
      </c>
      <c r="CS10" s="191">
        <v>3</v>
      </c>
      <c r="CT10" s="191">
        <v>1</v>
      </c>
      <c r="CU10" s="191">
        <v>1</v>
      </c>
      <c r="CV10" s="196">
        <v>5</v>
      </c>
      <c r="CW10" s="195">
        <v>5</v>
      </c>
    </row>
    <row r="11" spans="2:101" ht="21" customHeight="1" x14ac:dyDescent="0.2">
      <c r="B11" s="106" t="s">
        <v>8</v>
      </c>
      <c r="C11" s="190">
        <v>0</v>
      </c>
      <c r="D11" s="196">
        <v>0</v>
      </c>
      <c r="E11" s="207">
        <v>0</v>
      </c>
      <c r="F11" s="193">
        <v>0</v>
      </c>
      <c r="G11" s="191">
        <v>0</v>
      </c>
      <c r="H11" s="191">
        <v>0</v>
      </c>
      <c r="I11" s="191">
        <v>0</v>
      </c>
      <c r="J11" s="191">
        <v>0</v>
      </c>
      <c r="K11" s="191">
        <v>0</v>
      </c>
      <c r="L11" s="194">
        <v>0</v>
      </c>
      <c r="M11" s="195">
        <v>0</v>
      </c>
      <c r="N11" s="190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0</v>
      </c>
      <c r="T11" s="191">
        <v>0</v>
      </c>
      <c r="U11" s="191">
        <v>0</v>
      </c>
      <c r="V11" s="191">
        <v>0</v>
      </c>
      <c r="W11" s="196">
        <v>0</v>
      </c>
      <c r="X11" s="195">
        <v>0</v>
      </c>
      <c r="Y11" s="190">
        <v>0</v>
      </c>
      <c r="Z11" s="191">
        <v>0</v>
      </c>
      <c r="AA11" s="196">
        <v>0</v>
      </c>
      <c r="AB11" s="193">
        <v>0</v>
      </c>
      <c r="AC11" s="191">
        <v>27</v>
      </c>
      <c r="AD11" s="191">
        <v>42</v>
      </c>
      <c r="AE11" s="191">
        <v>11</v>
      </c>
      <c r="AF11" s="191">
        <v>6</v>
      </c>
      <c r="AG11" s="191">
        <v>1</v>
      </c>
      <c r="AH11" s="196">
        <v>87</v>
      </c>
      <c r="AI11" s="195">
        <v>87</v>
      </c>
      <c r="AJ11" s="190">
        <v>0</v>
      </c>
      <c r="AK11" s="191">
        <v>0</v>
      </c>
      <c r="AL11" s="196">
        <v>0</v>
      </c>
      <c r="AM11" s="193">
        <v>0</v>
      </c>
      <c r="AN11" s="191">
        <v>0</v>
      </c>
      <c r="AO11" s="191">
        <v>0</v>
      </c>
      <c r="AP11" s="191">
        <v>0</v>
      </c>
      <c r="AQ11" s="191">
        <v>0</v>
      </c>
      <c r="AR11" s="191">
        <v>0</v>
      </c>
      <c r="AS11" s="196">
        <v>0</v>
      </c>
      <c r="AT11" s="195">
        <v>0</v>
      </c>
      <c r="AU11" s="190">
        <v>0</v>
      </c>
      <c r="AV11" s="191">
        <v>1</v>
      </c>
      <c r="AW11" s="196">
        <v>1</v>
      </c>
      <c r="AX11" s="193">
        <v>0</v>
      </c>
      <c r="AY11" s="191">
        <v>1</v>
      </c>
      <c r="AZ11" s="191">
        <v>0</v>
      </c>
      <c r="BA11" s="191">
        <v>0</v>
      </c>
      <c r="BB11" s="191">
        <v>2</v>
      </c>
      <c r="BC11" s="191">
        <v>0</v>
      </c>
      <c r="BD11" s="196">
        <v>3</v>
      </c>
      <c r="BE11" s="195">
        <v>4</v>
      </c>
      <c r="BF11" s="190">
        <v>0</v>
      </c>
      <c r="BG11" s="191">
        <v>0</v>
      </c>
      <c r="BH11" s="196">
        <v>0</v>
      </c>
      <c r="BI11" s="193">
        <v>0</v>
      </c>
      <c r="BJ11" s="191">
        <v>2</v>
      </c>
      <c r="BK11" s="191">
        <v>2</v>
      </c>
      <c r="BL11" s="191">
        <v>5</v>
      </c>
      <c r="BM11" s="191">
        <v>3</v>
      </c>
      <c r="BN11" s="191">
        <v>1</v>
      </c>
      <c r="BO11" s="194">
        <v>13</v>
      </c>
      <c r="BP11" s="195">
        <v>13</v>
      </c>
      <c r="BQ11" s="190">
        <v>0</v>
      </c>
      <c r="BR11" s="191">
        <v>0</v>
      </c>
      <c r="BS11" s="196">
        <v>0</v>
      </c>
      <c r="BT11" s="193">
        <v>0</v>
      </c>
      <c r="BU11" s="191">
        <v>0</v>
      </c>
      <c r="BV11" s="191">
        <v>0</v>
      </c>
      <c r="BW11" s="191">
        <v>1</v>
      </c>
      <c r="BX11" s="191">
        <v>0</v>
      </c>
      <c r="BY11" s="191">
        <v>2</v>
      </c>
      <c r="BZ11" s="196">
        <v>3</v>
      </c>
      <c r="CA11" s="195">
        <v>3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0</v>
      </c>
      <c r="CI11" s="191">
        <v>0</v>
      </c>
      <c r="CJ11" s="191">
        <v>0</v>
      </c>
      <c r="CK11" s="196">
        <v>0</v>
      </c>
      <c r="CL11" s="195">
        <v>0</v>
      </c>
      <c r="CM11" s="190">
        <v>0</v>
      </c>
      <c r="CN11" s="191">
        <v>0</v>
      </c>
      <c r="CO11" s="196">
        <v>0</v>
      </c>
      <c r="CP11" s="193">
        <v>0</v>
      </c>
      <c r="CQ11" s="191">
        <v>2</v>
      </c>
      <c r="CR11" s="191">
        <v>1</v>
      </c>
      <c r="CS11" s="191">
        <v>1</v>
      </c>
      <c r="CT11" s="191">
        <v>2</v>
      </c>
      <c r="CU11" s="191">
        <v>0</v>
      </c>
      <c r="CV11" s="196">
        <v>6</v>
      </c>
      <c r="CW11" s="195">
        <v>6</v>
      </c>
    </row>
    <row r="12" spans="2:101" ht="21" customHeight="1" x14ac:dyDescent="0.2">
      <c r="B12" s="106" t="s">
        <v>9</v>
      </c>
      <c r="C12" s="190">
        <v>0</v>
      </c>
      <c r="D12" s="196">
        <v>0</v>
      </c>
      <c r="E12" s="207">
        <v>0</v>
      </c>
      <c r="F12" s="193">
        <v>0</v>
      </c>
      <c r="G12" s="191">
        <v>0</v>
      </c>
      <c r="H12" s="191">
        <v>0</v>
      </c>
      <c r="I12" s="191">
        <v>2</v>
      </c>
      <c r="J12" s="191">
        <v>0</v>
      </c>
      <c r="K12" s="191">
        <v>0</v>
      </c>
      <c r="L12" s="194">
        <v>2</v>
      </c>
      <c r="M12" s="195">
        <v>2</v>
      </c>
      <c r="N12" s="190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0</v>
      </c>
      <c r="T12" s="191">
        <v>0</v>
      </c>
      <c r="U12" s="191">
        <v>0</v>
      </c>
      <c r="V12" s="191">
        <v>0</v>
      </c>
      <c r="W12" s="196">
        <v>0</v>
      </c>
      <c r="X12" s="195">
        <v>0</v>
      </c>
      <c r="Y12" s="190">
        <v>0</v>
      </c>
      <c r="Z12" s="191">
        <v>0</v>
      </c>
      <c r="AA12" s="196">
        <v>0</v>
      </c>
      <c r="AB12" s="193">
        <v>0</v>
      </c>
      <c r="AC12" s="191">
        <v>52</v>
      </c>
      <c r="AD12" s="191">
        <v>22</v>
      </c>
      <c r="AE12" s="191">
        <v>9</v>
      </c>
      <c r="AF12" s="191">
        <v>5</v>
      </c>
      <c r="AG12" s="191">
        <v>3</v>
      </c>
      <c r="AH12" s="196">
        <v>91</v>
      </c>
      <c r="AI12" s="195">
        <v>91</v>
      </c>
      <c r="AJ12" s="190">
        <v>0</v>
      </c>
      <c r="AK12" s="191">
        <v>0</v>
      </c>
      <c r="AL12" s="196">
        <v>0</v>
      </c>
      <c r="AM12" s="193">
        <v>0</v>
      </c>
      <c r="AN12" s="191">
        <v>0</v>
      </c>
      <c r="AO12" s="191">
        <v>1</v>
      </c>
      <c r="AP12" s="191">
        <v>0</v>
      </c>
      <c r="AQ12" s="191">
        <v>0</v>
      </c>
      <c r="AR12" s="191">
        <v>1</v>
      </c>
      <c r="AS12" s="196">
        <v>2</v>
      </c>
      <c r="AT12" s="195">
        <v>2</v>
      </c>
      <c r="AU12" s="190">
        <v>0</v>
      </c>
      <c r="AV12" s="191">
        <v>0</v>
      </c>
      <c r="AW12" s="196">
        <v>0</v>
      </c>
      <c r="AX12" s="193">
        <v>0</v>
      </c>
      <c r="AY12" s="191">
        <v>1</v>
      </c>
      <c r="AZ12" s="191">
        <v>3</v>
      </c>
      <c r="BA12" s="191">
        <v>1</v>
      </c>
      <c r="BB12" s="191">
        <v>1</v>
      </c>
      <c r="BC12" s="191">
        <v>1</v>
      </c>
      <c r="BD12" s="196">
        <v>7</v>
      </c>
      <c r="BE12" s="195">
        <v>7</v>
      </c>
      <c r="BF12" s="190">
        <v>0</v>
      </c>
      <c r="BG12" s="191">
        <v>0</v>
      </c>
      <c r="BH12" s="196">
        <v>0</v>
      </c>
      <c r="BI12" s="193">
        <v>0</v>
      </c>
      <c r="BJ12" s="191">
        <v>1</v>
      </c>
      <c r="BK12" s="191">
        <v>3</v>
      </c>
      <c r="BL12" s="191">
        <v>7</v>
      </c>
      <c r="BM12" s="191">
        <v>4</v>
      </c>
      <c r="BN12" s="191">
        <v>1</v>
      </c>
      <c r="BO12" s="194">
        <v>16</v>
      </c>
      <c r="BP12" s="195">
        <v>16</v>
      </c>
      <c r="BQ12" s="190">
        <v>0</v>
      </c>
      <c r="BR12" s="191">
        <v>0</v>
      </c>
      <c r="BS12" s="196">
        <v>0</v>
      </c>
      <c r="BT12" s="193">
        <v>0</v>
      </c>
      <c r="BU12" s="191">
        <v>0</v>
      </c>
      <c r="BV12" s="191">
        <v>1</v>
      </c>
      <c r="BW12" s="191">
        <v>1</v>
      </c>
      <c r="BX12" s="191">
        <v>0</v>
      </c>
      <c r="BY12" s="191">
        <v>0</v>
      </c>
      <c r="BZ12" s="196">
        <v>2</v>
      </c>
      <c r="CA12" s="195">
        <v>2</v>
      </c>
      <c r="CB12" s="190">
        <v>0</v>
      </c>
      <c r="CC12" s="191">
        <v>0</v>
      </c>
      <c r="CD12" s="196">
        <v>0</v>
      </c>
      <c r="CE12" s="193">
        <v>0</v>
      </c>
      <c r="CF12" s="191">
        <v>0</v>
      </c>
      <c r="CG12" s="191">
        <v>0</v>
      </c>
      <c r="CH12" s="191">
        <v>0</v>
      </c>
      <c r="CI12" s="191">
        <v>0</v>
      </c>
      <c r="CJ12" s="191">
        <v>0</v>
      </c>
      <c r="CK12" s="196">
        <v>0</v>
      </c>
      <c r="CL12" s="195">
        <v>0</v>
      </c>
      <c r="CM12" s="190">
        <v>0</v>
      </c>
      <c r="CN12" s="191">
        <v>0</v>
      </c>
      <c r="CO12" s="196">
        <v>0</v>
      </c>
      <c r="CP12" s="193">
        <v>0</v>
      </c>
      <c r="CQ12" s="191">
        <v>0</v>
      </c>
      <c r="CR12" s="191">
        <v>1</v>
      </c>
      <c r="CS12" s="191">
        <v>0</v>
      </c>
      <c r="CT12" s="191">
        <v>0</v>
      </c>
      <c r="CU12" s="191">
        <v>0</v>
      </c>
      <c r="CV12" s="196">
        <v>1</v>
      </c>
      <c r="CW12" s="195">
        <v>1</v>
      </c>
    </row>
    <row r="13" spans="2:101" ht="21" customHeight="1" x14ac:dyDescent="0.2">
      <c r="B13" s="106" t="s">
        <v>10</v>
      </c>
      <c r="C13" s="190">
        <v>0</v>
      </c>
      <c r="D13" s="196">
        <v>0</v>
      </c>
      <c r="E13" s="207">
        <v>0</v>
      </c>
      <c r="F13" s="193">
        <v>0</v>
      </c>
      <c r="G13" s="191">
        <v>1</v>
      </c>
      <c r="H13" s="191">
        <v>0</v>
      </c>
      <c r="I13" s="191">
        <v>1</v>
      </c>
      <c r="J13" s="191">
        <v>0</v>
      </c>
      <c r="K13" s="191">
        <v>0</v>
      </c>
      <c r="L13" s="194">
        <v>2</v>
      </c>
      <c r="M13" s="195">
        <v>2</v>
      </c>
      <c r="N13" s="190">
        <v>0</v>
      </c>
      <c r="O13" s="191">
        <v>0</v>
      </c>
      <c r="P13" s="196">
        <v>0</v>
      </c>
      <c r="Q13" s="193">
        <v>0</v>
      </c>
      <c r="R13" s="191">
        <v>1</v>
      </c>
      <c r="S13" s="191">
        <v>0</v>
      </c>
      <c r="T13" s="191">
        <v>1</v>
      </c>
      <c r="U13" s="191">
        <v>0</v>
      </c>
      <c r="V13" s="191">
        <v>0</v>
      </c>
      <c r="W13" s="196">
        <v>2</v>
      </c>
      <c r="X13" s="195">
        <v>2</v>
      </c>
      <c r="Y13" s="190">
        <v>0</v>
      </c>
      <c r="Z13" s="191">
        <v>0</v>
      </c>
      <c r="AA13" s="196">
        <v>0</v>
      </c>
      <c r="AB13" s="193">
        <v>0</v>
      </c>
      <c r="AC13" s="191">
        <v>42</v>
      </c>
      <c r="AD13" s="191">
        <v>19</v>
      </c>
      <c r="AE13" s="191">
        <v>5</v>
      </c>
      <c r="AF13" s="191">
        <v>3</v>
      </c>
      <c r="AG13" s="191">
        <v>2</v>
      </c>
      <c r="AH13" s="196">
        <v>71</v>
      </c>
      <c r="AI13" s="195">
        <v>71</v>
      </c>
      <c r="AJ13" s="190">
        <v>0</v>
      </c>
      <c r="AK13" s="191">
        <v>0</v>
      </c>
      <c r="AL13" s="196">
        <v>0</v>
      </c>
      <c r="AM13" s="193">
        <v>0</v>
      </c>
      <c r="AN13" s="191">
        <v>4</v>
      </c>
      <c r="AO13" s="191">
        <v>1</v>
      </c>
      <c r="AP13" s="191">
        <v>1</v>
      </c>
      <c r="AQ13" s="191">
        <v>0</v>
      </c>
      <c r="AR13" s="191">
        <v>0</v>
      </c>
      <c r="AS13" s="196">
        <v>6</v>
      </c>
      <c r="AT13" s="195">
        <v>6</v>
      </c>
      <c r="AU13" s="190">
        <v>0</v>
      </c>
      <c r="AV13" s="191">
        <v>1</v>
      </c>
      <c r="AW13" s="196">
        <v>1</v>
      </c>
      <c r="AX13" s="193">
        <v>0</v>
      </c>
      <c r="AY13" s="191">
        <v>3</v>
      </c>
      <c r="AZ13" s="191">
        <v>1</v>
      </c>
      <c r="BA13" s="191">
        <v>1</v>
      </c>
      <c r="BB13" s="191">
        <v>3</v>
      </c>
      <c r="BC13" s="191">
        <v>0</v>
      </c>
      <c r="BD13" s="196">
        <v>8</v>
      </c>
      <c r="BE13" s="195">
        <v>9</v>
      </c>
      <c r="BF13" s="190">
        <v>0</v>
      </c>
      <c r="BG13" s="191">
        <v>0</v>
      </c>
      <c r="BH13" s="196">
        <v>0</v>
      </c>
      <c r="BI13" s="193">
        <v>0</v>
      </c>
      <c r="BJ13" s="191">
        <v>7</v>
      </c>
      <c r="BK13" s="191">
        <v>7</v>
      </c>
      <c r="BL13" s="191">
        <v>9</v>
      </c>
      <c r="BM13" s="191">
        <v>4</v>
      </c>
      <c r="BN13" s="191">
        <v>5</v>
      </c>
      <c r="BO13" s="194">
        <v>32</v>
      </c>
      <c r="BP13" s="195">
        <v>32</v>
      </c>
      <c r="BQ13" s="190">
        <v>0</v>
      </c>
      <c r="BR13" s="191">
        <v>0</v>
      </c>
      <c r="BS13" s="196">
        <v>0</v>
      </c>
      <c r="BT13" s="193">
        <v>0</v>
      </c>
      <c r="BU13" s="191">
        <v>5</v>
      </c>
      <c r="BV13" s="191">
        <v>1</v>
      </c>
      <c r="BW13" s="191">
        <v>1</v>
      </c>
      <c r="BX13" s="191">
        <v>1</v>
      </c>
      <c r="BY13" s="191">
        <v>1</v>
      </c>
      <c r="BZ13" s="196">
        <v>9</v>
      </c>
      <c r="CA13" s="195">
        <v>9</v>
      </c>
      <c r="CB13" s="190">
        <v>0</v>
      </c>
      <c r="CC13" s="191">
        <v>0</v>
      </c>
      <c r="CD13" s="196">
        <v>0</v>
      </c>
      <c r="CE13" s="193">
        <v>0</v>
      </c>
      <c r="CF13" s="191">
        <v>0</v>
      </c>
      <c r="CG13" s="191">
        <v>1</v>
      </c>
      <c r="CH13" s="191">
        <v>1</v>
      </c>
      <c r="CI13" s="191">
        <v>3</v>
      </c>
      <c r="CJ13" s="191">
        <v>4</v>
      </c>
      <c r="CK13" s="196">
        <v>9</v>
      </c>
      <c r="CL13" s="195">
        <v>9</v>
      </c>
      <c r="CM13" s="190">
        <v>0</v>
      </c>
      <c r="CN13" s="191">
        <v>0</v>
      </c>
      <c r="CO13" s="196">
        <v>0</v>
      </c>
      <c r="CP13" s="193">
        <v>0</v>
      </c>
      <c r="CQ13" s="191">
        <v>2</v>
      </c>
      <c r="CR13" s="191">
        <v>3</v>
      </c>
      <c r="CS13" s="191">
        <v>2</v>
      </c>
      <c r="CT13" s="191">
        <v>3</v>
      </c>
      <c r="CU13" s="191">
        <v>1</v>
      </c>
      <c r="CV13" s="196">
        <v>11</v>
      </c>
      <c r="CW13" s="195">
        <v>11</v>
      </c>
    </row>
    <row r="14" spans="2:101" ht="21" customHeight="1" x14ac:dyDescent="0.2">
      <c r="B14" s="106" t="s">
        <v>11</v>
      </c>
      <c r="C14" s="190">
        <v>0</v>
      </c>
      <c r="D14" s="196">
        <v>0</v>
      </c>
      <c r="E14" s="207">
        <v>0</v>
      </c>
      <c r="F14" s="193">
        <v>0</v>
      </c>
      <c r="G14" s="191">
        <v>3</v>
      </c>
      <c r="H14" s="191">
        <v>0</v>
      </c>
      <c r="I14" s="191">
        <v>0</v>
      </c>
      <c r="J14" s="191">
        <v>0</v>
      </c>
      <c r="K14" s="191">
        <v>0</v>
      </c>
      <c r="L14" s="194">
        <v>3</v>
      </c>
      <c r="M14" s="195">
        <v>3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0</v>
      </c>
      <c r="T14" s="191">
        <v>0</v>
      </c>
      <c r="U14" s="191">
        <v>0</v>
      </c>
      <c r="V14" s="191">
        <v>0</v>
      </c>
      <c r="W14" s="196">
        <v>0</v>
      </c>
      <c r="X14" s="195">
        <v>0</v>
      </c>
      <c r="Y14" s="190">
        <v>0</v>
      </c>
      <c r="Z14" s="191">
        <v>0</v>
      </c>
      <c r="AA14" s="196">
        <v>0</v>
      </c>
      <c r="AB14" s="193">
        <v>0</v>
      </c>
      <c r="AC14" s="191">
        <v>25</v>
      </c>
      <c r="AD14" s="191">
        <v>9</v>
      </c>
      <c r="AE14" s="191">
        <v>6</v>
      </c>
      <c r="AF14" s="191">
        <v>3</v>
      </c>
      <c r="AG14" s="191">
        <v>1</v>
      </c>
      <c r="AH14" s="196">
        <v>44</v>
      </c>
      <c r="AI14" s="195">
        <v>44</v>
      </c>
      <c r="AJ14" s="190">
        <v>0</v>
      </c>
      <c r="AK14" s="191">
        <v>0</v>
      </c>
      <c r="AL14" s="196">
        <v>0</v>
      </c>
      <c r="AM14" s="193">
        <v>0</v>
      </c>
      <c r="AN14" s="191">
        <v>1</v>
      </c>
      <c r="AO14" s="191">
        <v>1</v>
      </c>
      <c r="AP14" s="191">
        <v>2</v>
      </c>
      <c r="AQ14" s="191">
        <v>0</v>
      </c>
      <c r="AR14" s="191">
        <v>0</v>
      </c>
      <c r="AS14" s="196">
        <v>4</v>
      </c>
      <c r="AT14" s="195">
        <v>4</v>
      </c>
      <c r="AU14" s="190">
        <v>0</v>
      </c>
      <c r="AV14" s="191">
        <v>0</v>
      </c>
      <c r="AW14" s="196">
        <v>0</v>
      </c>
      <c r="AX14" s="193">
        <v>0</v>
      </c>
      <c r="AY14" s="191">
        <v>2</v>
      </c>
      <c r="AZ14" s="191">
        <v>1</v>
      </c>
      <c r="BA14" s="191">
        <v>2</v>
      </c>
      <c r="BB14" s="191">
        <v>0</v>
      </c>
      <c r="BC14" s="191">
        <v>0</v>
      </c>
      <c r="BD14" s="196">
        <v>5</v>
      </c>
      <c r="BE14" s="195">
        <v>5</v>
      </c>
      <c r="BF14" s="190">
        <v>0</v>
      </c>
      <c r="BG14" s="191">
        <v>0</v>
      </c>
      <c r="BH14" s="196">
        <v>0</v>
      </c>
      <c r="BI14" s="193">
        <v>0</v>
      </c>
      <c r="BJ14" s="191">
        <v>1</v>
      </c>
      <c r="BK14" s="191">
        <v>4</v>
      </c>
      <c r="BL14" s="191">
        <v>1</v>
      </c>
      <c r="BM14" s="191">
        <v>3</v>
      </c>
      <c r="BN14" s="191">
        <v>0</v>
      </c>
      <c r="BO14" s="194">
        <v>9</v>
      </c>
      <c r="BP14" s="195">
        <v>9</v>
      </c>
      <c r="BQ14" s="190">
        <v>0</v>
      </c>
      <c r="BR14" s="191">
        <v>0</v>
      </c>
      <c r="BS14" s="196">
        <v>0</v>
      </c>
      <c r="BT14" s="193">
        <v>0</v>
      </c>
      <c r="BU14" s="191">
        <v>0</v>
      </c>
      <c r="BV14" s="191">
        <v>0</v>
      </c>
      <c r="BW14" s="191">
        <v>0</v>
      </c>
      <c r="BX14" s="191">
        <v>0</v>
      </c>
      <c r="BY14" s="191">
        <v>0</v>
      </c>
      <c r="BZ14" s="196">
        <v>0</v>
      </c>
      <c r="CA14" s="195">
        <v>0</v>
      </c>
      <c r="CB14" s="190">
        <v>0</v>
      </c>
      <c r="CC14" s="191">
        <v>0</v>
      </c>
      <c r="CD14" s="196">
        <v>0</v>
      </c>
      <c r="CE14" s="193">
        <v>0</v>
      </c>
      <c r="CF14" s="191">
        <v>0</v>
      </c>
      <c r="CG14" s="191">
        <v>0</v>
      </c>
      <c r="CH14" s="191">
        <v>0</v>
      </c>
      <c r="CI14" s="191">
        <v>0</v>
      </c>
      <c r="CJ14" s="191">
        <v>0</v>
      </c>
      <c r="CK14" s="196">
        <v>0</v>
      </c>
      <c r="CL14" s="195">
        <v>0</v>
      </c>
      <c r="CM14" s="190">
        <v>0</v>
      </c>
      <c r="CN14" s="191">
        <v>0</v>
      </c>
      <c r="CO14" s="196">
        <v>0</v>
      </c>
      <c r="CP14" s="193">
        <v>0</v>
      </c>
      <c r="CQ14" s="191">
        <v>1</v>
      </c>
      <c r="CR14" s="191">
        <v>1</v>
      </c>
      <c r="CS14" s="191">
        <v>2</v>
      </c>
      <c r="CT14" s="191">
        <v>0</v>
      </c>
      <c r="CU14" s="191">
        <v>1</v>
      </c>
      <c r="CV14" s="196">
        <v>5</v>
      </c>
      <c r="CW14" s="195">
        <v>5</v>
      </c>
    </row>
    <row r="15" spans="2:101" ht="21" customHeight="1" x14ac:dyDescent="0.2">
      <c r="B15" s="106" t="s">
        <v>12</v>
      </c>
      <c r="C15" s="190">
        <v>0</v>
      </c>
      <c r="D15" s="196">
        <v>0</v>
      </c>
      <c r="E15" s="207">
        <v>0</v>
      </c>
      <c r="F15" s="193">
        <v>0</v>
      </c>
      <c r="G15" s="191">
        <v>0</v>
      </c>
      <c r="H15" s="191">
        <v>0</v>
      </c>
      <c r="I15" s="191">
        <v>0</v>
      </c>
      <c r="J15" s="191">
        <v>0</v>
      </c>
      <c r="K15" s="191">
        <v>0</v>
      </c>
      <c r="L15" s="194">
        <v>0</v>
      </c>
      <c r="M15" s="195">
        <v>0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  <c r="Y15" s="190">
        <v>0</v>
      </c>
      <c r="Z15" s="191">
        <v>0</v>
      </c>
      <c r="AA15" s="196">
        <v>0</v>
      </c>
      <c r="AB15" s="193">
        <v>0</v>
      </c>
      <c r="AC15" s="191">
        <v>27</v>
      </c>
      <c r="AD15" s="191">
        <v>20</v>
      </c>
      <c r="AE15" s="191">
        <v>9</v>
      </c>
      <c r="AF15" s="191">
        <v>7</v>
      </c>
      <c r="AG15" s="191">
        <v>3</v>
      </c>
      <c r="AH15" s="196">
        <v>66</v>
      </c>
      <c r="AI15" s="195">
        <v>66</v>
      </c>
      <c r="AJ15" s="190">
        <v>0</v>
      </c>
      <c r="AK15" s="191">
        <v>0</v>
      </c>
      <c r="AL15" s="196">
        <v>0</v>
      </c>
      <c r="AM15" s="193">
        <v>0</v>
      </c>
      <c r="AN15" s="191">
        <v>0</v>
      </c>
      <c r="AO15" s="191">
        <v>0</v>
      </c>
      <c r="AP15" s="191">
        <v>0</v>
      </c>
      <c r="AQ15" s="191">
        <v>0</v>
      </c>
      <c r="AR15" s="191">
        <v>0</v>
      </c>
      <c r="AS15" s="196">
        <v>0</v>
      </c>
      <c r="AT15" s="195">
        <v>0</v>
      </c>
      <c r="AU15" s="190">
        <v>0</v>
      </c>
      <c r="AV15" s="191">
        <v>0</v>
      </c>
      <c r="AW15" s="196">
        <v>0</v>
      </c>
      <c r="AX15" s="193">
        <v>0</v>
      </c>
      <c r="AY15" s="191">
        <v>2</v>
      </c>
      <c r="AZ15" s="191">
        <v>2</v>
      </c>
      <c r="BA15" s="191">
        <v>4</v>
      </c>
      <c r="BB15" s="191">
        <v>3</v>
      </c>
      <c r="BC15" s="191">
        <v>4</v>
      </c>
      <c r="BD15" s="196">
        <v>15</v>
      </c>
      <c r="BE15" s="195">
        <v>15</v>
      </c>
      <c r="BF15" s="190">
        <v>0</v>
      </c>
      <c r="BG15" s="191">
        <v>0</v>
      </c>
      <c r="BH15" s="196">
        <v>0</v>
      </c>
      <c r="BI15" s="193">
        <v>0</v>
      </c>
      <c r="BJ15" s="191">
        <v>3</v>
      </c>
      <c r="BK15" s="191">
        <v>0</v>
      </c>
      <c r="BL15" s="191">
        <v>1</v>
      </c>
      <c r="BM15" s="191">
        <v>2</v>
      </c>
      <c r="BN15" s="191">
        <v>1</v>
      </c>
      <c r="BO15" s="194">
        <v>7</v>
      </c>
      <c r="BP15" s="195">
        <v>7</v>
      </c>
      <c r="BQ15" s="190">
        <v>0</v>
      </c>
      <c r="BR15" s="191">
        <v>0</v>
      </c>
      <c r="BS15" s="196">
        <v>0</v>
      </c>
      <c r="BT15" s="193">
        <v>0</v>
      </c>
      <c r="BU15" s="191">
        <v>0</v>
      </c>
      <c r="BV15" s="191">
        <v>3</v>
      </c>
      <c r="BW15" s="191">
        <v>0</v>
      </c>
      <c r="BX15" s="191">
        <v>3</v>
      </c>
      <c r="BY15" s="191">
        <v>2</v>
      </c>
      <c r="BZ15" s="196">
        <v>8</v>
      </c>
      <c r="CA15" s="195">
        <v>8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0</v>
      </c>
      <c r="CH15" s="191">
        <v>0</v>
      </c>
      <c r="CI15" s="191">
        <v>1</v>
      </c>
      <c r="CJ15" s="191">
        <v>1</v>
      </c>
      <c r="CK15" s="196">
        <v>2</v>
      </c>
      <c r="CL15" s="195">
        <v>2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1</v>
      </c>
      <c r="CS15" s="191">
        <v>0</v>
      </c>
      <c r="CT15" s="191">
        <v>1</v>
      </c>
      <c r="CU15" s="191">
        <v>0</v>
      </c>
      <c r="CV15" s="196">
        <v>2</v>
      </c>
      <c r="CW15" s="195">
        <v>2</v>
      </c>
    </row>
    <row r="16" spans="2:101" ht="21" customHeight="1" x14ac:dyDescent="0.2">
      <c r="B16" s="106" t="s">
        <v>13</v>
      </c>
      <c r="C16" s="190">
        <v>0</v>
      </c>
      <c r="D16" s="196">
        <v>0</v>
      </c>
      <c r="E16" s="207">
        <v>0</v>
      </c>
      <c r="F16" s="193">
        <v>0</v>
      </c>
      <c r="G16" s="191">
        <v>0</v>
      </c>
      <c r="H16" s="191">
        <v>0</v>
      </c>
      <c r="I16" s="191">
        <v>0</v>
      </c>
      <c r="J16" s="191">
        <v>0</v>
      </c>
      <c r="K16" s="191">
        <v>0</v>
      </c>
      <c r="L16" s="194">
        <v>0</v>
      </c>
      <c r="M16" s="195">
        <v>0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0</v>
      </c>
      <c r="T16" s="191">
        <v>0</v>
      </c>
      <c r="U16" s="191">
        <v>0</v>
      </c>
      <c r="V16" s="191">
        <v>0</v>
      </c>
      <c r="W16" s="196">
        <v>0</v>
      </c>
      <c r="X16" s="195">
        <v>0</v>
      </c>
      <c r="Y16" s="190">
        <v>0</v>
      </c>
      <c r="Z16" s="191">
        <v>0</v>
      </c>
      <c r="AA16" s="196">
        <v>0</v>
      </c>
      <c r="AB16" s="193">
        <v>0</v>
      </c>
      <c r="AC16" s="191">
        <v>21</v>
      </c>
      <c r="AD16" s="191">
        <v>21</v>
      </c>
      <c r="AE16" s="191">
        <v>7</v>
      </c>
      <c r="AF16" s="191">
        <v>1</v>
      </c>
      <c r="AG16" s="191">
        <v>0</v>
      </c>
      <c r="AH16" s="196">
        <v>50</v>
      </c>
      <c r="AI16" s="195">
        <v>50</v>
      </c>
      <c r="AJ16" s="190">
        <v>0</v>
      </c>
      <c r="AK16" s="191">
        <v>0</v>
      </c>
      <c r="AL16" s="196">
        <v>0</v>
      </c>
      <c r="AM16" s="193">
        <v>0</v>
      </c>
      <c r="AN16" s="191">
        <v>0</v>
      </c>
      <c r="AO16" s="191">
        <v>1</v>
      </c>
      <c r="AP16" s="191">
        <v>1</v>
      </c>
      <c r="AQ16" s="191">
        <v>0</v>
      </c>
      <c r="AR16" s="191">
        <v>2</v>
      </c>
      <c r="AS16" s="196">
        <v>4</v>
      </c>
      <c r="AT16" s="195">
        <v>4</v>
      </c>
      <c r="AU16" s="190">
        <v>1</v>
      </c>
      <c r="AV16" s="191">
        <v>0</v>
      </c>
      <c r="AW16" s="196">
        <v>1</v>
      </c>
      <c r="AX16" s="193">
        <v>0</v>
      </c>
      <c r="AY16" s="191">
        <v>0</v>
      </c>
      <c r="AZ16" s="191">
        <v>0</v>
      </c>
      <c r="BA16" s="191">
        <v>1</v>
      </c>
      <c r="BB16" s="191">
        <v>0</v>
      </c>
      <c r="BC16" s="191">
        <v>1</v>
      </c>
      <c r="BD16" s="196">
        <v>2</v>
      </c>
      <c r="BE16" s="195">
        <v>3</v>
      </c>
      <c r="BF16" s="190">
        <v>0</v>
      </c>
      <c r="BG16" s="191">
        <v>0</v>
      </c>
      <c r="BH16" s="196">
        <v>0</v>
      </c>
      <c r="BI16" s="193">
        <v>0</v>
      </c>
      <c r="BJ16" s="191">
        <v>0</v>
      </c>
      <c r="BK16" s="191">
        <v>1</v>
      </c>
      <c r="BL16" s="191">
        <v>2</v>
      </c>
      <c r="BM16" s="191">
        <v>2</v>
      </c>
      <c r="BN16" s="191">
        <v>0</v>
      </c>
      <c r="BO16" s="194">
        <v>5</v>
      </c>
      <c r="BP16" s="195">
        <v>5</v>
      </c>
      <c r="BQ16" s="190">
        <v>0</v>
      </c>
      <c r="BR16" s="191">
        <v>0</v>
      </c>
      <c r="BS16" s="196">
        <v>0</v>
      </c>
      <c r="BT16" s="193">
        <v>0</v>
      </c>
      <c r="BU16" s="191">
        <v>0</v>
      </c>
      <c r="BV16" s="191">
        <v>0</v>
      </c>
      <c r="BW16" s="191">
        <v>0</v>
      </c>
      <c r="BX16" s="191">
        <v>0</v>
      </c>
      <c r="BY16" s="191">
        <v>0</v>
      </c>
      <c r="BZ16" s="196">
        <v>0</v>
      </c>
      <c r="CA16" s="195">
        <v>0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0</v>
      </c>
      <c r="CH16" s="191">
        <v>0</v>
      </c>
      <c r="CI16" s="191">
        <v>0</v>
      </c>
      <c r="CJ16" s="191">
        <v>0</v>
      </c>
      <c r="CK16" s="196">
        <v>0</v>
      </c>
      <c r="CL16" s="195">
        <v>0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</row>
    <row r="17" spans="2:101" ht="21" customHeight="1" x14ac:dyDescent="0.2">
      <c r="B17" s="106" t="s">
        <v>15</v>
      </c>
      <c r="C17" s="190">
        <v>0</v>
      </c>
      <c r="D17" s="196">
        <v>0</v>
      </c>
      <c r="E17" s="207">
        <v>0</v>
      </c>
      <c r="F17" s="193">
        <v>0</v>
      </c>
      <c r="G17" s="191">
        <v>0</v>
      </c>
      <c r="H17" s="191">
        <v>0</v>
      </c>
      <c r="I17" s="191">
        <v>0</v>
      </c>
      <c r="J17" s="191">
        <v>0</v>
      </c>
      <c r="K17" s="191">
        <v>0</v>
      </c>
      <c r="L17" s="194">
        <v>0</v>
      </c>
      <c r="M17" s="195">
        <v>0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0</v>
      </c>
      <c r="W17" s="196">
        <v>0</v>
      </c>
      <c r="X17" s="195">
        <v>0</v>
      </c>
      <c r="Y17" s="190">
        <v>0</v>
      </c>
      <c r="Z17" s="191">
        <v>0</v>
      </c>
      <c r="AA17" s="196">
        <v>0</v>
      </c>
      <c r="AB17" s="193">
        <v>0</v>
      </c>
      <c r="AC17" s="191">
        <v>17</v>
      </c>
      <c r="AD17" s="191">
        <v>13</v>
      </c>
      <c r="AE17" s="191">
        <v>1</v>
      </c>
      <c r="AF17" s="191">
        <v>5</v>
      </c>
      <c r="AG17" s="191">
        <v>0</v>
      </c>
      <c r="AH17" s="196">
        <v>36</v>
      </c>
      <c r="AI17" s="195">
        <v>36</v>
      </c>
      <c r="AJ17" s="190">
        <v>0</v>
      </c>
      <c r="AK17" s="191">
        <v>0</v>
      </c>
      <c r="AL17" s="196">
        <v>0</v>
      </c>
      <c r="AM17" s="193">
        <v>0</v>
      </c>
      <c r="AN17" s="191">
        <v>0</v>
      </c>
      <c r="AO17" s="191">
        <v>0</v>
      </c>
      <c r="AP17" s="191">
        <v>0</v>
      </c>
      <c r="AQ17" s="191">
        <v>1</v>
      </c>
      <c r="AR17" s="191">
        <v>0</v>
      </c>
      <c r="AS17" s="196">
        <v>1</v>
      </c>
      <c r="AT17" s="195">
        <v>1</v>
      </c>
      <c r="AU17" s="190">
        <v>0</v>
      </c>
      <c r="AV17" s="191">
        <v>0</v>
      </c>
      <c r="AW17" s="196">
        <v>0</v>
      </c>
      <c r="AX17" s="193">
        <v>0</v>
      </c>
      <c r="AY17" s="191">
        <v>0</v>
      </c>
      <c r="AZ17" s="191">
        <v>1</v>
      </c>
      <c r="BA17" s="191">
        <v>0</v>
      </c>
      <c r="BB17" s="191">
        <v>0</v>
      </c>
      <c r="BC17" s="191">
        <v>1</v>
      </c>
      <c r="BD17" s="196">
        <v>2</v>
      </c>
      <c r="BE17" s="195">
        <v>2</v>
      </c>
      <c r="BF17" s="190">
        <v>0</v>
      </c>
      <c r="BG17" s="191">
        <v>0</v>
      </c>
      <c r="BH17" s="196">
        <v>0</v>
      </c>
      <c r="BI17" s="193">
        <v>0</v>
      </c>
      <c r="BJ17" s="191">
        <v>2</v>
      </c>
      <c r="BK17" s="191">
        <v>1</v>
      </c>
      <c r="BL17" s="191">
        <v>1</v>
      </c>
      <c r="BM17" s="191">
        <v>0</v>
      </c>
      <c r="BN17" s="191">
        <v>0</v>
      </c>
      <c r="BO17" s="194">
        <v>4</v>
      </c>
      <c r="BP17" s="195">
        <v>4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0</v>
      </c>
      <c r="BW17" s="191">
        <v>0</v>
      </c>
      <c r="BX17" s="191">
        <v>0</v>
      </c>
      <c r="BY17" s="191">
        <v>0</v>
      </c>
      <c r="BZ17" s="196">
        <v>0</v>
      </c>
      <c r="CA17" s="195">
        <v>0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0</v>
      </c>
      <c r="CH17" s="191">
        <v>0</v>
      </c>
      <c r="CI17" s="191">
        <v>0</v>
      </c>
      <c r="CJ17" s="191">
        <v>0</v>
      </c>
      <c r="CK17" s="196">
        <v>0</v>
      </c>
      <c r="CL17" s="195">
        <v>0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2</v>
      </c>
      <c r="CT17" s="191">
        <v>1</v>
      </c>
      <c r="CU17" s="191">
        <v>0</v>
      </c>
      <c r="CV17" s="196">
        <v>3</v>
      </c>
      <c r="CW17" s="195">
        <v>3</v>
      </c>
    </row>
    <row r="18" spans="2:101" ht="21" customHeight="1" x14ac:dyDescent="0.2">
      <c r="B18" s="106" t="s">
        <v>16</v>
      </c>
      <c r="C18" s="190">
        <v>0</v>
      </c>
      <c r="D18" s="196">
        <v>0</v>
      </c>
      <c r="E18" s="207">
        <v>0</v>
      </c>
      <c r="F18" s="193">
        <v>0</v>
      </c>
      <c r="G18" s="191">
        <v>0</v>
      </c>
      <c r="H18" s="191">
        <v>0</v>
      </c>
      <c r="I18" s="191">
        <v>0</v>
      </c>
      <c r="J18" s="191">
        <v>1</v>
      </c>
      <c r="K18" s="191">
        <v>0</v>
      </c>
      <c r="L18" s="194">
        <v>1</v>
      </c>
      <c r="M18" s="195">
        <v>1</v>
      </c>
      <c r="N18" s="190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0</v>
      </c>
      <c r="T18" s="191">
        <v>1</v>
      </c>
      <c r="U18" s="191">
        <v>1</v>
      </c>
      <c r="V18" s="191">
        <v>1</v>
      </c>
      <c r="W18" s="196">
        <v>3</v>
      </c>
      <c r="X18" s="195">
        <v>3</v>
      </c>
      <c r="Y18" s="190">
        <v>0</v>
      </c>
      <c r="Z18" s="191">
        <v>0</v>
      </c>
      <c r="AA18" s="196">
        <v>0</v>
      </c>
      <c r="AB18" s="193">
        <v>0</v>
      </c>
      <c r="AC18" s="191">
        <v>11</v>
      </c>
      <c r="AD18" s="191">
        <v>8</v>
      </c>
      <c r="AE18" s="191">
        <v>6</v>
      </c>
      <c r="AF18" s="191">
        <v>2</v>
      </c>
      <c r="AG18" s="191">
        <v>0</v>
      </c>
      <c r="AH18" s="196">
        <v>27</v>
      </c>
      <c r="AI18" s="195">
        <v>27</v>
      </c>
      <c r="AJ18" s="190">
        <v>0</v>
      </c>
      <c r="AK18" s="191">
        <v>0</v>
      </c>
      <c r="AL18" s="196">
        <v>0</v>
      </c>
      <c r="AM18" s="193">
        <v>0</v>
      </c>
      <c r="AN18" s="191">
        <v>0</v>
      </c>
      <c r="AO18" s="191">
        <v>0</v>
      </c>
      <c r="AP18" s="191">
        <v>1</v>
      </c>
      <c r="AQ18" s="191">
        <v>0</v>
      </c>
      <c r="AR18" s="191">
        <v>0</v>
      </c>
      <c r="AS18" s="196">
        <v>1</v>
      </c>
      <c r="AT18" s="195">
        <v>1</v>
      </c>
      <c r="AU18" s="190">
        <v>0</v>
      </c>
      <c r="AV18" s="191">
        <v>0</v>
      </c>
      <c r="AW18" s="196">
        <v>0</v>
      </c>
      <c r="AX18" s="193">
        <v>0</v>
      </c>
      <c r="AY18" s="191">
        <v>2</v>
      </c>
      <c r="AZ18" s="191">
        <v>0</v>
      </c>
      <c r="BA18" s="191">
        <v>0</v>
      </c>
      <c r="BB18" s="191">
        <v>1</v>
      </c>
      <c r="BC18" s="191">
        <v>0</v>
      </c>
      <c r="BD18" s="196">
        <v>3</v>
      </c>
      <c r="BE18" s="195">
        <v>3</v>
      </c>
      <c r="BF18" s="190">
        <v>0</v>
      </c>
      <c r="BG18" s="191">
        <v>0</v>
      </c>
      <c r="BH18" s="196">
        <v>0</v>
      </c>
      <c r="BI18" s="193">
        <v>0</v>
      </c>
      <c r="BJ18" s="191">
        <v>1</v>
      </c>
      <c r="BK18" s="191">
        <v>2</v>
      </c>
      <c r="BL18" s="191">
        <v>1</v>
      </c>
      <c r="BM18" s="191">
        <v>1</v>
      </c>
      <c r="BN18" s="191">
        <v>1</v>
      </c>
      <c r="BO18" s="194">
        <v>6</v>
      </c>
      <c r="BP18" s="195">
        <v>6</v>
      </c>
      <c r="BQ18" s="190">
        <v>0</v>
      </c>
      <c r="BR18" s="191">
        <v>0</v>
      </c>
      <c r="BS18" s="196">
        <v>0</v>
      </c>
      <c r="BT18" s="193">
        <v>0</v>
      </c>
      <c r="BU18" s="191">
        <v>0</v>
      </c>
      <c r="BV18" s="191">
        <v>0</v>
      </c>
      <c r="BW18" s="191">
        <v>0</v>
      </c>
      <c r="BX18" s="191">
        <v>0</v>
      </c>
      <c r="BY18" s="191">
        <v>0</v>
      </c>
      <c r="BZ18" s="196">
        <v>0</v>
      </c>
      <c r="CA18" s="195">
        <v>0</v>
      </c>
      <c r="CB18" s="190">
        <v>0</v>
      </c>
      <c r="CC18" s="191">
        <v>0</v>
      </c>
      <c r="CD18" s="196">
        <v>0</v>
      </c>
      <c r="CE18" s="193">
        <v>0</v>
      </c>
      <c r="CF18" s="191">
        <v>0</v>
      </c>
      <c r="CG18" s="191">
        <v>0</v>
      </c>
      <c r="CH18" s="191">
        <v>0</v>
      </c>
      <c r="CI18" s="191">
        <v>2</v>
      </c>
      <c r="CJ18" s="191">
        <v>0</v>
      </c>
      <c r="CK18" s="196">
        <v>2</v>
      </c>
      <c r="CL18" s="195">
        <v>2</v>
      </c>
      <c r="CM18" s="190">
        <v>0</v>
      </c>
      <c r="CN18" s="191">
        <v>0</v>
      </c>
      <c r="CO18" s="196">
        <v>0</v>
      </c>
      <c r="CP18" s="193">
        <v>0</v>
      </c>
      <c r="CQ18" s="191">
        <v>0</v>
      </c>
      <c r="CR18" s="191">
        <v>1</v>
      </c>
      <c r="CS18" s="191">
        <v>1</v>
      </c>
      <c r="CT18" s="191">
        <v>0</v>
      </c>
      <c r="CU18" s="191">
        <v>0</v>
      </c>
      <c r="CV18" s="196">
        <v>2</v>
      </c>
      <c r="CW18" s="195">
        <v>2</v>
      </c>
    </row>
    <row r="19" spans="2:101" ht="21" customHeight="1" x14ac:dyDescent="0.2">
      <c r="B19" s="106" t="s">
        <v>17</v>
      </c>
      <c r="C19" s="190">
        <v>0</v>
      </c>
      <c r="D19" s="196">
        <v>0</v>
      </c>
      <c r="E19" s="207">
        <v>0</v>
      </c>
      <c r="F19" s="193">
        <v>0</v>
      </c>
      <c r="G19" s="191">
        <v>0</v>
      </c>
      <c r="H19" s="191">
        <v>0</v>
      </c>
      <c r="I19" s="191">
        <v>0</v>
      </c>
      <c r="J19" s="191">
        <v>0</v>
      </c>
      <c r="K19" s="191">
        <v>0</v>
      </c>
      <c r="L19" s="194">
        <v>0</v>
      </c>
      <c r="M19" s="195">
        <v>0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0</v>
      </c>
      <c r="T19" s="191">
        <v>0</v>
      </c>
      <c r="U19" s="191">
        <v>0</v>
      </c>
      <c r="V19" s="191">
        <v>0</v>
      </c>
      <c r="W19" s="196">
        <v>0</v>
      </c>
      <c r="X19" s="195">
        <v>0</v>
      </c>
      <c r="Y19" s="190">
        <v>0</v>
      </c>
      <c r="Z19" s="191">
        <v>0</v>
      </c>
      <c r="AA19" s="196">
        <v>0</v>
      </c>
      <c r="AB19" s="193">
        <v>0</v>
      </c>
      <c r="AC19" s="191">
        <v>29</v>
      </c>
      <c r="AD19" s="191">
        <v>27</v>
      </c>
      <c r="AE19" s="191">
        <v>6</v>
      </c>
      <c r="AF19" s="191">
        <v>2</v>
      </c>
      <c r="AG19" s="191">
        <v>1</v>
      </c>
      <c r="AH19" s="196">
        <v>65</v>
      </c>
      <c r="AI19" s="195">
        <v>65</v>
      </c>
      <c r="AJ19" s="190">
        <v>0</v>
      </c>
      <c r="AK19" s="191">
        <v>0</v>
      </c>
      <c r="AL19" s="196">
        <v>0</v>
      </c>
      <c r="AM19" s="193">
        <v>0</v>
      </c>
      <c r="AN19" s="191">
        <v>2</v>
      </c>
      <c r="AO19" s="191">
        <v>2</v>
      </c>
      <c r="AP19" s="191">
        <v>0</v>
      </c>
      <c r="AQ19" s="191">
        <v>0</v>
      </c>
      <c r="AR19" s="191">
        <v>0</v>
      </c>
      <c r="AS19" s="196">
        <v>4</v>
      </c>
      <c r="AT19" s="195">
        <v>4</v>
      </c>
      <c r="AU19" s="190">
        <v>0</v>
      </c>
      <c r="AV19" s="191">
        <v>0</v>
      </c>
      <c r="AW19" s="196">
        <v>0</v>
      </c>
      <c r="AX19" s="193">
        <v>0</v>
      </c>
      <c r="AY19" s="191">
        <v>1</v>
      </c>
      <c r="AZ19" s="191">
        <v>5</v>
      </c>
      <c r="BA19" s="191">
        <v>1</v>
      </c>
      <c r="BB19" s="191">
        <v>1</v>
      </c>
      <c r="BC19" s="191">
        <v>1</v>
      </c>
      <c r="BD19" s="196">
        <v>9</v>
      </c>
      <c r="BE19" s="195">
        <v>9</v>
      </c>
      <c r="BF19" s="190">
        <v>0</v>
      </c>
      <c r="BG19" s="191">
        <v>0</v>
      </c>
      <c r="BH19" s="196">
        <v>0</v>
      </c>
      <c r="BI19" s="193">
        <v>0</v>
      </c>
      <c r="BJ19" s="191">
        <v>0</v>
      </c>
      <c r="BK19" s="191">
        <v>2</v>
      </c>
      <c r="BL19" s="191">
        <v>3</v>
      </c>
      <c r="BM19" s="191">
        <v>1</v>
      </c>
      <c r="BN19" s="191">
        <v>0</v>
      </c>
      <c r="BO19" s="194">
        <v>6</v>
      </c>
      <c r="BP19" s="195">
        <v>6</v>
      </c>
      <c r="BQ19" s="190">
        <v>0</v>
      </c>
      <c r="BR19" s="191">
        <v>0</v>
      </c>
      <c r="BS19" s="196">
        <v>0</v>
      </c>
      <c r="BT19" s="193">
        <v>0</v>
      </c>
      <c r="BU19" s="191">
        <v>0</v>
      </c>
      <c r="BV19" s="191">
        <v>0</v>
      </c>
      <c r="BW19" s="191">
        <v>0</v>
      </c>
      <c r="BX19" s="191">
        <v>0</v>
      </c>
      <c r="BY19" s="191">
        <v>0</v>
      </c>
      <c r="BZ19" s="196">
        <v>0</v>
      </c>
      <c r="CA19" s="195">
        <v>0</v>
      </c>
      <c r="CB19" s="190">
        <v>0</v>
      </c>
      <c r="CC19" s="191">
        <v>0</v>
      </c>
      <c r="CD19" s="196">
        <v>0</v>
      </c>
      <c r="CE19" s="193">
        <v>0</v>
      </c>
      <c r="CF19" s="191">
        <v>0</v>
      </c>
      <c r="CG19" s="191">
        <v>0</v>
      </c>
      <c r="CH19" s="191">
        <v>2</v>
      </c>
      <c r="CI19" s="191">
        <v>3</v>
      </c>
      <c r="CJ19" s="191">
        <v>4</v>
      </c>
      <c r="CK19" s="196">
        <v>9</v>
      </c>
      <c r="CL19" s="195">
        <v>9</v>
      </c>
      <c r="CM19" s="190">
        <v>0</v>
      </c>
      <c r="CN19" s="191">
        <v>0</v>
      </c>
      <c r="CO19" s="196">
        <v>0</v>
      </c>
      <c r="CP19" s="193">
        <v>0</v>
      </c>
      <c r="CQ19" s="191">
        <v>1</v>
      </c>
      <c r="CR19" s="191">
        <v>1</v>
      </c>
      <c r="CS19" s="191">
        <v>0</v>
      </c>
      <c r="CT19" s="191">
        <v>0</v>
      </c>
      <c r="CU19" s="191">
        <v>0</v>
      </c>
      <c r="CV19" s="196">
        <v>2</v>
      </c>
      <c r="CW19" s="195">
        <v>2</v>
      </c>
    </row>
    <row r="20" spans="2:101" ht="21" customHeight="1" x14ac:dyDescent="0.2">
      <c r="B20" s="106" t="s">
        <v>18</v>
      </c>
      <c r="C20" s="190">
        <v>0</v>
      </c>
      <c r="D20" s="196">
        <v>0</v>
      </c>
      <c r="E20" s="207">
        <v>0</v>
      </c>
      <c r="F20" s="193">
        <v>0</v>
      </c>
      <c r="G20" s="191">
        <v>1</v>
      </c>
      <c r="H20" s="191">
        <v>2</v>
      </c>
      <c r="I20" s="191">
        <v>1</v>
      </c>
      <c r="J20" s="191">
        <v>0</v>
      </c>
      <c r="K20" s="191">
        <v>0</v>
      </c>
      <c r="L20" s="194">
        <v>4</v>
      </c>
      <c r="M20" s="195">
        <v>4</v>
      </c>
      <c r="N20" s="190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0</v>
      </c>
      <c r="T20" s="191">
        <v>0</v>
      </c>
      <c r="U20" s="191">
        <v>0</v>
      </c>
      <c r="V20" s="191">
        <v>0</v>
      </c>
      <c r="W20" s="196">
        <v>0</v>
      </c>
      <c r="X20" s="195">
        <v>0</v>
      </c>
      <c r="Y20" s="190">
        <v>0</v>
      </c>
      <c r="Z20" s="191">
        <v>0</v>
      </c>
      <c r="AA20" s="196">
        <v>0</v>
      </c>
      <c r="AB20" s="193">
        <v>0</v>
      </c>
      <c r="AC20" s="191">
        <v>24</v>
      </c>
      <c r="AD20" s="191">
        <v>12</v>
      </c>
      <c r="AE20" s="191">
        <v>6</v>
      </c>
      <c r="AF20" s="191">
        <v>0</v>
      </c>
      <c r="AG20" s="191">
        <v>0</v>
      </c>
      <c r="AH20" s="196">
        <v>42</v>
      </c>
      <c r="AI20" s="195">
        <v>42</v>
      </c>
      <c r="AJ20" s="190">
        <v>0</v>
      </c>
      <c r="AK20" s="191">
        <v>0</v>
      </c>
      <c r="AL20" s="196">
        <v>0</v>
      </c>
      <c r="AM20" s="193">
        <v>0</v>
      </c>
      <c r="AN20" s="191">
        <v>1</v>
      </c>
      <c r="AO20" s="191">
        <v>1</v>
      </c>
      <c r="AP20" s="191">
        <v>3</v>
      </c>
      <c r="AQ20" s="191">
        <v>1</v>
      </c>
      <c r="AR20" s="191">
        <v>1</v>
      </c>
      <c r="AS20" s="196">
        <v>7</v>
      </c>
      <c r="AT20" s="195">
        <v>7</v>
      </c>
      <c r="AU20" s="190">
        <v>1</v>
      </c>
      <c r="AV20" s="191">
        <v>0</v>
      </c>
      <c r="AW20" s="196">
        <v>1</v>
      </c>
      <c r="AX20" s="193">
        <v>0</v>
      </c>
      <c r="AY20" s="191">
        <v>3</v>
      </c>
      <c r="AZ20" s="191">
        <v>2</v>
      </c>
      <c r="BA20" s="191">
        <v>4</v>
      </c>
      <c r="BB20" s="191">
        <v>2</v>
      </c>
      <c r="BC20" s="191">
        <v>0</v>
      </c>
      <c r="BD20" s="196">
        <v>11</v>
      </c>
      <c r="BE20" s="195">
        <v>12</v>
      </c>
      <c r="BF20" s="190">
        <v>0</v>
      </c>
      <c r="BG20" s="191">
        <v>0</v>
      </c>
      <c r="BH20" s="196">
        <v>0</v>
      </c>
      <c r="BI20" s="193">
        <v>0</v>
      </c>
      <c r="BJ20" s="191">
        <v>1</v>
      </c>
      <c r="BK20" s="191">
        <v>4</v>
      </c>
      <c r="BL20" s="191">
        <v>5</v>
      </c>
      <c r="BM20" s="191">
        <v>1</v>
      </c>
      <c r="BN20" s="191">
        <v>2</v>
      </c>
      <c r="BO20" s="194">
        <v>13</v>
      </c>
      <c r="BP20" s="195">
        <v>13</v>
      </c>
      <c r="BQ20" s="190">
        <v>0</v>
      </c>
      <c r="BR20" s="191">
        <v>0</v>
      </c>
      <c r="BS20" s="196">
        <v>0</v>
      </c>
      <c r="BT20" s="193">
        <v>0</v>
      </c>
      <c r="BU20" s="191">
        <v>0</v>
      </c>
      <c r="BV20" s="191">
        <v>0</v>
      </c>
      <c r="BW20" s="191">
        <v>0</v>
      </c>
      <c r="BX20" s="191">
        <v>0</v>
      </c>
      <c r="BY20" s="191">
        <v>0</v>
      </c>
      <c r="BZ20" s="196">
        <v>0</v>
      </c>
      <c r="CA20" s="195">
        <v>0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0</v>
      </c>
      <c r="CH20" s="191">
        <v>1</v>
      </c>
      <c r="CI20" s="191">
        <v>0</v>
      </c>
      <c r="CJ20" s="191">
        <v>1</v>
      </c>
      <c r="CK20" s="196">
        <v>2</v>
      </c>
      <c r="CL20" s="195">
        <v>2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0</v>
      </c>
      <c r="CT20" s="191">
        <v>1</v>
      </c>
      <c r="CU20" s="191">
        <v>1</v>
      </c>
      <c r="CV20" s="196">
        <v>2</v>
      </c>
      <c r="CW20" s="195">
        <v>2</v>
      </c>
    </row>
    <row r="21" spans="2:101" ht="21" customHeight="1" x14ac:dyDescent="0.2">
      <c r="B21" s="106" t="s">
        <v>19</v>
      </c>
      <c r="C21" s="190">
        <v>0</v>
      </c>
      <c r="D21" s="196">
        <v>0</v>
      </c>
      <c r="E21" s="207">
        <v>0</v>
      </c>
      <c r="F21" s="193">
        <v>0</v>
      </c>
      <c r="G21" s="191">
        <v>0</v>
      </c>
      <c r="H21" s="191">
        <v>0</v>
      </c>
      <c r="I21" s="191">
        <v>0</v>
      </c>
      <c r="J21" s="191">
        <v>0</v>
      </c>
      <c r="K21" s="191">
        <v>0</v>
      </c>
      <c r="L21" s="194">
        <v>0</v>
      </c>
      <c r="M21" s="195">
        <v>0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0</v>
      </c>
      <c r="T21" s="191">
        <v>0</v>
      </c>
      <c r="U21" s="191">
        <v>0</v>
      </c>
      <c r="V21" s="191">
        <v>0</v>
      </c>
      <c r="W21" s="196">
        <v>0</v>
      </c>
      <c r="X21" s="195">
        <v>0</v>
      </c>
      <c r="Y21" s="190">
        <v>0</v>
      </c>
      <c r="Z21" s="191">
        <v>0</v>
      </c>
      <c r="AA21" s="196">
        <v>0</v>
      </c>
      <c r="AB21" s="193">
        <v>0</v>
      </c>
      <c r="AC21" s="191">
        <v>7</v>
      </c>
      <c r="AD21" s="191">
        <v>2</v>
      </c>
      <c r="AE21" s="191">
        <v>0</v>
      </c>
      <c r="AF21" s="191">
        <v>0</v>
      </c>
      <c r="AG21" s="191">
        <v>0</v>
      </c>
      <c r="AH21" s="196">
        <v>9</v>
      </c>
      <c r="AI21" s="195">
        <v>9</v>
      </c>
      <c r="AJ21" s="190">
        <v>0</v>
      </c>
      <c r="AK21" s="191">
        <v>0</v>
      </c>
      <c r="AL21" s="196">
        <v>0</v>
      </c>
      <c r="AM21" s="193">
        <v>0</v>
      </c>
      <c r="AN21" s="191">
        <v>2</v>
      </c>
      <c r="AO21" s="191">
        <v>2</v>
      </c>
      <c r="AP21" s="191">
        <v>0</v>
      </c>
      <c r="AQ21" s="191">
        <v>1</v>
      </c>
      <c r="AR21" s="191">
        <v>0</v>
      </c>
      <c r="AS21" s="196">
        <v>5</v>
      </c>
      <c r="AT21" s="195">
        <v>5</v>
      </c>
      <c r="AU21" s="190">
        <v>0</v>
      </c>
      <c r="AV21" s="191">
        <v>0</v>
      </c>
      <c r="AW21" s="196">
        <v>0</v>
      </c>
      <c r="AX21" s="193">
        <v>0</v>
      </c>
      <c r="AY21" s="191">
        <v>3</v>
      </c>
      <c r="AZ21" s="191">
        <v>3</v>
      </c>
      <c r="BA21" s="191">
        <v>4</v>
      </c>
      <c r="BB21" s="191">
        <v>0</v>
      </c>
      <c r="BC21" s="191">
        <v>0</v>
      </c>
      <c r="BD21" s="196">
        <v>10</v>
      </c>
      <c r="BE21" s="195">
        <v>10</v>
      </c>
      <c r="BF21" s="190">
        <v>0</v>
      </c>
      <c r="BG21" s="191">
        <v>0</v>
      </c>
      <c r="BH21" s="196">
        <v>0</v>
      </c>
      <c r="BI21" s="193">
        <v>0</v>
      </c>
      <c r="BJ21" s="191">
        <v>1</v>
      </c>
      <c r="BK21" s="191">
        <v>1</v>
      </c>
      <c r="BL21" s="191">
        <v>1</v>
      </c>
      <c r="BM21" s="191">
        <v>0</v>
      </c>
      <c r="BN21" s="191">
        <v>0</v>
      </c>
      <c r="BO21" s="194">
        <v>3</v>
      </c>
      <c r="BP21" s="195">
        <v>3</v>
      </c>
      <c r="BQ21" s="190">
        <v>0</v>
      </c>
      <c r="BR21" s="191">
        <v>0</v>
      </c>
      <c r="BS21" s="196">
        <v>0</v>
      </c>
      <c r="BT21" s="193">
        <v>0</v>
      </c>
      <c r="BU21" s="191">
        <v>0</v>
      </c>
      <c r="BV21" s="191">
        <v>0</v>
      </c>
      <c r="BW21" s="191">
        <v>0</v>
      </c>
      <c r="BX21" s="191">
        <v>0</v>
      </c>
      <c r="BY21" s="191">
        <v>0</v>
      </c>
      <c r="BZ21" s="196">
        <v>0</v>
      </c>
      <c r="CA21" s="195">
        <v>0</v>
      </c>
      <c r="CB21" s="190">
        <v>0</v>
      </c>
      <c r="CC21" s="191">
        <v>0</v>
      </c>
      <c r="CD21" s="196">
        <v>0</v>
      </c>
      <c r="CE21" s="193">
        <v>0</v>
      </c>
      <c r="CF21" s="191">
        <v>0</v>
      </c>
      <c r="CG21" s="191">
        <v>0</v>
      </c>
      <c r="CH21" s="191">
        <v>0</v>
      </c>
      <c r="CI21" s="191">
        <v>0</v>
      </c>
      <c r="CJ21" s="191">
        <v>0</v>
      </c>
      <c r="CK21" s="196">
        <v>0</v>
      </c>
      <c r="CL21" s="195">
        <v>0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1</v>
      </c>
      <c r="CT21" s="191">
        <v>0</v>
      </c>
      <c r="CU21" s="191">
        <v>3</v>
      </c>
      <c r="CV21" s="196">
        <v>4</v>
      </c>
      <c r="CW21" s="195">
        <v>4</v>
      </c>
    </row>
    <row r="22" spans="2:101" ht="21" customHeight="1" x14ac:dyDescent="0.2">
      <c r="B22" s="106" t="s">
        <v>20</v>
      </c>
      <c r="C22" s="190">
        <v>0</v>
      </c>
      <c r="D22" s="196">
        <v>0</v>
      </c>
      <c r="E22" s="207">
        <v>0</v>
      </c>
      <c r="F22" s="193">
        <v>0</v>
      </c>
      <c r="G22" s="191">
        <v>0</v>
      </c>
      <c r="H22" s="191">
        <v>0</v>
      </c>
      <c r="I22" s="191">
        <v>0</v>
      </c>
      <c r="J22" s="191">
        <v>0</v>
      </c>
      <c r="K22" s="191">
        <v>0</v>
      </c>
      <c r="L22" s="194">
        <v>0</v>
      </c>
      <c r="M22" s="195">
        <v>0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0</v>
      </c>
      <c r="U22" s="191">
        <v>0</v>
      </c>
      <c r="V22" s="191">
        <v>0</v>
      </c>
      <c r="W22" s="196">
        <v>0</v>
      </c>
      <c r="X22" s="195">
        <v>0</v>
      </c>
      <c r="Y22" s="190">
        <v>0</v>
      </c>
      <c r="Z22" s="191">
        <v>0</v>
      </c>
      <c r="AA22" s="196">
        <v>0</v>
      </c>
      <c r="AB22" s="193">
        <v>0</v>
      </c>
      <c r="AC22" s="191">
        <v>20</v>
      </c>
      <c r="AD22" s="191">
        <v>16</v>
      </c>
      <c r="AE22" s="191">
        <v>5</v>
      </c>
      <c r="AF22" s="191">
        <v>2</v>
      </c>
      <c r="AG22" s="191">
        <v>0</v>
      </c>
      <c r="AH22" s="196">
        <v>43</v>
      </c>
      <c r="AI22" s="195">
        <v>43</v>
      </c>
      <c r="AJ22" s="190">
        <v>0</v>
      </c>
      <c r="AK22" s="191">
        <v>0</v>
      </c>
      <c r="AL22" s="196">
        <v>0</v>
      </c>
      <c r="AM22" s="193">
        <v>0</v>
      </c>
      <c r="AN22" s="191">
        <v>0</v>
      </c>
      <c r="AO22" s="191">
        <v>0</v>
      </c>
      <c r="AP22" s="191">
        <v>0</v>
      </c>
      <c r="AQ22" s="191">
        <v>0</v>
      </c>
      <c r="AR22" s="191">
        <v>1</v>
      </c>
      <c r="AS22" s="196">
        <v>1</v>
      </c>
      <c r="AT22" s="195">
        <v>1</v>
      </c>
      <c r="AU22" s="190">
        <v>0</v>
      </c>
      <c r="AV22" s="191">
        <v>0</v>
      </c>
      <c r="AW22" s="196">
        <v>0</v>
      </c>
      <c r="AX22" s="193">
        <v>0</v>
      </c>
      <c r="AY22" s="191">
        <v>1</v>
      </c>
      <c r="AZ22" s="191">
        <v>2</v>
      </c>
      <c r="BA22" s="191">
        <v>2</v>
      </c>
      <c r="BB22" s="191">
        <v>0</v>
      </c>
      <c r="BC22" s="191">
        <v>0</v>
      </c>
      <c r="BD22" s="196">
        <v>5</v>
      </c>
      <c r="BE22" s="195">
        <v>5</v>
      </c>
      <c r="BF22" s="190">
        <v>0</v>
      </c>
      <c r="BG22" s="191">
        <v>0</v>
      </c>
      <c r="BH22" s="196">
        <v>0</v>
      </c>
      <c r="BI22" s="193">
        <v>0</v>
      </c>
      <c r="BJ22" s="191">
        <v>1</v>
      </c>
      <c r="BK22" s="191">
        <v>0</v>
      </c>
      <c r="BL22" s="191">
        <v>5</v>
      </c>
      <c r="BM22" s="191">
        <v>1</v>
      </c>
      <c r="BN22" s="191">
        <v>0</v>
      </c>
      <c r="BO22" s="194">
        <v>7</v>
      </c>
      <c r="BP22" s="195">
        <v>7</v>
      </c>
      <c r="BQ22" s="190">
        <v>0</v>
      </c>
      <c r="BR22" s="191">
        <v>0</v>
      </c>
      <c r="BS22" s="196">
        <v>0</v>
      </c>
      <c r="BT22" s="193">
        <v>0</v>
      </c>
      <c r="BU22" s="191">
        <v>0</v>
      </c>
      <c r="BV22" s="191">
        <v>0</v>
      </c>
      <c r="BW22" s="191">
        <v>0</v>
      </c>
      <c r="BX22" s="191">
        <v>0</v>
      </c>
      <c r="BY22" s="191">
        <v>0</v>
      </c>
      <c r="BZ22" s="196">
        <v>0</v>
      </c>
      <c r="CA22" s="195">
        <v>0</v>
      </c>
      <c r="CB22" s="190">
        <v>0</v>
      </c>
      <c r="CC22" s="191">
        <v>0</v>
      </c>
      <c r="CD22" s="196">
        <v>0</v>
      </c>
      <c r="CE22" s="193">
        <v>0</v>
      </c>
      <c r="CF22" s="191">
        <v>0</v>
      </c>
      <c r="CG22" s="191">
        <v>0</v>
      </c>
      <c r="CH22" s="191">
        <v>0</v>
      </c>
      <c r="CI22" s="191">
        <v>0</v>
      </c>
      <c r="CJ22" s="191">
        <v>0</v>
      </c>
      <c r="CK22" s="196">
        <v>0</v>
      </c>
      <c r="CL22" s="195">
        <v>0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</row>
    <row r="23" spans="2:101" ht="21" customHeight="1" x14ac:dyDescent="0.2">
      <c r="B23" s="106" t="s">
        <v>21</v>
      </c>
      <c r="C23" s="190">
        <v>0</v>
      </c>
      <c r="D23" s="196">
        <v>0</v>
      </c>
      <c r="E23" s="207">
        <v>0</v>
      </c>
      <c r="F23" s="193">
        <v>0</v>
      </c>
      <c r="G23" s="191">
        <v>1</v>
      </c>
      <c r="H23" s="191">
        <v>0</v>
      </c>
      <c r="I23" s="191">
        <v>0</v>
      </c>
      <c r="J23" s="191">
        <v>0</v>
      </c>
      <c r="K23" s="191">
        <v>0</v>
      </c>
      <c r="L23" s="194">
        <v>1</v>
      </c>
      <c r="M23" s="195">
        <v>1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  <c r="Y23" s="190">
        <v>0</v>
      </c>
      <c r="Z23" s="191">
        <v>0</v>
      </c>
      <c r="AA23" s="196">
        <v>0</v>
      </c>
      <c r="AB23" s="193">
        <v>0</v>
      </c>
      <c r="AC23" s="191">
        <v>13</v>
      </c>
      <c r="AD23" s="191">
        <v>8</v>
      </c>
      <c r="AE23" s="191">
        <v>3</v>
      </c>
      <c r="AF23" s="191">
        <v>1</v>
      </c>
      <c r="AG23" s="191">
        <v>0</v>
      </c>
      <c r="AH23" s="196">
        <v>25</v>
      </c>
      <c r="AI23" s="195">
        <v>25</v>
      </c>
      <c r="AJ23" s="190">
        <v>0</v>
      </c>
      <c r="AK23" s="191">
        <v>0</v>
      </c>
      <c r="AL23" s="196">
        <v>0</v>
      </c>
      <c r="AM23" s="193">
        <v>0</v>
      </c>
      <c r="AN23" s="191">
        <v>0</v>
      </c>
      <c r="AO23" s="191">
        <v>0</v>
      </c>
      <c r="AP23" s="191">
        <v>0</v>
      </c>
      <c r="AQ23" s="191">
        <v>0</v>
      </c>
      <c r="AR23" s="191">
        <v>0</v>
      </c>
      <c r="AS23" s="196">
        <v>0</v>
      </c>
      <c r="AT23" s="195">
        <v>0</v>
      </c>
      <c r="AU23" s="190">
        <v>0</v>
      </c>
      <c r="AV23" s="191">
        <v>0</v>
      </c>
      <c r="AW23" s="196">
        <v>0</v>
      </c>
      <c r="AX23" s="193">
        <v>0</v>
      </c>
      <c r="AY23" s="191">
        <v>0</v>
      </c>
      <c r="AZ23" s="191">
        <v>0</v>
      </c>
      <c r="BA23" s="191">
        <v>1</v>
      </c>
      <c r="BB23" s="191">
        <v>0</v>
      </c>
      <c r="BC23" s="191">
        <v>0</v>
      </c>
      <c r="BD23" s="196">
        <v>1</v>
      </c>
      <c r="BE23" s="195">
        <v>1</v>
      </c>
      <c r="BF23" s="190">
        <v>0</v>
      </c>
      <c r="BG23" s="191">
        <v>0</v>
      </c>
      <c r="BH23" s="196">
        <v>0</v>
      </c>
      <c r="BI23" s="193">
        <v>0</v>
      </c>
      <c r="BJ23" s="191">
        <v>2</v>
      </c>
      <c r="BK23" s="191">
        <v>3</v>
      </c>
      <c r="BL23" s="191">
        <v>0</v>
      </c>
      <c r="BM23" s="191">
        <v>1</v>
      </c>
      <c r="BN23" s="191">
        <v>0</v>
      </c>
      <c r="BO23" s="194">
        <v>6</v>
      </c>
      <c r="BP23" s="195">
        <v>6</v>
      </c>
      <c r="BQ23" s="190">
        <v>0</v>
      </c>
      <c r="BR23" s="191">
        <v>0</v>
      </c>
      <c r="BS23" s="196">
        <v>0</v>
      </c>
      <c r="BT23" s="193">
        <v>0</v>
      </c>
      <c r="BU23" s="191">
        <v>0</v>
      </c>
      <c r="BV23" s="191">
        <v>0</v>
      </c>
      <c r="BW23" s="191">
        <v>0</v>
      </c>
      <c r="BX23" s="191">
        <v>0</v>
      </c>
      <c r="BY23" s="191">
        <v>0</v>
      </c>
      <c r="BZ23" s="196">
        <v>0</v>
      </c>
      <c r="CA23" s="195">
        <v>0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0</v>
      </c>
      <c r="CH23" s="191">
        <v>0</v>
      </c>
      <c r="CI23" s="191">
        <v>0</v>
      </c>
      <c r="CJ23" s="191">
        <v>0</v>
      </c>
      <c r="CK23" s="196">
        <v>0</v>
      </c>
      <c r="CL23" s="195">
        <v>0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</row>
    <row r="24" spans="2:101" ht="21" customHeight="1" x14ac:dyDescent="0.2">
      <c r="B24" s="106" t="s">
        <v>22</v>
      </c>
      <c r="C24" s="190">
        <v>0</v>
      </c>
      <c r="D24" s="196">
        <v>0</v>
      </c>
      <c r="E24" s="207">
        <v>0</v>
      </c>
      <c r="F24" s="193">
        <v>0</v>
      </c>
      <c r="G24" s="191">
        <v>0</v>
      </c>
      <c r="H24" s="191">
        <v>1</v>
      </c>
      <c r="I24" s="191">
        <v>2</v>
      </c>
      <c r="J24" s="191">
        <v>0</v>
      </c>
      <c r="K24" s="191">
        <v>0</v>
      </c>
      <c r="L24" s="194">
        <v>3</v>
      </c>
      <c r="M24" s="195">
        <v>3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0</v>
      </c>
      <c r="V24" s="191">
        <v>0</v>
      </c>
      <c r="W24" s="196">
        <v>0</v>
      </c>
      <c r="X24" s="195">
        <v>0</v>
      </c>
      <c r="Y24" s="190">
        <v>0</v>
      </c>
      <c r="Z24" s="191">
        <v>0</v>
      </c>
      <c r="AA24" s="196">
        <v>0</v>
      </c>
      <c r="AB24" s="193">
        <v>0</v>
      </c>
      <c r="AC24" s="191">
        <v>8</v>
      </c>
      <c r="AD24" s="191">
        <v>6</v>
      </c>
      <c r="AE24" s="191">
        <v>2</v>
      </c>
      <c r="AF24" s="191">
        <v>0</v>
      </c>
      <c r="AG24" s="191">
        <v>2</v>
      </c>
      <c r="AH24" s="196">
        <v>18</v>
      </c>
      <c r="AI24" s="195">
        <v>18</v>
      </c>
      <c r="AJ24" s="190">
        <v>0</v>
      </c>
      <c r="AK24" s="191">
        <v>0</v>
      </c>
      <c r="AL24" s="196">
        <v>0</v>
      </c>
      <c r="AM24" s="193">
        <v>0</v>
      </c>
      <c r="AN24" s="191">
        <v>0</v>
      </c>
      <c r="AO24" s="191">
        <v>0</v>
      </c>
      <c r="AP24" s="191">
        <v>1</v>
      </c>
      <c r="AQ24" s="191">
        <v>0</v>
      </c>
      <c r="AR24" s="191">
        <v>0</v>
      </c>
      <c r="AS24" s="196">
        <v>1</v>
      </c>
      <c r="AT24" s="195">
        <v>1</v>
      </c>
      <c r="AU24" s="190">
        <v>0</v>
      </c>
      <c r="AV24" s="191">
        <v>0</v>
      </c>
      <c r="AW24" s="196">
        <v>0</v>
      </c>
      <c r="AX24" s="193">
        <v>0</v>
      </c>
      <c r="AY24" s="191">
        <v>1</v>
      </c>
      <c r="AZ24" s="191">
        <v>0</v>
      </c>
      <c r="BA24" s="191">
        <v>2</v>
      </c>
      <c r="BB24" s="191">
        <v>0</v>
      </c>
      <c r="BC24" s="191">
        <v>0</v>
      </c>
      <c r="BD24" s="196">
        <v>3</v>
      </c>
      <c r="BE24" s="195">
        <v>3</v>
      </c>
      <c r="BF24" s="190">
        <v>0</v>
      </c>
      <c r="BG24" s="191">
        <v>0</v>
      </c>
      <c r="BH24" s="196">
        <v>0</v>
      </c>
      <c r="BI24" s="193">
        <v>0</v>
      </c>
      <c r="BJ24" s="191">
        <v>1</v>
      </c>
      <c r="BK24" s="191">
        <v>3</v>
      </c>
      <c r="BL24" s="191">
        <v>1</v>
      </c>
      <c r="BM24" s="191">
        <v>1</v>
      </c>
      <c r="BN24" s="191">
        <v>0</v>
      </c>
      <c r="BO24" s="194">
        <v>6</v>
      </c>
      <c r="BP24" s="195">
        <v>6</v>
      </c>
      <c r="BQ24" s="190">
        <v>0</v>
      </c>
      <c r="BR24" s="191">
        <v>0</v>
      </c>
      <c r="BS24" s="196">
        <v>0</v>
      </c>
      <c r="BT24" s="193">
        <v>0</v>
      </c>
      <c r="BU24" s="191">
        <v>0</v>
      </c>
      <c r="BV24" s="191">
        <v>0</v>
      </c>
      <c r="BW24" s="191">
        <v>0</v>
      </c>
      <c r="BX24" s="191">
        <v>0</v>
      </c>
      <c r="BY24" s="191">
        <v>0</v>
      </c>
      <c r="BZ24" s="196">
        <v>0</v>
      </c>
      <c r="CA24" s="195">
        <v>0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1</v>
      </c>
      <c r="CH24" s="191">
        <v>0</v>
      </c>
      <c r="CI24" s="191">
        <v>5</v>
      </c>
      <c r="CJ24" s="191">
        <v>0</v>
      </c>
      <c r="CK24" s="196">
        <v>6</v>
      </c>
      <c r="CL24" s="195">
        <v>6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</row>
    <row r="25" spans="2:101" ht="21" customHeight="1" x14ac:dyDescent="0.2">
      <c r="B25" s="106" t="s">
        <v>23</v>
      </c>
      <c r="C25" s="190">
        <v>0</v>
      </c>
      <c r="D25" s="196">
        <v>0</v>
      </c>
      <c r="E25" s="207">
        <v>0</v>
      </c>
      <c r="F25" s="193">
        <v>0</v>
      </c>
      <c r="G25" s="191">
        <v>0</v>
      </c>
      <c r="H25" s="191">
        <v>0</v>
      </c>
      <c r="I25" s="191">
        <v>0</v>
      </c>
      <c r="J25" s="191">
        <v>0</v>
      </c>
      <c r="K25" s="191">
        <v>0</v>
      </c>
      <c r="L25" s="194">
        <v>0</v>
      </c>
      <c r="M25" s="195">
        <v>0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  <c r="Y25" s="190">
        <v>0</v>
      </c>
      <c r="Z25" s="191">
        <v>0</v>
      </c>
      <c r="AA25" s="196">
        <v>0</v>
      </c>
      <c r="AB25" s="193">
        <v>0</v>
      </c>
      <c r="AC25" s="191">
        <v>2</v>
      </c>
      <c r="AD25" s="191">
        <v>2</v>
      </c>
      <c r="AE25" s="191">
        <v>1</v>
      </c>
      <c r="AF25" s="191">
        <v>1</v>
      </c>
      <c r="AG25" s="191">
        <v>0</v>
      </c>
      <c r="AH25" s="196">
        <v>6</v>
      </c>
      <c r="AI25" s="195">
        <v>6</v>
      </c>
      <c r="AJ25" s="190">
        <v>0</v>
      </c>
      <c r="AK25" s="191">
        <v>0</v>
      </c>
      <c r="AL25" s="196">
        <v>0</v>
      </c>
      <c r="AM25" s="193">
        <v>0</v>
      </c>
      <c r="AN25" s="191">
        <v>0</v>
      </c>
      <c r="AO25" s="191">
        <v>0</v>
      </c>
      <c r="AP25" s="191">
        <v>0</v>
      </c>
      <c r="AQ25" s="191">
        <v>0</v>
      </c>
      <c r="AR25" s="191">
        <v>0</v>
      </c>
      <c r="AS25" s="196">
        <v>0</v>
      </c>
      <c r="AT25" s="195">
        <v>0</v>
      </c>
      <c r="AU25" s="190">
        <v>0</v>
      </c>
      <c r="AV25" s="191">
        <v>0</v>
      </c>
      <c r="AW25" s="196">
        <v>0</v>
      </c>
      <c r="AX25" s="193">
        <v>0</v>
      </c>
      <c r="AY25" s="191">
        <v>0</v>
      </c>
      <c r="AZ25" s="191">
        <v>0</v>
      </c>
      <c r="BA25" s="191">
        <v>0</v>
      </c>
      <c r="BB25" s="191">
        <v>0</v>
      </c>
      <c r="BC25" s="191">
        <v>0</v>
      </c>
      <c r="BD25" s="196">
        <v>0</v>
      </c>
      <c r="BE25" s="195">
        <v>0</v>
      </c>
      <c r="BF25" s="190">
        <v>0</v>
      </c>
      <c r="BG25" s="191">
        <v>0</v>
      </c>
      <c r="BH25" s="196">
        <v>0</v>
      </c>
      <c r="BI25" s="193">
        <v>0</v>
      </c>
      <c r="BJ25" s="191">
        <v>1</v>
      </c>
      <c r="BK25" s="191">
        <v>3</v>
      </c>
      <c r="BL25" s="191">
        <v>3</v>
      </c>
      <c r="BM25" s="191">
        <v>1</v>
      </c>
      <c r="BN25" s="191">
        <v>0</v>
      </c>
      <c r="BO25" s="194">
        <v>8</v>
      </c>
      <c r="BP25" s="195">
        <v>8</v>
      </c>
      <c r="BQ25" s="190">
        <v>0</v>
      </c>
      <c r="BR25" s="191">
        <v>0</v>
      </c>
      <c r="BS25" s="196">
        <v>0</v>
      </c>
      <c r="BT25" s="193">
        <v>0</v>
      </c>
      <c r="BU25" s="191">
        <v>0</v>
      </c>
      <c r="BV25" s="191">
        <v>0</v>
      </c>
      <c r="BW25" s="191">
        <v>0</v>
      </c>
      <c r="BX25" s="191">
        <v>0</v>
      </c>
      <c r="BY25" s="191">
        <v>0</v>
      </c>
      <c r="BZ25" s="196">
        <v>0</v>
      </c>
      <c r="CA25" s="195">
        <v>0</v>
      </c>
      <c r="CB25" s="190">
        <v>0</v>
      </c>
      <c r="CC25" s="191">
        <v>0</v>
      </c>
      <c r="CD25" s="196">
        <v>0</v>
      </c>
      <c r="CE25" s="193">
        <v>0</v>
      </c>
      <c r="CF25" s="191">
        <v>0</v>
      </c>
      <c r="CG25" s="191">
        <v>0</v>
      </c>
      <c r="CH25" s="191">
        <v>0</v>
      </c>
      <c r="CI25" s="191">
        <v>0</v>
      </c>
      <c r="CJ25" s="191">
        <v>0</v>
      </c>
      <c r="CK25" s="196">
        <v>0</v>
      </c>
      <c r="CL25" s="195">
        <v>0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1</v>
      </c>
      <c r="CS25" s="191">
        <v>0</v>
      </c>
      <c r="CT25" s="191">
        <v>0</v>
      </c>
      <c r="CU25" s="191">
        <v>1</v>
      </c>
      <c r="CV25" s="196">
        <v>2</v>
      </c>
      <c r="CW25" s="195">
        <v>2</v>
      </c>
    </row>
    <row r="26" spans="2:101" ht="21" customHeight="1" x14ac:dyDescent="0.2">
      <c r="B26" s="106" t="s">
        <v>24</v>
      </c>
      <c r="C26" s="190">
        <v>0</v>
      </c>
      <c r="D26" s="196">
        <v>0</v>
      </c>
      <c r="E26" s="207">
        <v>0</v>
      </c>
      <c r="F26" s="193">
        <v>0</v>
      </c>
      <c r="G26" s="191">
        <v>0</v>
      </c>
      <c r="H26" s="191">
        <v>0</v>
      </c>
      <c r="I26" s="191">
        <v>0</v>
      </c>
      <c r="J26" s="191">
        <v>1</v>
      </c>
      <c r="K26" s="191">
        <v>0</v>
      </c>
      <c r="L26" s="194">
        <v>1</v>
      </c>
      <c r="M26" s="195">
        <v>1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0</v>
      </c>
      <c r="V26" s="191">
        <v>0</v>
      </c>
      <c r="W26" s="196">
        <v>0</v>
      </c>
      <c r="X26" s="195">
        <v>0</v>
      </c>
      <c r="Y26" s="190">
        <v>0</v>
      </c>
      <c r="Z26" s="191">
        <v>0</v>
      </c>
      <c r="AA26" s="196">
        <v>0</v>
      </c>
      <c r="AB26" s="193">
        <v>0</v>
      </c>
      <c r="AC26" s="191">
        <v>5</v>
      </c>
      <c r="AD26" s="191">
        <v>2</v>
      </c>
      <c r="AE26" s="191">
        <v>1</v>
      </c>
      <c r="AF26" s="191">
        <v>0</v>
      </c>
      <c r="AG26" s="191">
        <v>1</v>
      </c>
      <c r="AH26" s="196">
        <v>9</v>
      </c>
      <c r="AI26" s="195">
        <v>9</v>
      </c>
      <c r="AJ26" s="190">
        <v>0</v>
      </c>
      <c r="AK26" s="191">
        <v>0</v>
      </c>
      <c r="AL26" s="196">
        <v>0</v>
      </c>
      <c r="AM26" s="193">
        <v>0</v>
      </c>
      <c r="AN26" s="191">
        <v>0</v>
      </c>
      <c r="AO26" s="191">
        <v>0</v>
      </c>
      <c r="AP26" s="191">
        <v>1</v>
      </c>
      <c r="AQ26" s="191">
        <v>0</v>
      </c>
      <c r="AR26" s="191">
        <v>1</v>
      </c>
      <c r="AS26" s="196">
        <v>2</v>
      </c>
      <c r="AT26" s="195">
        <v>2</v>
      </c>
      <c r="AU26" s="190">
        <v>1</v>
      </c>
      <c r="AV26" s="191">
        <v>0</v>
      </c>
      <c r="AW26" s="196">
        <v>1</v>
      </c>
      <c r="AX26" s="193">
        <v>0</v>
      </c>
      <c r="AY26" s="191">
        <v>0</v>
      </c>
      <c r="AZ26" s="191">
        <v>1</v>
      </c>
      <c r="BA26" s="191">
        <v>0</v>
      </c>
      <c r="BB26" s="191">
        <v>0</v>
      </c>
      <c r="BC26" s="191">
        <v>0</v>
      </c>
      <c r="BD26" s="196">
        <v>1</v>
      </c>
      <c r="BE26" s="195">
        <v>2</v>
      </c>
      <c r="BF26" s="190">
        <v>0</v>
      </c>
      <c r="BG26" s="191">
        <v>0</v>
      </c>
      <c r="BH26" s="196">
        <v>0</v>
      </c>
      <c r="BI26" s="193">
        <v>0</v>
      </c>
      <c r="BJ26" s="191">
        <v>0</v>
      </c>
      <c r="BK26" s="191">
        <v>0</v>
      </c>
      <c r="BL26" s="191">
        <v>3</v>
      </c>
      <c r="BM26" s="191">
        <v>0</v>
      </c>
      <c r="BN26" s="191">
        <v>0</v>
      </c>
      <c r="BO26" s="194">
        <v>3</v>
      </c>
      <c r="BP26" s="195">
        <v>3</v>
      </c>
      <c r="BQ26" s="190">
        <v>0</v>
      </c>
      <c r="BR26" s="191">
        <v>0</v>
      </c>
      <c r="BS26" s="196">
        <v>0</v>
      </c>
      <c r="BT26" s="193">
        <v>0</v>
      </c>
      <c r="BU26" s="191">
        <v>0</v>
      </c>
      <c r="BV26" s="191">
        <v>0</v>
      </c>
      <c r="BW26" s="191">
        <v>0</v>
      </c>
      <c r="BX26" s="191">
        <v>0</v>
      </c>
      <c r="BY26" s="191">
        <v>0</v>
      </c>
      <c r="BZ26" s="196">
        <v>0</v>
      </c>
      <c r="CA26" s="195">
        <v>0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0</v>
      </c>
      <c r="CH26" s="191">
        <v>0</v>
      </c>
      <c r="CI26" s="191">
        <v>0</v>
      </c>
      <c r="CJ26" s="191">
        <v>0</v>
      </c>
      <c r="CK26" s="196">
        <v>0</v>
      </c>
      <c r="CL26" s="195">
        <v>0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</row>
    <row r="27" spans="2:101" ht="21" customHeight="1" x14ac:dyDescent="0.2">
      <c r="B27" s="106" t="s">
        <v>25</v>
      </c>
      <c r="C27" s="190">
        <v>0</v>
      </c>
      <c r="D27" s="196">
        <v>0</v>
      </c>
      <c r="E27" s="207">
        <v>0</v>
      </c>
      <c r="F27" s="193">
        <v>0</v>
      </c>
      <c r="G27" s="191">
        <v>0</v>
      </c>
      <c r="H27" s="191">
        <v>0</v>
      </c>
      <c r="I27" s="191">
        <v>0</v>
      </c>
      <c r="J27" s="191">
        <v>0</v>
      </c>
      <c r="K27" s="191">
        <v>0</v>
      </c>
      <c r="L27" s="194">
        <v>0</v>
      </c>
      <c r="M27" s="195">
        <v>0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  <c r="Y27" s="190">
        <v>0</v>
      </c>
      <c r="Z27" s="191">
        <v>0</v>
      </c>
      <c r="AA27" s="196">
        <v>0</v>
      </c>
      <c r="AB27" s="193">
        <v>0</v>
      </c>
      <c r="AC27" s="191">
        <v>4</v>
      </c>
      <c r="AD27" s="191">
        <v>3</v>
      </c>
      <c r="AE27" s="191">
        <v>2</v>
      </c>
      <c r="AF27" s="191">
        <v>1</v>
      </c>
      <c r="AG27" s="191">
        <v>0</v>
      </c>
      <c r="AH27" s="196">
        <v>10</v>
      </c>
      <c r="AI27" s="195">
        <v>10</v>
      </c>
      <c r="AJ27" s="190">
        <v>0</v>
      </c>
      <c r="AK27" s="191">
        <v>0</v>
      </c>
      <c r="AL27" s="196">
        <v>0</v>
      </c>
      <c r="AM27" s="193">
        <v>0</v>
      </c>
      <c r="AN27" s="191">
        <v>0</v>
      </c>
      <c r="AO27" s="191">
        <v>0</v>
      </c>
      <c r="AP27" s="191">
        <v>0</v>
      </c>
      <c r="AQ27" s="191">
        <v>0</v>
      </c>
      <c r="AR27" s="191">
        <v>0</v>
      </c>
      <c r="AS27" s="196">
        <v>0</v>
      </c>
      <c r="AT27" s="195">
        <v>0</v>
      </c>
      <c r="AU27" s="190">
        <v>0</v>
      </c>
      <c r="AV27" s="191">
        <v>1</v>
      </c>
      <c r="AW27" s="196">
        <v>1</v>
      </c>
      <c r="AX27" s="193">
        <v>0</v>
      </c>
      <c r="AY27" s="191">
        <v>0</v>
      </c>
      <c r="AZ27" s="191">
        <v>0</v>
      </c>
      <c r="BA27" s="191">
        <v>0</v>
      </c>
      <c r="BB27" s="191">
        <v>0</v>
      </c>
      <c r="BC27" s="191">
        <v>0</v>
      </c>
      <c r="BD27" s="196">
        <v>0</v>
      </c>
      <c r="BE27" s="195">
        <v>1</v>
      </c>
      <c r="BF27" s="190">
        <v>0</v>
      </c>
      <c r="BG27" s="191">
        <v>0</v>
      </c>
      <c r="BH27" s="196">
        <v>0</v>
      </c>
      <c r="BI27" s="193">
        <v>0</v>
      </c>
      <c r="BJ27" s="191">
        <v>0</v>
      </c>
      <c r="BK27" s="191">
        <v>0</v>
      </c>
      <c r="BL27" s="191">
        <v>0</v>
      </c>
      <c r="BM27" s="191">
        <v>0</v>
      </c>
      <c r="BN27" s="191">
        <v>0</v>
      </c>
      <c r="BO27" s="194">
        <v>0</v>
      </c>
      <c r="BP27" s="195">
        <v>0</v>
      </c>
      <c r="BQ27" s="190">
        <v>0</v>
      </c>
      <c r="BR27" s="191">
        <v>0</v>
      </c>
      <c r="BS27" s="196">
        <v>0</v>
      </c>
      <c r="BT27" s="193">
        <v>0</v>
      </c>
      <c r="BU27" s="191">
        <v>0</v>
      </c>
      <c r="BV27" s="191">
        <v>0</v>
      </c>
      <c r="BW27" s="191">
        <v>0</v>
      </c>
      <c r="BX27" s="191">
        <v>0</v>
      </c>
      <c r="BY27" s="191">
        <v>0</v>
      </c>
      <c r="BZ27" s="196">
        <v>0</v>
      </c>
      <c r="CA27" s="195">
        <v>0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0</v>
      </c>
      <c r="CH27" s="191">
        <v>0</v>
      </c>
      <c r="CI27" s="191">
        <v>0</v>
      </c>
      <c r="CJ27" s="191">
        <v>0</v>
      </c>
      <c r="CK27" s="196">
        <v>0</v>
      </c>
      <c r="CL27" s="195">
        <v>0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</row>
    <row r="28" spans="2:101" ht="21" customHeight="1" x14ac:dyDescent="0.2">
      <c r="B28" s="106" t="s">
        <v>26</v>
      </c>
      <c r="C28" s="190">
        <v>0</v>
      </c>
      <c r="D28" s="196">
        <v>0</v>
      </c>
      <c r="E28" s="207">
        <v>0</v>
      </c>
      <c r="F28" s="193">
        <v>0</v>
      </c>
      <c r="G28" s="191">
        <v>0</v>
      </c>
      <c r="H28" s="191">
        <v>0</v>
      </c>
      <c r="I28" s="191">
        <v>0</v>
      </c>
      <c r="J28" s="191">
        <v>0</v>
      </c>
      <c r="K28" s="191">
        <v>0</v>
      </c>
      <c r="L28" s="194">
        <v>0</v>
      </c>
      <c r="M28" s="195">
        <v>0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  <c r="Y28" s="190">
        <v>0</v>
      </c>
      <c r="Z28" s="191">
        <v>0</v>
      </c>
      <c r="AA28" s="196">
        <v>0</v>
      </c>
      <c r="AB28" s="193">
        <v>0</v>
      </c>
      <c r="AC28" s="191">
        <v>5</v>
      </c>
      <c r="AD28" s="191">
        <v>2</v>
      </c>
      <c r="AE28" s="191">
        <v>2</v>
      </c>
      <c r="AF28" s="191">
        <v>1</v>
      </c>
      <c r="AG28" s="191">
        <v>0</v>
      </c>
      <c r="AH28" s="196">
        <v>10</v>
      </c>
      <c r="AI28" s="195">
        <v>10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0</v>
      </c>
      <c r="AQ28" s="191">
        <v>0</v>
      </c>
      <c r="AR28" s="191">
        <v>0</v>
      </c>
      <c r="AS28" s="196">
        <v>0</v>
      </c>
      <c r="AT28" s="195">
        <v>0</v>
      </c>
      <c r="AU28" s="190">
        <v>0</v>
      </c>
      <c r="AV28" s="191">
        <v>0</v>
      </c>
      <c r="AW28" s="196">
        <v>0</v>
      </c>
      <c r="AX28" s="193">
        <v>0</v>
      </c>
      <c r="AY28" s="191">
        <v>0</v>
      </c>
      <c r="AZ28" s="191">
        <v>0</v>
      </c>
      <c r="BA28" s="191">
        <v>0</v>
      </c>
      <c r="BB28" s="191">
        <v>0</v>
      </c>
      <c r="BC28" s="191">
        <v>1</v>
      </c>
      <c r="BD28" s="196">
        <v>1</v>
      </c>
      <c r="BE28" s="195">
        <v>1</v>
      </c>
      <c r="BF28" s="190">
        <v>0</v>
      </c>
      <c r="BG28" s="191">
        <v>0</v>
      </c>
      <c r="BH28" s="196">
        <v>0</v>
      </c>
      <c r="BI28" s="193">
        <v>0</v>
      </c>
      <c r="BJ28" s="191">
        <v>0</v>
      </c>
      <c r="BK28" s="191">
        <v>0</v>
      </c>
      <c r="BL28" s="191">
        <v>2</v>
      </c>
      <c r="BM28" s="191">
        <v>1</v>
      </c>
      <c r="BN28" s="191">
        <v>1</v>
      </c>
      <c r="BO28" s="194">
        <v>4</v>
      </c>
      <c r="BP28" s="195">
        <v>4</v>
      </c>
      <c r="BQ28" s="190">
        <v>0</v>
      </c>
      <c r="BR28" s="191">
        <v>0</v>
      </c>
      <c r="BS28" s="196">
        <v>0</v>
      </c>
      <c r="BT28" s="193">
        <v>0</v>
      </c>
      <c r="BU28" s="191">
        <v>0</v>
      </c>
      <c r="BV28" s="191">
        <v>0</v>
      </c>
      <c r="BW28" s="191">
        <v>0</v>
      </c>
      <c r="BX28" s="191">
        <v>0</v>
      </c>
      <c r="BY28" s="191">
        <v>0</v>
      </c>
      <c r="BZ28" s="196">
        <v>0</v>
      </c>
      <c r="CA28" s="195">
        <v>0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0</v>
      </c>
      <c r="CJ28" s="191">
        <v>0</v>
      </c>
      <c r="CK28" s="196">
        <v>0</v>
      </c>
      <c r="CL28" s="195">
        <v>0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</row>
    <row r="29" spans="2:101" ht="21" customHeight="1" x14ac:dyDescent="0.2">
      <c r="B29" s="106" t="s">
        <v>27</v>
      </c>
      <c r="C29" s="190">
        <v>0</v>
      </c>
      <c r="D29" s="196">
        <v>0</v>
      </c>
      <c r="E29" s="207">
        <v>0</v>
      </c>
      <c r="F29" s="193">
        <v>0</v>
      </c>
      <c r="G29" s="191">
        <v>0</v>
      </c>
      <c r="H29" s="191">
        <v>0</v>
      </c>
      <c r="I29" s="191">
        <v>1</v>
      </c>
      <c r="J29" s="191">
        <v>0</v>
      </c>
      <c r="K29" s="191">
        <v>0</v>
      </c>
      <c r="L29" s="194">
        <v>1</v>
      </c>
      <c r="M29" s="195">
        <v>1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0</v>
      </c>
      <c r="U29" s="191">
        <v>0</v>
      </c>
      <c r="V29" s="191">
        <v>0</v>
      </c>
      <c r="W29" s="196">
        <v>0</v>
      </c>
      <c r="X29" s="195">
        <v>0</v>
      </c>
      <c r="Y29" s="190">
        <v>0</v>
      </c>
      <c r="Z29" s="191">
        <v>0</v>
      </c>
      <c r="AA29" s="196">
        <v>0</v>
      </c>
      <c r="AB29" s="193">
        <v>0</v>
      </c>
      <c r="AC29" s="191">
        <v>0</v>
      </c>
      <c r="AD29" s="191">
        <v>1</v>
      </c>
      <c r="AE29" s="191">
        <v>0</v>
      </c>
      <c r="AF29" s="191">
        <v>0</v>
      </c>
      <c r="AG29" s="191">
        <v>0</v>
      </c>
      <c r="AH29" s="196">
        <v>1</v>
      </c>
      <c r="AI29" s="195">
        <v>1</v>
      </c>
      <c r="AJ29" s="190">
        <v>0</v>
      </c>
      <c r="AK29" s="191">
        <v>0</v>
      </c>
      <c r="AL29" s="196">
        <v>0</v>
      </c>
      <c r="AM29" s="193">
        <v>0</v>
      </c>
      <c r="AN29" s="191">
        <v>0</v>
      </c>
      <c r="AO29" s="191">
        <v>1</v>
      </c>
      <c r="AP29" s="191">
        <v>1</v>
      </c>
      <c r="AQ29" s="191">
        <v>1</v>
      </c>
      <c r="AR29" s="191">
        <v>0</v>
      </c>
      <c r="AS29" s="196">
        <v>3</v>
      </c>
      <c r="AT29" s="195">
        <v>3</v>
      </c>
      <c r="AU29" s="190">
        <v>0</v>
      </c>
      <c r="AV29" s="191">
        <v>0</v>
      </c>
      <c r="AW29" s="196">
        <v>0</v>
      </c>
      <c r="AX29" s="193">
        <v>0</v>
      </c>
      <c r="AY29" s="191">
        <v>1</v>
      </c>
      <c r="AZ29" s="191">
        <v>1</v>
      </c>
      <c r="BA29" s="191">
        <v>0</v>
      </c>
      <c r="BB29" s="191">
        <v>0</v>
      </c>
      <c r="BC29" s="191">
        <v>0</v>
      </c>
      <c r="BD29" s="196">
        <v>2</v>
      </c>
      <c r="BE29" s="195">
        <v>2</v>
      </c>
      <c r="BF29" s="190">
        <v>0</v>
      </c>
      <c r="BG29" s="191">
        <v>0</v>
      </c>
      <c r="BH29" s="196">
        <v>0</v>
      </c>
      <c r="BI29" s="193">
        <v>0</v>
      </c>
      <c r="BJ29" s="191">
        <v>1</v>
      </c>
      <c r="BK29" s="191">
        <v>0</v>
      </c>
      <c r="BL29" s="191">
        <v>0</v>
      </c>
      <c r="BM29" s="191">
        <v>0</v>
      </c>
      <c r="BN29" s="191">
        <v>1</v>
      </c>
      <c r="BO29" s="194">
        <v>2</v>
      </c>
      <c r="BP29" s="195">
        <v>2</v>
      </c>
      <c r="BQ29" s="190">
        <v>0</v>
      </c>
      <c r="BR29" s="191">
        <v>0</v>
      </c>
      <c r="BS29" s="196">
        <v>0</v>
      </c>
      <c r="BT29" s="193">
        <v>0</v>
      </c>
      <c r="BU29" s="191">
        <v>0</v>
      </c>
      <c r="BV29" s="191">
        <v>0</v>
      </c>
      <c r="BW29" s="191">
        <v>0</v>
      </c>
      <c r="BX29" s="191">
        <v>0</v>
      </c>
      <c r="BY29" s="191">
        <v>0</v>
      </c>
      <c r="BZ29" s="196">
        <v>0</v>
      </c>
      <c r="CA29" s="195">
        <v>0</v>
      </c>
      <c r="CB29" s="190">
        <v>0</v>
      </c>
      <c r="CC29" s="191">
        <v>0</v>
      </c>
      <c r="CD29" s="196">
        <v>0</v>
      </c>
      <c r="CE29" s="193">
        <v>0</v>
      </c>
      <c r="CF29" s="191">
        <v>0</v>
      </c>
      <c r="CG29" s="191">
        <v>0</v>
      </c>
      <c r="CH29" s="191">
        <v>1</v>
      </c>
      <c r="CI29" s="191">
        <v>2</v>
      </c>
      <c r="CJ29" s="191">
        <v>0</v>
      </c>
      <c r="CK29" s="196">
        <v>3</v>
      </c>
      <c r="CL29" s="195">
        <v>3</v>
      </c>
      <c r="CM29" s="190">
        <v>0</v>
      </c>
      <c r="CN29" s="191">
        <v>0</v>
      </c>
      <c r="CO29" s="196">
        <v>0</v>
      </c>
      <c r="CP29" s="193">
        <v>0</v>
      </c>
      <c r="CQ29" s="191">
        <v>0</v>
      </c>
      <c r="CR29" s="191">
        <v>0</v>
      </c>
      <c r="CS29" s="191">
        <v>0</v>
      </c>
      <c r="CT29" s="191">
        <v>1</v>
      </c>
      <c r="CU29" s="191">
        <v>0</v>
      </c>
      <c r="CV29" s="196">
        <v>1</v>
      </c>
      <c r="CW29" s="195">
        <v>1</v>
      </c>
    </row>
    <row r="30" spans="2:101" ht="21" customHeight="1" x14ac:dyDescent="0.2">
      <c r="B30" s="106" t="s">
        <v>28</v>
      </c>
      <c r="C30" s="190">
        <v>0</v>
      </c>
      <c r="D30" s="196">
        <v>0</v>
      </c>
      <c r="E30" s="207">
        <v>0</v>
      </c>
      <c r="F30" s="193">
        <v>0</v>
      </c>
      <c r="G30" s="191">
        <v>0</v>
      </c>
      <c r="H30" s="191">
        <v>0</v>
      </c>
      <c r="I30" s="191">
        <v>0</v>
      </c>
      <c r="J30" s="191">
        <v>0</v>
      </c>
      <c r="K30" s="191">
        <v>0</v>
      </c>
      <c r="L30" s="194">
        <v>0</v>
      </c>
      <c r="M30" s="195">
        <v>0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0</v>
      </c>
      <c r="AA30" s="196">
        <v>0</v>
      </c>
      <c r="AB30" s="193">
        <v>0</v>
      </c>
      <c r="AC30" s="191">
        <v>5</v>
      </c>
      <c r="AD30" s="191">
        <v>1</v>
      </c>
      <c r="AE30" s="191">
        <v>0</v>
      </c>
      <c r="AF30" s="191">
        <v>0</v>
      </c>
      <c r="AG30" s="191">
        <v>0</v>
      </c>
      <c r="AH30" s="196">
        <v>6</v>
      </c>
      <c r="AI30" s="195">
        <v>6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0</v>
      </c>
      <c r="AW30" s="196">
        <v>0</v>
      </c>
      <c r="AX30" s="193">
        <v>0</v>
      </c>
      <c r="AY30" s="191">
        <v>0</v>
      </c>
      <c r="AZ30" s="191">
        <v>0</v>
      </c>
      <c r="BA30" s="191">
        <v>0</v>
      </c>
      <c r="BB30" s="191">
        <v>0</v>
      </c>
      <c r="BC30" s="191">
        <v>0</v>
      </c>
      <c r="BD30" s="196">
        <v>0</v>
      </c>
      <c r="BE30" s="195">
        <v>0</v>
      </c>
      <c r="BF30" s="190">
        <v>0</v>
      </c>
      <c r="BG30" s="191">
        <v>0</v>
      </c>
      <c r="BH30" s="196">
        <v>0</v>
      </c>
      <c r="BI30" s="193">
        <v>0</v>
      </c>
      <c r="BJ30" s="191">
        <v>0</v>
      </c>
      <c r="BK30" s="191">
        <v>1</v>
      </c>
      <c r="BL30" s="191">
        <v>0</v>
      </c>
      <c r="BM30" s="191">
        <v>0</v>
      </c>
      <c r="BN30" s="191">
        <v>1</v>
      </c>
      <c r="BO30" s="194">
        <v>2</v>
      </c>
      <c r="BP30" s="195">
        <v>2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0</v>
      </c>
      <c r="BW30" s="191">
        <v>0</v>
      </c>
      <c r="BX30" s="191">
        <v>0</v>
      </c>
      <c r="BY30" s="191">
        <v>0</v>
      </c>
      <c r="BZ30" s="196">
        <v>0</v>
      </c>
      <c r="CA30" s="195">
        <v>0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0</v>
      </c>
      <c r="CI30" s="191">
        <v>0</v>
      </c>
      <c r="CJ30" s="191">
        <v>0</v>
      </c>
      <c r="CK30" s="196">
        <v>0</v>
      </c>
      <c r="CL30" s="195">
        <v>0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</row>
    <row r="31" spans="2:101" ht="21" customHeight="1" x14ac:dyDescent="0.2">
      <c r="B31" s="106" t="s">
        <v>29</v>
      </c>
      <c r="C31" s="190">
        <v>0</v>
      </c>
      <c r="D31" s="196">
        <v>0</v>
      </c>
      <c r="E31" s="207">
        <v>0</v>
      </c>
      <c r="F31" s="193">
        <v>0</v>
      </c>
      <c r="G31" s="191">
        <v>0</v>
      </c>
      <c r="H31" s="191">
        <v>0</v>
      </c>
      <c r="I31" s="191">
        <v>1</v>
      </c>
      <c r="J31" s="191">
        <v>0</v>
      </c>
      <c r="K31" s="191">
        <v>0</v>
      </c>
      <c r="L31" s="194">
        <v>1</v>
      </c>
      <c r="M31" s="195">
        <v>1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0</v>
      </c>
      <c r="Z31" s="191">
        <v>0</v>
      </c>
      <c r="AA31" s="196">
        <v>0</v>
      </c>
      <c r="AB31" s="193">
        <v>0</v>
      </c>
      <c r="AC31" s="191">
        <v>0</v>
      </c>
      <c r="AD31" s="191">
        <v>2</v>
      </c>
      <c r="AE31" s="191">
        <v>1</v>
      </c>
      <c r="AF31" s="191">
        <v>0</v>
      </c>
      <c r="AG31" s="191">
        <v>0</v>
      </c>
      <c r="AH31" s="196">
        <v>3</v>
      </c>
      <c r="AI31" s="195">
        <v>3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1</v>
      </c>
      <c r="AP31" s="191">
        <v>0</v>
      </c>
      <c r="AQ31" s="191">
        <v>0</v>
      </c>
      <c r="AR31" s="191">
        <v>0</v>
      </c>
      <c r="AS31" s="196">
        <v>1</v>
      </c>
      <c r="AT31" s="195">
        <v>1</v>
      </c>
      <c r="AU31" s="190">
        <v>0</v>
      </c>
      <c r="AV31" s="191">
        <v>0</v>
      </c>
      <c r="AW31" s="196">
        <v>0</v>
      </c>
      <c r="AX31" s="193">
        <v>0</v>
      </c>
      <c r="AY31" s="191">
        <v>0</v>
      </c>
      <c r="AZ31" s="191">
        <v>0</v>
      </c>
      <c r="BA31" s="191">
        <v>0</v>
      </c>
      <c r="BB31" s="191">
        <v>0</v>
      </c>
      <c r="BC31" s="191">
        <v>0</v>
      </c>
      <c r="BD31" s="196">
        <v>0</v>
      </c>
      <c r="BE31" s="195">
        <v>0</v>
      </c>
      <c r="BF31" s="190">
        <v>0</v>
      </c>
      <c r="BG31" s="191">
        <v>0</v>
      </c>
      <c r="BH31" s="196">
        <v>0</v>
      </c>
      <c r="BI31" s="193">
        <v>0</v>
      </c>
      <c r="BJ31" s="191">
        <v>0</v>
      </c>
      <c r="BK31" s="191">
        <v>0</v>
      </c>
      <c r="BL31" s="191">
        <v>0</v>
      </c>
      <c r="BM31" s="191">
        <v>0</v>
      </c>
      <c r="BN31" s="191">
        <v>0</v>
      </c>
      <c r="BO31" s="194">
        <v>0</v>
      </c>
      <c r="BP31" s="195">
        <v>0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0</v>
      </c>
      <c r="BW31" s="191">
        <v>0</v>
      </c>
      <c r="BX31" s="191">
        <v>0</v>
      </c>
      <c r="BY31" s="191">
        <v>0</v>
      </c>
      <c r="BZ31" s="196">
        <v>0</v>
      </c>
      <c r="CA31" s="195">
        <v>0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1</v>
      </c>
      <c r="CI31" s="191">
        <v>0</v>
      </c>
      <c r="CJ31" s="191">
        <v>0</v>
      </c>
      <c r="CK31" s="196">
        <v>1</v>
      </c>
      <c r="CL31" s="195">
        <v>1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</row>
    <row r="32" spans="2:101" ht="21" customHeight="1" x14ac:dyDescent="0.2">
      <c r="B32" s="106" t="s">
        <v>30</v>
      </c>
      <c r="C32" s="190">
        <v>0</v>
      </c>
      <c r="D32" s="196">
        <v>0</v>
      </c>
      <c r="E32" s="207">
        <v>0</v>
      </c>
      <c r="F32" s="193">
        <v>0</v>
      </c>
      <c r="G32" s="191">
        <v>0</v>
      </c>
      <c r="H32" s="191">
        <v>0</v>
      </c>
      <c r="I32" s="191">
        <v>0</v>
      </c>
      <c r="J32" s="191">
        <v>0</v>
      </c>
      <c r="K32" s="191">
        <v>0</v>
      </c>
      <c r="L32" s="194">
        <v>0</v>
      </c>
      <c r="M32" s="195">
        <v>0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  <c r="Y32" s="190">
        <v>0</v>
      </c>
      <c r="Z32" s="191">
        <v>0</v>
      </c>
      <c r="AA32" s="196">
        <v>0</v>
      </c>
      <c r="AB32" s="193">
        <v>0</v>
      </c>
      <c r="AC32" s="191">
        <v>0</v>
      </c>
      <c r="AD32" s="191">
        <v>0</v>
      </c>
      <c r="AE32" s="191">
        <v>1</v>
      </c>
      <c r="AF32" s="191">
        <v>0</v>
      </c>
      <c r="AG32" s="191">
        <v>0</v>
      </c>
      <c r="AH32" s="196">
        <v>1</v>
      </c>
      <c r="AI32" s="195">
        <v>1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0</v>
      </c>
      <c r="AQ32" s="191">
        <v>0</v>
      </c>
      <c r="AR32" s="191">
        <v>0</v>
      </c>
      <c r="AS32" s="196">
        <v>0</v>
      </c>
      <c r="AT32" s="195">
        <v>0</v>
      </c>
      <c r="AU32" s="190">
        <v>0</v>
      </c>
      <c r="AV32" s="191">
        <v>0</v>
      </c>
      <c r="AW32" s="196">
        <v>0</v>
      </c>
      <c r="AX32" s="193">
        <v>0</v>
      </c>
      <c r="AY32" s="191">
        <v>0</v>
      </c>
      <c r="AZ32" s="191">
        <v>0</v>
      </c>
      <c r="BA32" s="191">
        <v>0</v>
      </c>
      <c r="BB32" s="191">
        <v>0</v>
      </c>
      <c r="BC32" s="191">
        <v>0</v>
      </c>
      <c r="BD32" s="196">
        <v>0</v>
      </c>
      <c r="BE32" s="195">
        <v>0</v>
      </c>
      <c r="BF32" s="190">
        <v>0</v>
      </c>
      <c r="BG32" s="191">
        <v>0</v>
      </c>
      <c r="BH32" s="196">
        <v>0</v>
      </c>
      <c r="BI32" s="193">
        <v>0</v>
      </c>
      <c r="BJ32" s="191">
        <v>0</v>
      </c>
      <c r="BK32" s="191">
        <v>0</v>
      </c>
      <c r="BL32" s="191">
        <v>1</v>
      </c>
      <c r="BM32" s="191">
        <v>0</v>
      </c>
      <c r="BN32" s="191">
        <v>0</v>
      </c>
      <c r="BO32" s="194">
        <v>1</v>
      </c>
      <c r="BP32" s="195">
        <v>1</v>
      </c>
      <c r="BQ32" s="190">
        <v>0</v>
      </c>
      <c r="BR32" s="191">
        <v>0</v>
      </c>
      <c r="BS32" s="196">
        <v>0</v>
      </c>
      <c r="BT32" s="193">
        <v>0</v>
      </c>
      <c r="BU32" s="191">
        <v>0</v>
      </c>
      <c r="BV32" s="191">
        <v>0</v>
      </c>
      <c r="BW32" s="191">
        <v>0</v>
      </c>
      <c r="BX32" s="191">
        <v>0</v>
      </c>
      <c r="BY32" s="191">
        <v>0</v>
      </c>
      <c r="BZ32" s="196">
        <v>0</v>
      </c>
      <c r="CA32" s="195">
        <v>0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0</v>
      </c>
      <c r="CH32" s="191">
        <v>0</v>
      </c>
      <c r="CI32" s="191">
        <v>0</v>
      </c>
      <c r="CJ32" s="191">
        <v>0</v>
      </c>
      <c r="CK32" s="196">
        <v>0</v>
      </c>
      <c r="CL32" s="195">
        <v>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</row>
    <row r="33" spans="2:101" ht="21" customHeight="1" x14ac:dyDescent="0.2">
      <c r="B33" s="106" t="s">
        <v>31</v>
      </c>
      <c r="C33" s="190">
        <v>0</v>
      </c>
      <c r="D33" s="196">
        <v>0</v>
      </c>
      <c r="E33" s="207">
        <v>0</v>
      </c>
      <c r="F33" s="193">
        <v>0</v>
      </c>
      <c r="G33" s="191">
        <v>0</v>
      </c>
      <c r="H33" s="191">
        <v>0</v>
      </c>
      <c r="I33" s="191">
        <v>0</v>
      </c>
      <c r="J33" s="191">
        <v>0</v>
      </c>
      <c r="K33" s="191">
        <v>0</v>
      </c>
      <c r="L33" s="194">
        <v>0</v>
      </c>
      <c r="M33" s="195">
        <v>0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0</v>
      </c>
      <c r="W33" s="196">
        <v>0</v>
      </c>
      <c r="X33" s="195">
        <v>0</v>
      </c>
      <c r="Y33" s="190">
        <v>0</v>
      </c>
      <c r="Z33" s="191">
        <v>0</v>
      </c>
      <c r="AA33" s="196">
        <v>0</v>
      </c>
      <c r="AB33" s="193">
        <v>0</v>
      </c>
      <c r="AC33" s="191">
        <v>0</v>
      </c>
      <c r="AD33" s="191">
        <v>1</v>
      </c>
      <c r="AE33" s="191">
        <v>0</v>
      </c>
      <c r="AF33" s="191">
        <v>0</v>
      </c>
      <c r="AG33" s="191">
        <v>0</v>
      </c>
      <c r="AH33" s="196">
        <v>1</v>
      </c>
      <c r="AI33" s="195">
        <v>1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1</v>
      </c>
      <c r="AR33" s="191">
        <v>0</v>
      </c>
      <c r="AS33" s="196">
        <v>1</v>
      </c>
      <c r="AT33" s="195">
        <v>1</v>
      </c>
      <c r="AU33" s="190">
        <v>0</v>
      </c>
      <c r="AV33" s="191">
        <v>0</v>
      </c>
      <c r="AW33" s="196">
        <v>0</v>
      </c>
      <c r="AX33" s="193">
        <v>0</v>
      </c>
      <c r="AY33" s="191">
        <v>1</v>
      </c>
      <c r="AZ33" s="191">
        <v>1</v>
      </c>
      <c r="BA33" s="191">
        <v>0</v>
      </c>
      <c r="BB33" s="191">
        <v>0</v>
      </c>
      <c r="BC33" s="191">
        <v>0</v>
      </c>
      <c r="BD33" s="196">
        <v>2</v>
      </c>
      <c r="BE33" s="195">
        <v>2</v>
      </c>
      <c r="BF33" s="190">
        <v>0</v>
      </c>
      <c r="BG33" s="191">
        <v>0</v>
      </c>
      <c r="BH33" s="196">
        <v>0</v>
      </c>
      <c r="BI33" s="193">
        <v>0</v>
      </c>
      <c r="BJ33" s="191">
        <v>0</v>
      </c>
      <c r="BK33" s="191">
        <v>2</v>
      </c>
      <c r="BL33" s="191">
        <v>0</v>
      </c>
      <c r="BM33" s="191">
        <v>1</v>
      </c>
      <c r="BN33" s="191">
        <v>1</v>
      </c>
      <c r="BO33" s="194">
        <v>4</v>
      </c>
      <c r="BP33" s="195">
        <v>4</v>
      </c>
      <c r="BQ33" s="190">
        <v>0</v>
      </c>
      <c r="BR33" s="191">
        <v>0</v>
      </c>
      <c r="BS33" s="196">
        <v>0</v>
      </c>
      <c r="BT33" s="193">
        <v>0</v>
      </c>
      <c r="BU33" s="191">
        <v>0</v>
      </c>
      <c r="BV33" s="191">
        <v>0</v>
      </c>
      <c r="BW33" s="191">
        <v>0</v>
      </c>
      <c r="BX33" s="191">
        <v>0</v>
      </c>
      <c r="BY33" s="191">
        <v>0</v>
      </c>
      <c r="BZ33" s="196">
        <v>0</v>
      </c>
      <c r="CA33" s="195">
        <v>0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0</v>
      </c>
      <c r="CI33" s="191">
        <v>1</v>
      </c>
      <c r="CJ33" s="191">
        <v>0</v>
      </c>
      <c r="CK33" s="196">
        <v>1</v>
      </c>
      <c r="CL33" s="195">
        <v>1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</row>
    <row r="34" spans="2:101" ht="21" customHeight="1" x14ac:dyDescent="0.2">
      <c r="B34" s="106" t="s">
        <v>32</v>
      </c>
      <c r="C34" s="190">
        <v>0</v>
      </c>
      <c r="D34" s="196">
        <v>0</v>
      </c>
      <c r="E34" s="207">
        <v>0</v>
      </c>
      <c r="F34" s="193">
        <v>0</v>
      </c>
      <c r="G34" s="191">
        <v>0</v>
      </c>
      <c r="H34" s="191">
        <v>0</v>
      </c>
      <c r="I34" s="191">
        <v>0</v>
      </c>
      <c r="J34" s="191">
        <v>0</v>
      </c>
      <c r="K34" s="191">
        <v>0</v>
      </c>
      <c r="L34" s="194">
        <v>0</v>
      </c>
      <c r="M34" s="195">
        <v>0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  <c r="Y34" s="190">
        <v>0</v>
      </c>
      <c r="Z34" s="191">
        <v>0</v>
      </c>
      <c r="AA34" s="196">
        <v>0</v>
      </c>
      <c r="AB34" s="193">
        <v>0</v>
      </c>
      <c r="AC34" s="191">
        <v>2</v>
      </c>
      <c r="AD34" s="191">
        <v>2</v>
      </c>
      <c r="AE34" s="191">
        <v>0</v>
      </c>
      <c r="AF34" s="191">
        <v>0</v>
      </c>
      <c r="AG34" s="191">
        <v>0</v>
      </c>
      <c r="AH34" s="196">
        <v>4</v>
      </c>
      <c r="AI34" s="195">
        <v>4</v>
      </c>
      <c r="AJ34" s="190">
        <v>0</v>
      </c>
      <c r="AK34" s="191">
        <v>0</v>
      </c>
      <c r="AL34" s="196">
        <v>0</v>
      </c>
      <c r="AM34" s="193">
        <v>0</v>
      </c>
      <c r="AN34" s="191">
        <v>0</v>
      </c>
      <c r="AO34" s="191">
        <v>0</v>
      </c>
      <c r="AP34" s="191">
        <v>0</v>
      </c>
      <c r="AQ34" s="191">
        <v>0</v>
      </c>
      <c r="AR34" s="191">
        <v>0</v>
      </c>
      <c r="AS34" s="196">
        <v>0</v>
      </c>
      <c r="AT34" s="195">
        <v>0</v>
      </c>
      <c r="AU34" s="190">
        <v>0</v>
      </c>
      <c r="AV34" s="191">
        <v>0</v>
      </c>
      <c r="AW34" s="196">
        <v>0</v>
      </c>
      <c r="AX34" s="193">
        <v>0</v>
      </c>
      <c r="AY34" s="191">
        <v>0</v>
      </c>
      <c r="AZ34" s="191">
        <v>0</v>
      </c>
      <c r="BA34" s="191">
        <v>0</v>
      </c>
      <c r="BB34" s="191">
        <v>0</v>
      </c>
      <c r="BC34" s="191">
        <v>0</v>
      </c>
      <c r="BD34" s="196">
        <v>0</v>
      </c>
      <c r="BE34" s="195">
        <v>0</v>
      </c>
      <c r="BF34" s="190">
        <v>0</v>
      </c>
      <c r="BG34" s="191">
        <v>0</v>
      </c>
      <c r="BH34" s="196">
        <v>0</v>
      </c>
      <c r="BI34" s="193">
        <v>0</v>
      </c>
      <c r="BJ34" s="191">
        <v>1</v>
      </c>
      <c r="BK34" s="191">
        <v>1</v>
      </c>
      <c r="BL34" s="191">
        <v>1</v>
      </c>
      <c r="BM34" s="191">
        <v>1</v>
      </c>
      <c r="BN34" s="191">
        <v>0</v>
      </c>
      <c r="BO34" s="194">
        <v>4</v>
      </c>
      <c r="BP34" s="195">
        <v>4</v>
      </c>
      <c r="BQ34" s="190">
        <v>0</v>
      </c>
      <c r="BR34" s="191">
        <v>0</v>
      </c>
      <c r="BS34" s="196">
        <v>0</v>
      </c>
      <c r="BT34" s="193">
        <v>0</v>
      </c>
      <c r="BU34" s="191">
        <v>0</v>
      </c>
      <c r="BV34" s="191">
        <v>0</v>
      </c>
      <c r="BW34" s="191">
        <v>0</v>
      </c>
      <c r="BX34" s="191">
        <v>0</v>
      </c>
      <c r="BY34" s="191">
        <v>0</v>
      </c>
      <c r="BZ34" s="196">
        <v>0</v>
      </c>
      <c r="CA34" s="195">
        <v>0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2</v>
      </c>
      <c r="CI34" s="191">
        <v>0</v>
      </c>
      <c r="CJ34" s="191">
        <v>0</v>
      </c>
      <c r="CK34" s="196">
        <v>2</v>
      </c>
      <c r="CL34" s="195">
        <v>2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</row>
    <row r="35" spans="2:101" ht="21" customHeight="1" x14ac:dyDescent="0.2">
      <c r="B35" s="106" t="s">
        <v>33</v>
      </c>
      <c r="C35" s="190">
        <v>0</v>
      </c>
      <c r="D35" s="196">
        <v>0</v>
      </c>
      <c r="E35" s="207">
        <v>0</v>
      </c>
      <c r="F35" s="193">
        <v>0</v>
      </c>
      <c r="G35" s="191">
        <v>0</v>
      </c>
      <c r="H35" s="191">
        <v>0</v>
      </c>
      <c r="I35" s="191">
        <v>0</v>
      </c>
      <c r="J35" s="191">
        <v>0</v>
      </c>
      <c r="K35" s="191">
        <v>0</v>
      </c>
      <c r="L35" s="194">
        <v>0</v>
      </c>
      <c r="M35" s="195">
        <v>0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0</v>
      </c>
      <c r="AA35" s="196">
        <v>0</v>
      </c>
      <c r="AB35" s="193">
        <v>0</v>
      </c>
      <c r="AC35" s="191">
        <v>2</v>
      </c>
      <c r="AD35" s="191">
        <v>0</v>
      </c>
      <c r="AE35" s="191">
        <v>0</v>
      </c>
      <c r="AF35" s="191">
        <v>0</v>
      </c>
      <c r="AG35" s="191">
        <v>0</v>
      </c>
      <c r="AH35" s="196">
        <v>2</v>
      </c>
      <c r="AI35" s="195">
        <v>2</v>
      </c>
      <c r="AJ35" s="190">
        <v>0</v>
      </c>
      <c r="AK35" s="191">
        <v>0</v>
      </c>
      <c r="AL35" s="196">
        <v>0</v>
      </c>
      <c r="AM35" s="193">
        <v>0</v>
      </c>
      <c r="AN35" s="191">
        <v>0</v>
      </c>
      <c r="AO35" s="191">
        <v>0</v>
      </c>
      <c r="AP35" s="191">
        <v>0</v>
      </c>
      <c r="AQ35" s="191">
        <v>0</v>
      </c>
      <c r="AR35" s="191">
        <v>0</v>
      </c>
      <c r="AS35" s="196">
        <v>0</v>
      </c>
      <c r="AT35" s="195">
        <v>0</v>
      </c>
      <c r="AU35" s="190">
        <v>0</v>
      </c>
      <c r="AV35" s="191">
        <v>0</v>
      </c>
      <c r="AW35" s="196">
        <v>0</v>
      </c>
      <c r="AX35" s="193">
        <v>0</v>
      </c>
      <c r="AY35" s="191">
        <v>0</v>
      </c>
      <c r="AZ35" s="191">
        <v>0</v>
      </c>
      <c r="BA35" s="191">
        <v>0</v>
      </c>
      <c r="BB35" s="191">
        <v>0</v>
      </c>
      <c r="BC35" s="191">
        <v>0</v>
      </c>
      <c r="BD35" s="196">
        <v>0</v>
      </c>
      <c r="BE35" s="195">
        <v>0</v>
      </c>
      <c r="BF35" s="190">
        <v>0</v>
      </c>
      <c r="BG35" s="191">
        <v>0</v>
      </c>
      <c r="BH35" s="196">
        <v>0</v>
      </c>
      <c r="BI35" s="193">
        <v>0</v>
      </c>
      <c r="BJ35" s="191">
        <v>0</v>
      </c>
      <c r="BK35" s="191">
        <v>0</v>
      </c>
      <c r="BL35" s="191">
        <v>0</v>
      </c>
      <c r="BM35" s="191">
        <v>0</v>
      </c>
      <c r="BN35" s="191">
        <v>0</v>
      </c>
      <c r="BO35" s="194">
        <v>0</v>
      </c>
      <c r="BP35" s="195">
        <v>0</v>
      </c>
      <c r="BQ35" s="190">
        <v>0</v>
      </c>
      <c r="BR35" s="191">
        <v>0</v>
      </c>
      <c r="BS35" s="196">
        <v>0</v>
      </c>
      <c r="BT35" s="193">
        <v>0</v>
      </c>
      <c r="BU35" s="191">
        <v>0</v>
      </c>
      <c r="BV35" s="191">
        <v>0</v>
      </c>
      <c r="BW35" s="191">
        <v>0</v>
      </c>
      <c r="BX35" s="191">
        <v>0</v>
      </c>
      <c r="BY35" s="191">
        <v>0</v>
      </c>
      <c r="BZ35" s="196">
        <v>0</v>
      </c>
      <c r="CA35" s="195">
        <v>0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</row>
    <row r="36" spans="2:101" ht="21" customHeight="1" x14ac:dyDescent="0.2">
      <c r="B36" s="106" t="s">
        <v>34</v>
      </c>
      <c r="C36" s="190">
        <v>0</v>
      </c>
      <c r="D36" s="196">
        <v>0</v>
      </c>
      <c r="E36" s="207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0</v>
      </c>
      <c r="L36" s="194">
        <v>0</v>
      </c>
      <c r="M36" s="195">
        <v>0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0</v>
      </c>
      <c r="Z36" s="191">
        <v>0</v>
      </c>
      <c r="AA36" s="196">
        <v>0</v>
      </c>
      <c r="AB36" s="193">
        <v>0</v>
      </c>
      <c r="AC36" s="191">
        <v>2</v>
      </c>
      <c r="AD36" s="191">
        <v>2</v>
      </c>
      <c r="AE36" s="191">
        <v>0</v>
      </c>
      <c r="AF36" s="191">
        <v>0</v>
      </c>
      <c r="AG36" s="191">
        <v>0</v>
      </c>
      <c r="AH36" s="196">
        <v>4</v>
      </c>
      <c r="AI36" s="195">
        <v>4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0</v>
      </c>
      <c r="AP36" s="191">
        <v>0</v>
      </c>
      <c r="AQ36" s="191">
        <v>0</v>
      </c>
      <c r="AR36" s="191">
        <v>0</v>
      </c>
      <c r="AS36" s="196">
        <v>0</v>
      </c>
      <c r="AT36" s="195">
        <v>0</v>
      </c>
      <c r="AU36" s="190">
        <v>0</v>
      </c>
      <c r="AV36" s="191">
        <v>0</v>
      </c>
      <c r="AW36" s="196">
        <v>0</v>
      </c>
      <c r="AX36" s="193">
        <v>0</v>
      </c>
      <c r="AY36" s="191">
        <v>0</v>
      </c>
      <c r="AZ36" s="191">
        <v>1</v>
      </c>
      <c r="BA36" s="191">
        <v>0</v>
      </c>
      <c r="BB36" s="191">
        <v>0</v>
      </c>
      <c r="BC36" s="191">
        <v>0</v>
      </c>
      <c r="BD36" s="196">
        <v>1</v>
      </c>
      <c r="BE36" s="195">
        <v>1</v>
      </c>
      <c r="BF36" s="190">
        <v>0</v>
      </c>
      <c r="BG36" s="191">
        <v>0</v>
      </c>
      <c r="BH36" s="196">
        <v>0</v>
      </c>
      <c r="BI36" s="193">
        <v>0</v>
      </c>
      <c r="BJ36" s="191">
        <v>1</v>
      </c>
      <c r="BK36" s="191">
        <v>0</v>
      </c>
      <c r="BL36" s="191">
        <v>1</v>
      </c>
      <c r="BM36" s="191">
        <v>0</v>
      </c>
      <c r="BN36" s="191">
        <v>0</v>
      </c>
      <c r="BO36" s="194">
        <v>2</v>
      </c>
      <c r="BP36" s="195">
        <v>2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</row>
    <row r="37" spans="2:101" ht="21" customHeight="1" x14ac:dyDescent="0.2">
      <c r="B37" s="106" t="s">
        <v>35</v>
      </c>
      <c r="C37" s="190">
        <v>0</v>
      </c>
      <c r="D37" s="196">
        <v>0</v>
      </c>
      <c r="E37" s="207">
        <v>0</v>
      </c>
      <c r="F37" s="193">
        <v>0</v>
      </c>
      <c r="G37" s="191">
        <v>0</v>
      </c>
      <c r="H37" s="191">
        <v>0</v>
      </c>
      <c r="I37" s="191">
        <v>0</v>
      </c>
      <c r="J37" s="191">
        <v>0</v>
      </c>
      <c r="K37" s="191">
        <v>0</v>
      </c>
      <c r="L37" s="194">
        <v>0</v>
      </c>
      <c r="M37" s="195">
        <v>0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  <c r="Y37" s="190">
        <v>0</v>
      </c>
      <c r="Z37" s="191">
        <v>0</v>
      </c>
      <c r="AA37" s="196">
        <v>0</v>
      </c>
      <c r="AB37" s="193">
        <v>0</v>
      </c>
      <c r="AC37" s="191">
        <v>0</v>
      </c>
      <c r="AD37" s="191">
        <v>0</v>
      </c>
      <c r="AE37" s="191">
        <v>0</v>
      </c>
      <c r="AF37" s="191">
        <v>0</v>
      </c>
      <c r="AG37" s="191">
        <v>0</v>
      </c>
      <c r="AH37" s="196">
        <v>0</v>
      </c>
      <c r="AI37" s="195">
        <v>0</v>
      </c>
      <c r="AJ37" s="190">
        <v>0</v>
      </c>
      <c r="AK37" s="191">
        <v>0</v>
      </c>
      <c r="AL37" s="196">
        <v>0</v>
      </c>
      <c r="AM37" s="193">
        <v>0</v>
      </c>
      <c r="AN37" s="191">
        <v>0</v>
      </c>
      <c r="AO37" s="191">
        <v>0</v>
      </c>
      <c r="AP37" s="191">
        <v>0</v>
      </c>
      <c r="AQ37" s="191">
        <v>0</v>
      </c>
      <c r="AR37" s="191">
        <v>0</v>
      </c>
      <c r="AS37" s="196">
        <v>0</v>
      </c>
      <c r="AT37" s="195">
        <v>0</v>
      </c>
      <c r="AU37" s="190">
        <v>0</v>
      </c>
      <c r="AV37" s="191">
        <v>0</v>
      </c>
      <c r="AW37" s="196">
        <v>0</v>
      </c>
      <c r="AX37" s="193">
        <v>0</v>
      </c>
      <c r="AY37" s="191">
        <v>0</v>
      </c>
      <c r="AZ37" s="191">
        <v>0</v>
      </c>
      <c r="BA37" s="191">
        <v>0</v>
      </c>
      <c r="BB37" s="191">
        <v>0</v>
      </c>
      <c r="BC37" s="191">
        <v>0</v>
      </c>
      <c r="BD37" s="196">
        <v>0</v>
      </c>
      <c r="BE37" s="195">
        <v>0</v>
      </c>
      <c r="BF37" s="190">
        <v>0</v>
      </c>
      <c r="BG37" s="191">
        <v>0</v>
      </c>
      <c r="BH37" s="196">
        <v>0</v>
      </c>
      <c r="BI37" s="193">
        <v>0</v>
      </c>
      <c r="BJ37" s="191">
        <v>0</v>
      </c>
      <c r="BK37" s="191">
        <v>2</v>
      </c>
      <c r="BL37" s="191">
        <v>0</v>
      </c>
      <c r="BM37" s="191">
        <v>0</v>
      </c>
      <c r="BN37" s="191">
        <v>0</v>
      </c>
      <c r="BO37" s="194">
        <v>2</v>
      </c>
      <c r="BP37" s="195">
        <v>2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0</v>
      </c>
      <c r="BW37" s="191">
        <v>0</v>
      </c>
      <c r="BX37" s="191">
        <v>0</v>
      </c>
      <c r="BY37" s="191">
        <v>0</v>
      </c>
      <c r="BZ37" s="196">
        <v>0</v>
      </c>
      <c r="CA37" s="195">
        <v>0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</row>
    <row r="38" spans="2:101" ht="21" customHeight="1" x14ac:dyDescent="0.2">
      <c r="B38" s="106" t="s">
        <v>36</v>
      </c>
      <c r="C38" s="190">
        <v>0</v>
      </c>
      <c r="D38" s="196">
        <v>0</v>
      </c>
      <c r="E38" s="207">
        <v>0</v>
      </c>
      <c r="F38" s="193">
        <v>0</v>
      </c>
      <c r="G38" s="191">
        <v>0</v>
      </c>
      <c r="H38" s="191">
        <v>0</v>
      </c>
      <c r="I38" s="191">
        <v>0</v>
      </c>
      <c r="J38" s="191">
        <v>0</v>
      </c>
      <c r="K38" s="191">
        <v>0</v>
      </c>
      <c r="L38" s="194">
        <v>0</v>
      </c>
      <c r="M38" s="195">
        <v>0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  <c r="Y38" s="190">
        <v>0</v>
      </c>
      <c r="Z38" s="191">
        <v>0</v>
      </c>
      <c r="AA38" s="196">
        <v>0</v>
      </c>
      <c r="AB38" s="193">
        <v>0</v>
      </c>
      <c r="AC38" s="191">
        <v>3</v>
      </c>
      <c r="AD38" s="191">
        <v>1</v>
      </c>
      <c r="AE38" s="191">
        <v>0</v>
      </c>
      <c r="AF38" s="191">
        <v>0</v>
      </c>
      <c r="AG38" s="191">
        <v>0</v>
      </c>
      <c r="AH38" s="196">
        <v>4</v>
      </c>
      <c r="AI38" s="195">
        <v>4</v>
      </c>
      <c r="AJ38" s="190">
        <v>0</v>
      </c>
      <c r="AK38" s="191">
        <v>0</v>
      </c>
      <c r="AL38" s="196">
        <v>0</v>
      </c>
      <c r="AM38" s="193">
        <v>0</v>
      </c>
      <c r="AN38" s="191">
        <v>0</v>
      </c>
      <c r="AO38" s="191">
        <v>0</v>
      </c>
      <c r="AP38" s="191">
        <v>0</v>
      </c>
      <c r="AQ38" s="191">
        <v>0</v>
      </c>
      <c r="AR38" s="191">
        <v>0</v>
      </c>
      <c r="AS38" s="196">
        <v>0</v>
      </c>
      <c r="AT38" s="195">
        <v>0</v>
      </c>
      <c r="AU38" s="190">
        <v>0</v>
      </c>
      <c r="AV38" s="191">
        <v>0</v>
      </c>
      <c r="AW38" s="196">
        <v>0</v>
      </c>
      <c r="AX38" s="193">
        <v>0</v>
      </c>
      <c r="AY38" s="191">
        <v>0</v>
      </c>
      <c r="AZ38" s="191">
        <v>0</v>
      </c>
      <c r="BA38" s="191">
        <v>0</v>
      </c>
      <c r="BB38" s="191">
        <v>0</v>
      </c>
      <c r="BC38" s="191">
        <v>0</v>
      </c>
      <c r="BD38" s="196">
        <v>0</v>
      </c>
      <c r="BE38" s="195">
        <v>0</v>
      </c>
      <c r="BF38" s="190">
        <v>0</v>
      </c>
      <c r="BG38" s="191">
        <v>0</v>
      </c>
      <c r="BH38" s="196">
        <v>0</v>
      </c>
      <c r="BI38" s="193">
        <v>0</v>
      </c>
      <c r="BJ38" s="191">
        <v>0</v>
      </c>
      <c r="BK38" s="191">
        <v>0</v>
      </c>
      <c r="BL38" s="191">
        <v>0</v>
      </c>
      <c r="BM38" s="191">
        <v>0</v>
      </c>
      <c r="BN38" s="191">
        <v>0</v>
      </c>
      <c r="BO38" s="194">
        <v>0</v>
      </c>
      <c r="BP38" s="195">
        <v>0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0</v>
      </c>
      <c r="BW38" s="191">
        <v>0</v>
      </c>
      <c r="BX38" s="191">
        <v>0</v>
      </c>
      <c r="BY38" s="191">
        <v>0</v>
      </c>
      <c r="BZ38" s="196">
        <v>0</v>
      </c>
      <c r="CA38" s="195">
        <v>0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</row>
    <row r="39" spans="2:101" ht="21" customHeight="1" thickBot="1" x14ac:dyDescent="0.25">
      <c r="B39" s="108" t="s">
        <v>37</v>
      </c>
      <c r="C39" s="197">
        <v>0</v>
      </c>
      <c r="D39" s="203">
        <v>0</v>
      </c>
      <c r="E39" s="208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0</v>
      </c>
      <c r="AE39" s="198">
        <v>0</v>
      </c>
      <c r="AF39" s="198">
        <v>0</v>
      </c>
      <c r="AG39" s="198">
        <v>0</v>
      </c>
      <c r="AH39" s="203">
        <v>0</v>
      </c>
      <c r="AI39" s="202">
        <v>0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3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0</v>
      </c>
      <c r="BK39" s="198">
        <v>0</v>
      </c>
      <c r="BL39" s="198">
        <v>0</v>
      </c>
      <c r="BM39" s="198">
        <v>0</v>
      </c>
      <c r="BN39" s="198">
        <v>0</v>
      </c>
      <c r="BO39" s="201">
        <v>0</v>
      </c>
      <c r="BP39" s="202">
        <v>0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</row>
  </sheetData>
  <mergeCells count="39">
    <mergeCell ref="Y3:AI3"/>
    <mergeCell ref="Y4:AA4"/>
    <mergeCell ref="AB4:AH4"/>
    <mergeCell ref="AI4:AI5"/>
    <mergeCell ref="AJ3:AT3"/>
    <mergeCell ref="AM4:AS4"/>
    <mergeCell ref="AT4:AT5"/>
    <mergeCell ref="I1:J1"/>
    <mergeCell ref="L1:M1"/>
    <mergeCell ref="B3:B5"/>
    <mergeCell ref="C3:M3"/>
    <mergeCell ref="N3:X3"/>
    <mergeCell ref="X4:X5"/>
    <mergeCell ref="C4:E4"/>
    <mergeCell ref="F4:L4"/>
    <mergeCell ref="M4:M5"/>
    <mergeCell ref="N4:P4"/>
    <mergeCell ref="Q4:W4"/>
    <mergeCell ref="AU4:AW4"/>
    <mergeCell ref="AJ4:AL4"/>
    <mergeCell ref="AX4:BD4"/>
    <mergeCell ref="CB4:CD4"/>
    <mergeCell ref="AU3:BE3"/>
    <mergeCell ref="BE4:BE5"/>
    <mergeCell ref="BF3:BP3"/>
    <mergeCell ref="BP4:BP5"/>
    <mergeCell ref="BQ3:CA3"/>
    <mergeCell ref="CA4:CA5"/>
    <mergeCell ref="CM3:CW3"/>
    <mergeCell ref="CM4:CO4"/>
    <mergeCell ref="CP4:CV4"/>
    <mergeCell ref="CE4:CK4"/>
    <mergeCell ref="BF4:BH4"/>
    <mergeCell ref="BI4:BO4"/>
    <mergeCell ref="BQ4:BS4"/>
    <mergeCell ref="BT4:BZ4"/>
    <mergeCell ref="CB3:CL3"/>
    <mergeCell ref="CL4:CL5"/>
    <mergeCell ref="CW4:CW5"/>
  </mergeCells>
  <phoneticPr fontId="4"/>
  <pageMargins left="0.70866141732283472" right="0.70866141732283472" top="0.74803149606299213" bottom="0.74803149606299213" header="0.31496062992125984" footer="0.31496062992125984"/>
  <pageSetup paperSize="9" scale="60" orientation="landscape" r:id="rId1"/>
  <headerFooter>
    <oddFooter>&amp;L&amp;20&amp;A&amp;C&amp;P/&amp;N</oddFooter>
  </headerFooter>
  <colBreaks count="3" manualBreakCount="3">
    <brk id="24" max="1048575" man="1"/>
    <brk id="46" max="1048575" man="1"/>
    <brk id="68" max="104857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CW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.33203125" style="175" customWidth="1"/>
    <col min="6" max="6" width="7.6640625" style="175" customWidth="1"/>
    <col min="7" max="7" width="8.44140625" style="175" customWidth="1"/>
    <col min="8" max="8" width="8.77734375" style="175" customWidth="1"/>
    <col min="9" max="16" width="9" style="175"/>
    <col min="17" max="17" width="7.21875" style="175" customWidth="1"/>
    <col min="18" max="27" width="9" style="175"/>
    <col min="28" max="28" width="7.6640625" style="175" customWidth="1"/>
    <col min="29" max="38" width="9" style="175"/>
    <col min="39" max="39" width="7.6640625" style="175" customWidth="1"/>
    <col min="40" max="49" width="9" style="175"/>
    <col min="50" max="50" width="7.6640625" style="175" customWidth="1"/>
    <col min="51" max="60" width="9" style="175"/>
    <col min="61" max="61" width="7.21875" style="175" customWidth="1"/>
    <col min="62" max="71" width="9" style="175"/>
    <col min="72" max="72" width="7.21875" style="175" customWidth="1"/>
    <col min="73" max="82" width="9" style="175"/>
    <col min="83" max="83" width="7.33203125" style="175" customWidth="1"/>
    <col min="84" max="93" width="9" style="175"/>
    <col min="94" max="94" width="7.44140625" style="175" customWidth="1"/>
    <col min="95" max="16384" width="9" style="175"/>
  </cols>
  <sheetData>
    <row r="1" spans="2:101" ht="24" customHeight="1" x14ac:dyDescent="0.2">
      <c r="B1" s="142" t="s">
        <v>122</v>
      </c>
      <c r="I1" s="442">
        <f>第１表!F2</f>
        <v>7</v>
      </c>
      <c r="J1" s="442"/>
      <c r="K1" s="18">
        <f>第１表!G2</f>
        <v>2</v>
      </c>
      <c r="L1" s="447">
        <f>IF(K1&lt;3,K1+12-2,K1-2)</f>
        <v>12</v>
      </c>
      <c r="M1" s="447"/>
    </row>
    <row r="2" spans="2:101" s="71" customFormat="1" ht="24" customHeight="1" thickBot="1" x14ac:dyDescent="0.25">
      <c r="B2" s="142" t="s">
        <v>151</v>
      </c>
    </row>
    <row r="3" spans="2:101" ht="21" customHeight="1" thickBot="1" x14ac:dyDescent="0.25">
      <c r="B3" s="478"/>
      <c r="C3" s="472" t="s">
        <v>94</v>
      </c>
      <c r="D3" s="473"/>
      <c r="E3" s="473"/>
      <c r="F3" s="473"/>
      <c r="G3" s="473"/>
      <c r="H3" s="473"/>
      <c r="I3" s="473"/>
      <c r="J3" s="473"/>
      <c r="K3" s="473"/>
      <c r="L3" s="473"/>
      <c r="M3" s="474"/>
      <c r="N3" s="472" t="s">
        <v>88</v>
      </c>
      <c r="O3" s="473"/>
      <c r="P3" s="473"/>
      <c r="Q3" s="473"/>
      <c r="R3" s="473"/>
      <c r="S3" s="473"/>
      <c r="T3" s="473"/>
      <c r="U3" s="473"/>
      <c r="V3" s="473"/>
      <c r="W3" s="473"/>
      <c r="X3" s="474"/>
      <c r="Y3" s="472" t="s">
        <v>138</v>
      </c>
      <c r="Z3" s="473"/>
      <c r="AA3" s="473"/>
      <c r="AB3" s="473"/>
      <c r="AC3" s="473"/>
      <c r="AD3" s="473"/>
      <c r="AE3" s="473"/>
      <c r="AF3" s="473"/>
      <c r="AG3" s="473"/>
      <c r="AH3" s="473"/>
      <c r="AI3" s="474"/>
      <c r="AJ3" s="472" t="s">
        <v>90</v>
      </c>
      <c r="AK3" s="473"/>
      <c r="AL3" s="473"/>
      <c r="AM3" s="473"/>
      <c r="AN3" s="473"/>
      <c r="AO3" s="473"/>
      <c r="AP3" s="473"/>
      <c r="AQ3" s="473"/>
      <c r="AR3" s="473"/>
      <c r="AS3" s="473"/>
      <c r="AT3" s="474"/>
      <c r="AU3" s="481" t="s">
        <v>89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91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92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93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2" t="s">
        <v>13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</row>
    <row r="4" spans="2:101" ht="21" customHeight="1" x14ac:dyDescent="0.2">
      <c r="B4" s="479"/>
      <c r="C4" s="465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65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67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93" t="s">
        <v>61</v>
      </c>
      <c r="AV4" s="491"/>
      <c r="AW4" s="492"/>
      <c r="AX4" s="490" t="s">
        <v>62</v>
      </c>
      <c r="AY4" s="491"/>
      <c r="AZ4" s="491"/>
      <c r="BA4" s="491"/>
      <c r="BB4" s="491"/>
      <c r="BC4" s="491"/>
      <c r="BD4" s="492"/>
      <c r="BE4" s="494" t="s">
        <v>52</v>
      </c>
      <c r="BF4" s="493" t="s">
        <v>61</v>
      </c>
      <c r="BG4" s="491"/>
      <c r="BH4" s="492"/>
      <c r="BI4" s="490" t="s">
        <v>62</v>
      </c>
      <c r="BJ4" s="491"/>
      <c r="BK4" s="491"/>
      <c r="BL4" s="491"/>
      <c r="BM4" s="491"/>
      <c r="BN4" s="491"/>
      <c r="BO4" s="492"/>
      <c r="BP4" s="494" t="s">
        <v>52</v>
      </c>
      <c r="BQ4" s="493" t="s">
        <v>61</v>
      </c>
      <c r="BR4" s="491"/>
      <c r="BS4" s="492"/>
      <c r="BT4" s="490" t="s">
        <v>62</v>
      </c>
      <c r="BU4" s="491"/>
      <c r="BV4" s="491"/>
      <c r="BW4" s="491"/>
      <c r="BX4" s="491"/>
      <c r="BY4" s="491"/>
      <c r="BZ4" s="492"/>
      <c r="CA4" s="494" t="s">
        <v>52</v>
      </c>
      <c r="CB4" s="493" t="s">
        <v>61</v>
      </c>
      <c r="CC4" s="491"/>
      <c r="CD4" s="492"/>
      <c r="CE4" s="490" t="s">
        <v>62</v>
      </c>
      <c r="CF4" s="491"/>
      <c r="CG4" s="491"/>
      <c r="CH4" s="491"/>
      <c r="CI4" s="491"/>
      <c r="CJ4" s="491"/>
      <c r="CK4" s="492"/>
      <c r="CL4" s="494" t="s">
        <v>52</v>
      </c>
      <c r="CM4" s="493" t="s">
        <v>61</v>
      </c>
      <c r="CN4" s="491"/>
      <c r="CO4" s="492"/>
      <c r="CP4" s="490" t="s">
        <v>62</v>
      </c>
      <c r="CQ4" s="491"/>
      <c r="CR4" s="491"/>
      <c r="CS4" s="491"/>
      <c r="CT4" s="491"/>
      <c r="CU4" s="491"/>
      <c r="CV4" s="492"/>
      <c r="CW4" s="494" t="s">
        <v>52</v>
      </c>
    </row>
    <row r="5" spans="2:101" ht="30" customHeight="1" thickBot="1" x14ac:dyDescent="0.25">
      <c r="B5" s="480"/>
      <c r="C5" s="177" t="s">
        <v>43</v>
      </c>
      <c r="D5" s="182" t="s">
        <v>44</v>
      </c>
      <c r="E5" s="205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177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2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2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2" t="s">
        <v>45</v>
      </c>
      <c r="BE5" s="495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95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95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95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95"/>
    </row>
    <row r="6" spans="2:101" ht="21" customHeight="1" x14ac:dyDescent="0.2">
      <c r="B6" s="84" t="s">
        <v>4</v>
      </c>
      <c r="C6" s="183">
        <v>0</v>
      </c>
      <c r="D6" s="189">
        <v>0</v>
      </c>
      <c r="E6" s="206">
        <v>0</v>
      </c>
      <c r="F6" s="186">
        <v>0</v>
      </c>
      <c r="G6" s="184">
        <v>20</v>
      </c>
      <c r="H6" s="184">
        <v>33</v>
      </c>
      <c r="I6" s="184">
        <v>22</v>
      </c>
      <c r="J6" s="184">
        <v>26</v>
      </c>
      <c r="K6" s="184">
        <v>26</v>
      </c>
      <c r="L6" s="187">
        <v>127</v>
      </c>
      <c r="M6" s="188">
        <v>127</v>
      </c>
      <c r="N6" s="183">
        <v>0</v>
      </c>
      <c r="O6" s="184">
        <v>0</v>
      </c>
      <c r="P6" s="189">
        <v>0</v>
      </c>
      <c r="Q6" s="186">
        <v>0</v>
      </c>
      <c r="R6" s="184">
        <v>17</v>
      </c>
      <c r="S6" s="184">
        <v>39</v>
      </c>
      <c r="T6" s="184">
        <v>22</v>
      </c>
      <c r="U6" s="184">
        <v>31</v>
      </c>
      <c r="V6" s="184">
        <v>33</v>
      </c>
      <c r="W6" s="189">
        <v>142</v>
      </c>
      <c r="X6" s="188">
        <v>142</v>
      </c>
      <c r="Y6" s="183">
        <v>0</v>
      </c>
      <c r="Z6" s="184">
        <v>0</v>
      </c>
      <c r="AA6" s="189">
        <v>0</v>
      </c>
      <c r="AB6" s="186">
        <v>0</v>
      </c>
      <c r="AC6" s="184">
        <v>932</v>
      </c>
      <c r="AD6" s="184">
        <v>803</v>
      </c>
      <c r="AE6" s="184">
        <v>343</v>
      </c>
      <c r="AF6" s="184">
        <v>161</v>
      </c>
      <c r="AG6" s="184">
        <v>53</v>
      </c>
      <c r="AH6" s="189">
        <v>2292</v>
      </c>
      <c r="AI6" s="188">
        <v>2292</v>
      </c>
      <c r="AJ6" s="183">
        <v>1</v>
      </c>
      <c r="AK6" s="184">
        <v>0</v>
      </c>
      <c r="AL6" s="189">
        <v>1</v>
      </c>
      <c r="AM6" s="186">
        <v>0</v>
      </c>
      <c r="AN6" s="184">
        <v>46</v>
      </c>
      <c r="AO6" s="184">
        <v>62</v>
      </c>
      <c r="AP6" s="184">
        <v>59</v>
      </c>
      <c r="AQ6" s="184">
        <v>26</v>
      </c>
      <c r="AR6" s="184">
        <v>31</v>
      </c>
      <c r="AS6" s="189">
        <v>224</v>
      </c>
      <c r="AT6" s="188">
        <v>225</v>
      </c>
      <c r="AU6" s="183">
        <v>9</v>
      </c>
      <c r="AV6" s="184">
        <v>21</v>
      </c>
      <c r="AW6" s="189">
        <v>30</v>
      </c>
      <c r="AX6" s="186">
        <v>0</v>
      </c>
      <c r="AY6" s="184">
        <v>68</v>
      </c>
      <c r="AZ6" s="184">
        <v>62</v>
      </c>
      <c r="BA6" s="184">
        <v>68</v>
      </c>
      <c r="BB6" s="184">
        <v>37</v>
      </c>
      <c r="BC6" s="184">
        <v>24</v>
      </c>
      <c r="BD6" s="189">
        <v>259</v>
      </c>
      <c r="BE6" s="188">
        <v>289</v>
      </c>
      <c r="BF6" s="183">
        <v>0</v>
      </c>
      <c r="BG6" s="184">
        <v>0</v>
      </c>
      <c r="BH6" s="189">
        <v>0</v>
      </c>
      <c r="BI6" s="186">
        <v>0</v>
      </c>
      <c r="BJ6" s="184">
        <v>80</v>
      </c>
      <c r="BK6" s="184">
        <v>116</v>
      </c>
      <c r="BL6" s="184">
        <v>144</v>
      </c>
      <c r="BM6" s="184">
        <v>79</v>
      </c>
      <c r="BN6" s="184">
        <v>74</v>
      </c>
      <c r="BO6" s="187">
        <v>493</v>
      </c>
      <c r="BP6" s="188">
        <v>493</v>
      </c>
      <c r="BQ6" s="183">
        <v>0</v>
      </c>
      <c r="BR6" s="184">
        <v>0</v>
      </c>
      <c r="BS6" s="189">
        <v>0</v>
      </c>
      <c r="BT6" s="186">
        <v>0</v>
      </c>
      <c r="BU6" s="184">
        <v>1</v>
      </c>
      <c r="BV6" s="184">
        <v>2</v>
      </c>
      <c r="BW6" s="184">
        <v>9</v>
      </c>
      <c r="BX6" s="184">
        <v>5</v>
      </c>
      <c r="BY6" s="184">
        <v>7</v>
      </c>
      <c r="BZ6" s="189">
        <v>24</v>
      </c>
      <c r="CA6" s="188">
        <v>24</v>
      </c>
      <c r="CB6" s="183">
        <v>0</v>
      </c>
      <c r="CC6" s="184">
        <v>0</v>
      </c>
      <c r="CD6" s="189">
        <v>0</v>
      </c>
      <c r="CE6" s="186">
        <v>0</v>
      </c>
      <c r="CF6" s="184">
        <v>0</v>
      </c>
      <c r="CG6" s="184">
        <v>1</v>
      </c>
      <c r="CH6" s="184">
        <v>9</v>
      </c>
      <c r="CI6" s="184">
        <v>28</v>
      </c>
      <c r="CJ6" s="184">
        <v>5</v>
      </c>
      <c r="CK6" s="189">
        <v>43</v>
      </c>
      <c r="CL6" s="188">
        <v>43</v>
      </c>
      <c r="CM6" s="183">
        <v>0</v>
      </c>
      <c r="CN6" s="184">
        <v>0</v>
      </c>
      <c r="CO6" s="189">
        <v>0</v>
      </c>
      <c r="CP6" s="186">
        <v>0</v>
      </c>
      <c r="CQ6" s="184">
        <v>16</v>
      </c>
      <c r="CR6" s="184">
        <v>23</v>
      </c>
      <c r="CS6" s="184">
        <v>10</v>
      </c>
      <c r="CT6" s="184">
        <v>27</v>
      </c>
      <c r="CU6" s="184">
        <v>29</v>
      </c>
      <c r="CV6" s="189">
        <v>105</v>
      </c>
      <c r="CW6" s="188">
        <v>105</v>
      </c>
    </row>
    <row r="7" spans="2:101" ht="21" customHeight="1" x14ac:dyDescent="0.2">
      <c r="B7" s="95" t="s">
        <v>5</v>
      </c>
      <c r="C7" s="190">
        <v>0</v>
      </c>
      <c r="D7" s="196">
        <v>0</v>
      </c>
      <c r="E7" s="207">
        <v>0</v>
      </c>
      <c r="F7" s="193">
        <v>0</v>
      </c>
      <c r="G7" s="191">
        <v>9</v>
      </c>
      <c r="H7" s="191">
        <v>13</v>
      </c>
      <c r="I7" s="191">
        <v>14</v>
      </c>
      <c r="J7" s="191">
        <v>12</v>
      </c>
      <c r="K7" s="191">
        <v>12</v>
      </c>
      <c r="L7" s="194">
        <v>60</v>
      </c>
      <c r="M7" s="195">
        <v>60</v>
      </c>
      <c r="N7" s="190">
        <v>0</v>
      </c>
      <c r="O7" s="191">
        <v>0</v>
      </c>
      <c r="P7" s="196">
        <v>0</v>
      </c>
      <c r="Q7" s="193">
        <v>0</v>
      </c>
      <c r="R7" s="191">
        <v>11</v>
      </c>
      <c r="S7" s="191">
        <v>29</v>
      </c>
      <c r="T7" s="191">
        <v>17</v>
      </c>
      <c r="U7" s="191">
        <v>25</v>
      </c>
      <c r="V7" s="191">
        <v>22</v>
      </c>
      <c r="W7" s="196">
        <v>104</v>
      </c>
      <c r="X7" s="195">
        <v>104</v>
      </c>
      <c r="Y7" s="190">
        <v>0</v>
      </c>
      <c r="Z7" s="191">
        <v>0</v>
      </c>
      <c r="AA7" s="196">
        <v>0</v>
      </c>
      <c r="AB7" s="193">
        <v>0</v>
      </c>
      <c r="AC7" s="191">
        <v>399</v>
      </c>
      <c r="AD7" s="191">
        <v>430</v>
      </c>
      <c r="AE7" s="191">
        <v>187</v>
      </c>
      <c r="AF7" s="191">
        <v>79</v>
      </c>
      <c r="AG7" s="191">
        <v>20</v>
      </c>
      <c r="AH7" s="196">
        <v>1115</v>
      </c>
      <c r="AI7" s="195">
        <v>1115</v>
      </c>
      <c r="AJ7" s="190">
        <v>0</v>
      </c>
      <c r="AK7" s="191">
        <v>0</v>
      </c>
      <c r="AL7" s="196">
        <v>0</v>
      </c>
      <c r="AM7" s="193">
        <v>0</v>
      </c>
      <c r="AN7" s="191">
        <v>22</v>
      </c>
      <c r="AO7" s="191">
        <v>31</v>
      </c>
      <c r="AP7" s="191">
        <v>29</v>
      </c>
      <c r="AQ7" s="191">
        <v>12</v>
      </c>
      <c r="AR7" s="191">
        <v>23</v>
      </c>
      <c r="AS7" s="196">
        <v>117</v>
      </c>
      <c r="AT7" s="195">
        <v>117</v>
      </c>
      <c r="AU7" s="190">
        <v>5</v>
      </c>
      <c r="AV7" s="191">
        <v>11</v>
      </c>
      <c r="AW7" s="196">
        <v>16</v>
      </c>
      <c r="AX7" s="193">
        <v>0</v>
      </c>
      <c r="AY7" s="191">
        <v>28</v>
      </c>
      <c r="AZ7" s="191">
        <v>25</v>
      </c>
      <c r="BA7" s="191">
        <v>38</v>
      </c>
      <c r="BB7" s="191">
        <v>22</v>
      </c>
      <c r="BC7" s="191">
        <v>12</v>
      </c>
      <c r="BD7" s="196">
        <v>125</v>
      </c>
      <c r="BE7" s="195">
        <v>141</v>
      </c>
      <c r="BF7" s="190">
        <v>0</v>
      </c>
      <c r="BG7" s="191">
        <v>0</v>
      </c>
      <c r="BH7" s="196">
        <v>0</v>
      </c>
      <c r="BI7" s="193">
        <v>0</v>
      </c>
      <c r="BJ7" s="191">
        <v>34</v>
      </c>
      <c r="BK7" s="191">
        <v>47</v>
      </c>
      <c r="BL7" s="191">
        <v>55</v>
      </c>
      <c r="BM7" s="191">
        <v>32</v>
      </c>
      <c r="BN7" s="191">
        <v>31</v>
      </c>
      <c r="BO7" s="194">
        <v>199</v>
      </c>
      <c r="BP7" s="195">
        <v>199</v>
      </c>
      <c r="BQ7" s="190">
        <v>0</v>
      </c>
      <c r="BR7" s="191">
        <v>0</v>
      </c>
      <c r="BS7" s="196">
        <v>0</v>
      </c>
      <c r="BT7" s="193">
        <v>0</v>
      </c>
      <c r="BU7" s="191">
        <v>0</v>
      </c>
      <c r="BV7" s="191">
        <v>0</v>
      </c>
      <c r="BW7" s="191">
        <v>0</v>
      </c>
      <c r="BX7" s="191">
        <v>0</v>
      </c>
      <c r="BY7" s="191">
        <v>0</v>
      </c>
      <c r="BZ7" s="196">
        <v>0</v>
      </c>
      <c r="CA7" s="195">
        <v>0</v>
      </c>
      <c r="CB7" s="190">
        <v>0</v>
      </c>
      <c r="CC7" s="191">
        <v>0</v>
      </c>
      <c r="CD7" s="196">
        <v>0</v>
      </c>
      <c r="CE7" s="193">
        <v>0</v>
      </c>
      <c r="CF7" s="191">
        <v>0</v>
      </c>
      <c r="CG7" s="191">
        <v>0</v>
      </c>
      <c r="CH7" s="191">
        <v>0</v>
      </c>
      <c r="CI7" s="191">
        <v>1</v>
      </c>
      <c r="CJ7" s="191">
        <v>0</v>
      </c>
      <c r="CK7" s="196">
        <v>1</v>
      </c>
      <c r="CL7" s="195">
        <v>1</v>
      </c>
      <c r="CM7" s="190">
        <v>0</v>
      </c>
      <c r="CN7" s="191">
        <v>0</v>
      </c>
      <c r="CO7" s="196">
        <v>0</v>
      </c>
      <c r="CP7" s="193">
        <v>0</v>
      </c>
      <c r="CQ7" s="191">
        <v>1</v>
      </c>
      <c r="CR7" s="191">
        <v>5</v>
      </c>
      <c r="CS7" s="191">
        <v>2</v>
      </c>
      <c r="CT7" s="191">
        <v>10</v>
      </c>
      <c r="CU7" s="191">
        <v>12</v>
      </c>
      <c r="CV7" s="196">
        <v>30</v>
      </c>
      <c r="CW7" s="195">
        <v>30</v>
      </c>
    </row>
    <row r="8" spans="2:101" ht="21" customHeight="1" x14ac:dyDescent="0.2">
      <c r="B8" s="106" t="s">
        <v>6</v>
      </c>
      <c r="C8" s="190">
        <v>0</v>
      </c>
      <c r="D8" s="196">
        <v>0</v>
      </c>
      <c r="E8" s="207">
        <v>0</v>
      </c>
      <c r="F8" s="193">
        <v>0</v>
      </c>
      <c r="G8" s="191">
        <v>8</v>
      </c>
      <c r="H8" s="191">
        <v>9</v>
      </c>
      <c r="I8" s="191">
        <v>3</v>
      </c>
      <c r="J8" s="191">
        <v>9</v>
      </c>
      <c r="K8" s="191">
        <v>10</v>
      </c>
      <c r="L8" s="194">
        <v>39</v>
      </c>
      <c r="M8" s="195">
        <v>39</v>
      </c>
      <c r="N8" s="190">
        <v>0</v>
      </c>
      <c r="O8" s="191">
        <v>0</v>
      </c>
      <c r="P8" s="196">
        <v>0</v>
      </c>
      <c r="Q8" s="193">
        <v>0</v>
      </c>
      <c r="R8" s="191">
        <v>5</v>
      </c>
      <c r="S8" s="191">
        <v>8</v>
      </c>
      <c r="T8" s="191">
        <v>5</v>
      </c>
      <c r="U8" s="191">
        <v>4</v>
      </c>
      <c r="V8" s="191">
        <v>11</v>
      </c>
      <c r="W8" s="196">
        <v>33</v>
      </c>
      <c r="X8" s="195">
        <v>33</v>
      </c>
      <c r="Y8" s="190">
        <v>0</v>
      </c>
      <c r="Z8" s="191">
        <v>0</v>
      </c>
      <c r="AA8" s="196">
        <v>0</v>
      </c>
      <c r="AB8" s="193">
        <v>0</v>
      </c>
      <c r="AC8" s="191">
        <v>136</v>
      </c>
      <c r="AD8" s="191">
        <v>97</v>
      </c>
      <c r="AE8" s="191">
        <v>43</v>
      </c>
      <c r="AF8" s="191">
        <v>33</v>
      </c>
      <c r="AG8" s="191">
        <v>7</v>
      </c>
      <c r="AH8" s="196">
        <v>316</v>
      </c>
      <c r="AI8" s="195">
        <v>316</v>
      </c>
      <c r="AJ8" s="190">
        <v>0</v>
      </c>
      <c r="AK8" s="191">
        <v>0</v>
      </c>
      <c r="AL8" s="196">
        <v>0</v>
      </c>
      <c r="AM8" s="193">
        <v>0</v>
      </c>
      <c r="AN8" s="191">
        <v>9</v>
      </c>
      <c r="AO8" s="191">
        <v>16</v>
      </c>
      <c r="AP8" s="191">
        <v>17</v>
      </c>
      <c r="AQ8" s="191">
        <v>9</v>
      </c>
      <c r="AR8" s="191">
        <v>6</v>
      </c>
      <c r="AS8" s="196">
        <v>57</v>
      </c>
      <c r="AT8" s="195">
        <v>57</v>
      </c>
      <c r="AU8" s="190">
        <v>0</v>
      </c>
      <c r="AV8" s="191">
        <v>4</v>
      </c>
      <c r="AW8" s="196">
        <v>4</v>
      </c>
      <c r="AX8" s="193">
        <v>0</v>
      </c>
      <c r="AY8" s="191">
        <v>9</v>
      </c>
      <c r="AZ8" s="191">
        <v>9</v>
      </c>
      <c r="BA8" s="191">
        <v>8</v>
      </c>
      <c r="BB8" s="191">
        <v>6</v>
      </c>
      <c r="BC8" s="191">
        <v>2</v>
      </c>
      <c r="BD8" s="196">
        <v>34</v>
      </c>
      <c r="BE8" s="195">
        <v>38</v>
      </c>
      <c r="BF8" s="190">
        <v>0</v>
      </c>
      <c r="BG8" s="191">
        <v>0</v>
      </c>
      <c r="BH8" s="196">
        <v>0</v>
      </c>
      <c r="BI8" s="193">
        <v>0</v>
      </c>
      <c r="BJ8" s="191">
        <v>14</v>
      </c>
      <c r="BK8" s="191">
        <v>28</v>
      </c>
      <c r="BL8" s="191">
        <v>28</v>
      </c>
      <c r="BM8" s="191">
        <v>17</v>
      </c>
      <c r="BN8" s="191">
        <v>15</v>
      </c>
      <c r="BO8" s="194">
        <v>102</v>
      </c>
      <c r="BP8" s="195">
        <v>102</v>
      </c>
      <c r="BQ8" s="190">
        <v>0</v>
      </c>
      <c r="BR8" s="191">
        <v>0</v>
      </c>
      <c r="BS8" s="196">
        <v>0</v>
      </c>
      <c r="BT8" s="193">
        <v>0</v>
      </c>
      <c r="BU8" s="191">
        <v>0</v>
      </c>
      <c r="BV8" s="191">
        <v>0</v>
      </c>
      <c r="BW8" s="191">
        <v>0</v>
      </c>
      <c r="BX8" s="191">
        <v>0</v>
      </c>
      <c r="BY8" s="191">
        <v>0</v>
      </c>
      <c r="BZ8" s="196">
        <v>0</v>
      </c>
      <c r="CA8" s="195">
        <v>0</v>
      </c>
      <c r="CB8" s="190">
        <v>0</v>
      </c>
      <c r="CC8" s="191">
        <v>0</v>
      </c>
      <c r="CD8" s="196">
        <v>0</v>
      </c>
      <c r="CE8" s="193">
        <v>0</v>
      </c>
      <c r="CF8" s="191">
        <v>0</v>
      </c>
      <c r="CG8" s="191">
        <v>1</v>
      </c>
      <c r="CH8" s="191">
        <v>5</v>
      </c>
      <c r="CI8" s="191">
        <v>10</v>
      </c>
      <c r="CJ8" s="191">
        <v>2</v>
      </c>
      <c r="CK8" s="196">
        <v>18</v>
      </c>
      <c r="CL8" s="195">
        <v>18</v>
      </c>
      <c r="CM8" s="190">
        <v>0</v>
      </c>
      <c r="CN8" s="191">
        <v>0</v>
      </c>
      <c r="CO8" s="196">
        <v>0</v>
      </c>
      <c r="CP8" s="193">
        <v>0</v>
      </c>
      <c r="CQ8" s="191">
        <v>7</v>
      </c>
      <c r="CR8" s="191">
        <v>9</v>
      </c>
      <c r="CS8" s="191">
        <v>3</v>
      </c>
      <c r="CT8" s="191">
        <v>7</v>
      </c>
      <c r="CU8" s="191">
        <v>12</v>
      </c>
      <c r="CV8" s="196">
        <v>38</v>
      </c>
      <c r="CW8" s="195">
        <v>38</v>
      </c>
    </row>
    <row r="9" spans="2:101" ht="21" customHeight="1" x14ac:dyDescent="0.2">
      <c r="B9" s="106" t="s">
        <v>14</v>
      </c>
      <c r="C9" s="190">
        <v>0</v>
      </c>
      <c r="D9" s="196">
        <v>0</v>
      </c>
      <c r="E9" s="207">
        <v>0</v>
      </c>
      <c r="F9" s="193">
        <v>0</v>
      </c>
      <c r="G9" s="191">
        <v>0</v>
      </c>
      <c r="H9" s="191">
        <v>2</v>
      </c>
      <c r="I9" s="191">
        <v>1</v>
      </c>
      <c r="J9" s="191">
        <v>0</v>
      </c>
      <c r="K9" s="191">
        <v>1</v>
      </c>
      <c r="L9" s="194">
        <v>4</v>
      </c>
      <c r="M9" s="195">
        <v>4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0</v>
      </c>
      <c r="T9" s="191">
        <v>0</v>
      </c>
      <c r="U9" s="191">
        <v>0</v>
      </c>
      <c r="V9" s="191">
        <v>0</v>
      </c>
      <c r="W9" s="196">
        <v>0</v>
      </c>
      <c r="X9" s="195">
        <v>0</v>
      </c>
      <c r="Y9" s="190">
        <v>0</v>
      </c>
      <c r="Z9" s="191">
        <v>0</v>
      </c>
      <c r="AA9" s="196">
        <v>0</v>
      </c>
      <c r="AB9" s="193">
        <v>0</v>
      </c>
      <c r="AC9" s="191">
        <v>57</v>
      </c>
      <c r="AD9" s="191">
        <v>59</v>
      </c>
      <c r="AE9" s="191">
        <v>27</v>
      </c>
      <c r="AF9" s="191">
        <v>6</v>
      </c>
      <c r="AG9" s="191">
        <v>6</v>
      </c>
      <c r="AH9" s="196">
        <v>155</v>
      </c>
      <c r="AI9" s="195">
        <v>155</v>
      </c>
      <c r="AJ9" s="190">
        <v>0</v>
      </c>
      <c r="AK9" s="191">
        <v>0</v>
      </c>
      <c r="AL9" s="196">
        <v>0</v>
      </c>
      <c r="AM9" s="193">
        <v>0</v>
      </c>
      <c r="AN9" s="191">
        <v>0</v>
      </c>
      <c r="AO9" s="191">
        <v>2</v>
      </c>
      <c r="AP9" s="191">
        <v>0</v>
      </c>
      <c r="AQ9" s="191">
        <v>2</v>
      </c>
      <c r="AR9" s="191">
        <v>0</v>
      </c>
      <c r="AS9" s="196">
        <v>4</v>
      </c>
      <c r="AT9" s="195">
        <v>4</v>
      </c>
      <c r="AU9" s="190">
        <v>2</v>
      </c>
      <c r="AV9" s="191">
        <v>0</v>
      </c>
      <c r="AW9" s="196">
        <v>2</v>
      </c>
      <c r="AX9" s="193">
        <v>0</v>
      </c>
      <c r="AY9" s="191">
        <v>4</v>
      </c>
      <c r="AZ9" s="191">
        <v>7</v>
      </c>
      <c r="BA9" s="191">
        <v>5</v>
      </c>
      <c r="BB9" s="191">
        <v>1</v>
      </c>
      <c r="BC9" s="191">
        <v>1</v>
      </c>
      <c r="BD9" s="196">
        <v>18</v>
      </c>
      <c r="BE9" s="195">
        <v>20</v>
      </c>
      <c r="BF9" s="190">
        <v>0</v>
      </c>
      <c r="BG9" s="191">
        <v>0</v>
      </c>
      <c r="BH9" s="196">
        <v>0</v>
      </c>
      <c r="BI9" s="193">
        <v>0</v>
      </c>
      <c r="BJ9" s="191">
        <v>8</v>
      </c>
      <c r="BK9" s="191">
        <v>6</v>
      </c>
      <c r="BL9" s="191">
        <v>12</v>
      </c>
      <c r="BM9" s="191">
        <v>4</v>
      </c>
      <c r="BN9" s="191">
        <v>6</v>
      </c>
      <c r="BO9" s="194">
        <v>36</v>
      </c>
      <c r="BP9" s="195">
        <v>36</v>
      </c>
      <c r="BQ9" s="190">
        <v>0</v>
      </c>
      <c r="BR9" s="191">
        <v>0</v>
      </c>
      <c r="BS9" s="196">
        <v>0</v>
      </c>
      <c r="BT9" s="193">
        <v>0</v>
      </c>
      <c r="BU9" s="191">
        <v>0</v>
      </c>
      <c r="BV9" s="191">
        <v>0</v>
      </c>
      <c r="BW9" s="191">
        <v>0</v>
      </c>
      <c r="BX9" s="191">
        <v>0</v>
      </c>
      <c r="BY9" s="191">
        <v>0</v>
      </c>
      <c r="BZ9" s="196">
        <v>0</v>
      </c>
      <c r="CA9" s="195">
        <v>0</v>
      </c>
      <c r="CB9" s="190">
        <v>0</v>
      </c>
      <c r="CC9" s="191">
        <v>0</v>
      </c>
      <c r="CD9" s="196">
        <v>0</v>
      </c>
      <c r="CE9" s="193">
        <v>0</v>
      </c>
      <c r="CF9" s="191">
        <v>0</v>
      </c>
      <c r="CG9" s="191">
        <v>0</v>
      </c>
      <c r="CH9" s="191">
        <v>0</v>
      </c>
      <c r="CI9" s="191">
        <v>4</v>
      </c>
      <c r="CJ9" s="191">
        <v>0</v>
      </c>
      <c r="CK9" s="196">
        <v>4</v>
      </c>
      <c r="CL9" s="195">
        <v>4</v>
      </c>
      <c r="CM9" s="190">
        <v>0</v>
      </c>
      <c r="CN9" s="191">
        <v>0</v>
      </c>
      <c r="CO9" s="196">
        <v>0</v>
      </c>
      <c r="CP9" s="193">
        <v>0</v>
      </c>
      <c r="CQ9" s="191">
        <v>2</v>
      </c>
      <c r="CR9" s="191">
        <v>2</v>
      </c>
      <c r="CS9" s="191">
        <v>0</v>
      </c>
      <c r="CT9" s="191">
        <v>3</v>
      </c>
      <c r="CU9" s="191">
        <v>1</v>
      </c>
      <c r="CV9" s="196">
        <v>8</v>
      </c>
      <c r="CW9" s="195">
        <v>8</v>
      </c>
    </row>
    <row r="10" spans="2:101" ht="21" customHeight="1" x14ac:dyDescent="0.2">
      <c r="B10" s="106" t="s">
        <v>7</v>
      </c>
      <c r="C10" s="190">
        <v>0</v>
      </c>
      <c r="D10" s="196">
        <v>0</v>
      </c>
      <c r="E10" s="207">
        <v>0</v>
      </c>
      <c r="F10" s="193">
        <v>0</v>
      </c>
      <c r="G10" s="191">
        <v>0</v>
      </c>
      <c r="H10" s="191">
        <v>1</v>
      </c>
      <c r="I10" s="191">
        <v>0</v>
      </c>
      <c r="J10" s="191">
        <v>0</v>
      </c>
      <c r="K10" s="191">
        <v>0</v>
      </c>
      <c r="L10" s="194">
        <v>1</v>
      </c>
      <c r="M10" s="195">
        <v>1</v>
      </c>
      <c r="N10" s="190">
        <v>0</v>
      </c>
      <c r="O10" s="191">
        <v>0</v>
      </c>
      <c r="P10" s="196">
        <v>0</v>
      </c>
      <c r="Q10" s="193">
        <v>0</v>
      </c>
      <c r="R10" s="191">
        <v>0</v>
      </c>
      <c r="S10" s="191">
        <v>0</v>
      </c>
      <c r="T10" s="191">
        <v>0</v>
      </c>
      <c r="U10" s="191">
        <v>0</v>
      </c>
      <c r="V10" s="191">
        <v>0</v>
      </c>
      <c r="W10" s="196">
        <v>0</v>
      </c>
      <c r="X10" s="195">
        <v>0</v>
      </c>
      <c r="Y10" s="190">
        <v>0</v>
      </c>
      <c r="Z10" s="191">
        <v>0</v>
      </c>
      <c r="AA10" s="196">
        <v>0</v>
      </c>
      <c r="AB10" s="193">
        <v>0</v>
      </c>
      <c r="AC10" s="191">
        <v>47</v>
      </c>
      <c r="AD10" s="191">
        <v>15</v>
      </c>
      <c r="AE10" s="191">
        <v>9</v>
      </c>
      <c r="AF10" s="191">
        <v>4</v>
      </c>
      <c r="AG10" s="191">
        <v>2</v>
      </c>
      <c r="AH10" s="196">
        <v>77</v>
      </c>
      <c r="AI10" s="195">
        <v>77</v>
      </c>
      <c r="AJ10" s="190">
        <v>0</v>
      </c>
      <c r="AK10" s="191">
        <v>0</v>
      </c>
      <c r="AL10" s="196">
        <v>0</v>
      </c>
      <c r="AM10" s="193">
        <v>0</v>
      </c>
      <c r="AN10" s="191">
        <v>3</v>
      </c>
      <c r="AO10" s="191">
        <v>2</v>
      </c>
      <c r="AP10" s="191">
        <v>5</v>
      </c>
      <c r="AQ10" s="191">
        <v>1</v>
      </c>
      <c r="AR10" s="191">
        <v>0</v>
      </c>
      <c r="AS10" s="196">
        <v>11</v>
      </c>
      <c r="AT10" s="195">
        <v>11</v>
      </c>
      <c r="AU10" s="190">
        <v>0</v>
      </c>
      <c r="AV10" s="191">
        <v>0</v>
      </c>
      <c r="AW10" s="196">
        <v>0</v>
      </c>
      <c r="AX10" s="193">
        <v>0</v>
      </c>
      <c r="AY10" s="191">
        <v>2</v>
      </c>
      <c r="AZ10" s="191">
        <v>1</v>
      </c>
      <c r="BA10" s="191">
        <v>1</v>
      </c>
      <c r="BB10" s="191">
        <v>0</v>
      </c>
      <c r="BC10" s="191">
        <v>0</v>
      </c>
      <c r="BD10" s="196">
        <v>4</v>
      </c>
      <c r="BE10" s="195">
        <v>4</v>
      </c>
      <c r="BF10" s="190">
        <v>0</v>
      </c>
      <c r="BG10" s="191">
        <v>0</v>
      </c>
      <c r="BH10" s="196">
        <v>0</v>
      </c>
      <c r="BI10" s="193">
        <v>0</v>
      </c>
      <c r="BJ10" s="191">
        <v>3</v>
      </c>
      <c r="BK10" s="191">
        <v>4</v>
      </c>
      <c r="BL10" s="191">
        <v>4</v>
      </c>
      <c r="BM10" s="191">
        <v>3</v>
      </c>
      <c r="BN10" s="191">
        <v>3</v>
      </c>
      <c r="BO10" s="194">
        <v>17</v>
      </c>
      <c r="BP10" s="195">
        <v>17</v>
      </c>
      <c r="BQ10" s="190">
        <v>0</v>
      </c>
      <c r="BR10" s="191">
        <v>0</v>
      </c>
      <c r="BS10" s="196">
        <v>0</v>
      </c>
      <c r="BT10" s="193">
        <v>0</v>
      </c>
      <c r="BU10" s="191">
        <v>0</v>
      </c>
      <c r="BV10" s="191">
        <v>0</v>
      </c>
      <c r="BW10" s="191">
        <v>0</v>
      </c>
      <c r="BX10" s="191">
        <v>0</v>
      </c>
      <c r="BY10" s="191">
        <v>0</v>
      </c>
      <c r="BZ10" s="196">
        <v>0</v>
      </c>
      <c r="CA10" s="195">
        <v>0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0</v>
      </c>
      <c r="CH10" s="191">
        <v>0</v>
      </c>
      <c r="CI10" s="191">
        <v>0</v>
      </c>
      <c r="CJ10" s="191">
        <v>0</v>
      </c>
      <c r="CK10" s="196">
        <v>0</v>
      </c>
      <c r="CL10" s="195">
        <v>0</v>
      </c>
      <c r="CM10" s="190">
        <v>0</v>
      </c>
      <c r="CN10" s="191">
        <v>0</v>
      </c>
      <c r="CO10" s="196">
        <v>0</v>
      </c>
      <c r="CP10" s="193">
        <v>0</v>
      </c>
      <c r="CQ10" s="191">
        <v>1</v>
      </c>
      <c r="CR10" s="191">
        <v>0</v>
      </c>
      <c r="CS10" s="191">
        <v>0</v>
      </c>
      <c r="CT10" s="191">
        <v>0</v>
      </c>
      <c r="CU10" s="191">
        <v>0</v>
      </c>
      <c r="CV10" s="196">
        <v>1</v>
      </c>
      <c r="CW10" s="195">
        <v>1</v>
      </c>
    </row>
    <row r="11" spans="2:101" ht="21" customHeight="1" x14ac:dyDescent="0.2">
      <c r="B11" s="106" t="s">
        <v>8</v>
      </c>
      <c r="C11" s="190">
        <v>0</v>
      </c>
      <c r="D11" s="196">
        <v>0</v>
      </c>
      <c r="E11" s="207">
        <v>0</v>
      </c>
      <c r="F11" s="193">
        <v>0</v>
      </c>
      <c r="G11" s="191">
        <v>0</v>
      </c>
      <c r="H11" s="191">
        <v>0</v>
      </c>
      <c r="I11" s="191">
        <v>0</v>
      </c>
      <c r="J11" s="191">
        <v>0</v>
      </c>
      <c r="K11" s="191">
        <v>0</v>
      </c>
      <c r="L11" s="194">
        <v>0</v>
      </c>
      <c r="M11" s="195">
        <v>0</v>
      </c>
      <c r="N11" s="190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0</v>
      </c>
      <c r="T11" s="191">
        <v>0</v>
      </c>
      <c r="U11" s="191">
        <v>0</v>
      </c>
      <c r="V11" s="191">
        <v>0</v>
      </c>
      <c r="W11" s="196">
        <v>0</v>
      </c>
      <c r="X11" s="195">
        <v>0</v>
      </c>
      <c r="Y11" s="190">
        <v>0</v>
      </c>
      <c r="Z11" s="191">
        <v>0</v>
      </c>
      <c r="AA11" s="196">
        <v>0</v>
      </c>
      <c r="AB11" s="193">
        <v>0</v>
      </c>
      <c r="AC11" s="191">
        <v>33</v>
      </c>
      <c r="AD11" s="191">
        <v>27</v>
      </c>
      <c r="AE11" s="191">
        <v>7</v>
      </c>
      <c r="AF11" s="191">
        <v>4</v>
      </c>
      <c r="AG11" s="191">
        <v>1</v>
      </c>
      <c r="AH11" s="196">
        <v>72</v>
      </c>
      <c r="AI11" s="195">
        <v>72</v>
      </c>
      <c r="AJ11" s="190">
        <v>0</v>
      </c>
      <c r="AK11" s="191">
        <v>0</v>
      </c>
      <c r="AL11" s="196">
        <v>0</v>
      </c>
      <c r="AM11" s="193">
        <v>0</v>
      </c>
      <c r="AN11" s="191">
        <v>0</v>
      </c>
      <c r="AO11" s="191">
        <v>0</v>
      </c>
      <c r="AP11" s="191">
        <v>0</v>
      </c>
      <c r="AQ11" s="191">
        <v>0</v>
      </c>
      <c r="AR11" s="191">
        <v>1</v>
      </c>
      <c r="AS11" s="196">
        <v>1</v>
      </c>
      <c r="AT11" s="195">
        <v>1</v>
      </c>
      <c r="AU11" s="190">
        <v>1</v>
      </c>
      <c r="AV11" s="191">
        <v>1</v>
      </c>
      <c r="AW11" s="196">
        <v>2</v>
      </c>
      <c r="AX11" s="193">
        <v>0</v>
      </c>
      <c r="AY11" s="191">
        <v>1</v>
      </c>
      <c r="AZ11" s="191">
        <v>1</v>
      </c>
      <c r="BA11" s="191">
        <v>1</v>
      </c>
      <c r="BB11" s="191">
        <v>0</v>
      </c>
      <c r="BC11" s="191">
        <v>1</v>
      </c>
      <c r="BD11" s="196">
        <v>4</v>
      </c>
      <c r="BE11" s="195">
        <v>6</v>
      </c>
      <c r="BF11" s="190">
        <v>0</v>
      </c>
      <c r="BG11" s="191">
        <v>0</v>
      </c>
      <c r="BH11" s="196">
        <v>0</v>
      </c>
      <c r="BI11" s="193">
        <v>0</v>
      </c>
      <c r="BJ11" s="191">
        <v>3</v>
      </c>
      <c r="BK11" s="191">
        <v>2</v>
      </c>
      <c r="BL11" s="191">
        <v>4</v>
      </c>
      <c r="BM11" s="191">
        <v>3</v>
      </c>
      <c r="BN11" s="191">
        <v>0</v>
      </c>
      <c r="BO11" s="194">
        <v>12</v>
      </c>
      <c r="BP11" s="195">
        <v>12</v>
      </c>
      <c r="BQ11" s="190">
        <v>0</v>
      </c>
      <c r="BR11" s="191">
        <v>0</v>
      </c>
      <c r="BS11" s="196">
        <v>0</v>
      </c>
      <c r="BT11" s="193">
        <v>0</v>
      </c>
      <c r="BU11" s="191">
        <v>0</v>
      </c>
      <c r="BV11" s="191">
        <v>0</v>
      </c>
      <c r="BW11" s="191">
        <v>1</v>
      </c>
      <c r="BX11" s="191">
        <v>1</v>
      </c>
      <c r="BY11" s="191">
        <v>1</v>
      </c>
      <c r="BZ11" s="196">
        <v>3</v>
      </c>
      <c r="CA11" s="195">
        <v>3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0</v>
      </c>
      <c r="CI11" s="191">
        <v>1</v>
      </c>
      <c r="CJ11" s="191">
        <v>0</v>
      </c>
      <c r="CK11" s="196">
        <v>1</v>
      </c>
      <c r="CL11" s="195">
        <v>1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1</v>
      </c>
      <c r="CU11" s="191">
        <v>0</v>
      </c>
      <c r="CV11" s="196">
        <v>1</v>
      </c>
      <c r="CW11" s="195">
        <v>1</v>
      </c>
    </row>
    <row r="12" spans="2:101" ht="21" customHeight="1" x14ac:dyDescent="0.2">
      <c r="B12" s="106" t="s">
        <v>9</v>
      </c>
      <c r="C12" s="190">
        <v>0</v>
      </c>
      <c r="D12" s="196">
        <v>0</v>
      </c>
      <c r="E12" s="207">
        <v>0</v>
      </c>
      <c r="F12" s="193">
        <v>0</v>
      </c>
      <c r="G12" s="191">
        <v>0</v>
      </c>
      <c r="H12" s="191">
        <v>0</v>
      </c>
      <c r="I12" s="191">
        <v>1</v>
      </c>
      <c r="J12" s="191">
        <v>0</v>
      </c>
      <c r="K12" s="191">
        <v>0</v>
      </c>
      <c r="L12" s="194">
        <v>1</v>
      </c>
      <c r="M12" s="195">
        <v>1</v>
      </c>
      <c r="N12" s="190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0</v>
      </c>
      <c r="T12" s="191">
        <v>0</v>
      </c>
      <c r="U12" s="191">
        <v>0</v>
      </c>
      <c r="V12" s="191">
        <v>0</v>
      </c>
      <c r="W12" s="196">
        <v>0</v>
      </c>
      <c r="X12" s="195">
        <v>0</v>
      </c>
      <c r="Y12" s="190">
        <v>0</v>
      </c>
      <c r="Z12" s="191">
        <v>0</v>
      </c>
      <c r="AA12" s="196">
        <v>0</v>
      </c>
      <c r="AB12" s="193">
        <v>0</v>
      </c>
      <c r="AC12" s="191">
        <v>42</v>
      </c>
      <c r="AD12" s="191">
        <v>35</v>
      </c>
      <c r="AE12" s="191">
        <v>15</v>
      </c>
      <c r="AF12" s="191">
        <v>8</v>
      </c>
      <c r="AG12" s="191">
        <v>3</v>
      </c>
      <c r="AH12" s="196">
        <v>103</v>
      </c>
      <c r="AI12" s="195">
        <v>103</v>
      </c>
      <c r="AJ12" s="190">
        <v>0</v>
      </c>
      <c r="AK12" s="191">
        <v>0</v>
      </c>
      <c r="AL12" s="196">
        <v>0</v>
      </c>
      <c r="AM12" s="193">
        <v>0</v>
      </c>
      <c r="AN12" s="191">
        <v>1</v>
      </c>
      <c r="AO12" s="191">
        <v>0</v>
      </c>
      <c r="AP12" s="191">
        <v>1</v>
      </c>
      <c r="AQ12" s="191">
        <v>0</v>
      </c>
      <c r="AR12" s="191">
        <v>0</v>
      </c>
      <c r="AS12" s="196">
        <v>2</v>
      </c>
      <c r="AT12" s="195">
        <v>2</v>
      </c>
      <c r="AU12" s="190">
        <v>0</v>
      </c>
      <c r="AV12" s="191">
        <v>1</v>
      </c>
      <c r="AW12" s="196">
        <v>1</v>
      </c>
      <c r="AX12" s="193">
        <v>0</v>
      </c>
      <c r="AY12" s="191">
        <v>5</v>
      </c>
      <c r="AZ12" s="191">
        <v>1</v>
      </c>
      <c r="BA12" s="191">
        <v>1</v>
      </c>
      <c r="BB12" s="191">
        <v>0</v>
      </c>
      <c r="BC12" s="191">
        <v>1</v>
      </c>
      <c r="BD12" s="196">
        <v>8</v>
      </c>
      <c r="BE12" s="195">
        <v>9</v>
      </c>
      <c r="BF12" s="190">
        <v>0</v>
      </c>
      <c r="BG12" s="191">
        <v>0</v>
      </c>
      <c r="BH12" s="196">
        <v>0</v>
      </c>
      <c r="BI12" s="193">
        <v>0</v>
      </c>
      <c r="BJ12" s="191">
        <v>0</v>
      </c>
      <c r="BK12" s="191">
        <v>2</v>
      </c>
      <c r="BL12" s="191">
        <v>4</v>
      </c>
      <c r="BM12" s="191">
        <v>6</v>
      </c>
      <c r="BN12" s="191">
        <v>1</v>
      </c>
      <c r="BO12" s="194">
        <v>13</v>
      </c>
      <c r="BP12" s="195">
        <v>13</v>
      </c>
      <c r="BQ12" s="190">
        <v>0</v>
      </c>
      <c r="BR12" s="191">
        <v>0</v>
      </c>
      <c r="BS12" s="196">
        <v>0</v>
      </c>
      <c r="BT12" s="193">
        <v>0</v>
      </c>
      <c r="BU12" s="191">
        <v>0</v>
      </c>
      <c r="BV12" s="191">
        <v>1</v>
      </c>
      <c r="BW12" s="191">
        <v>1</v>
      </c>
      <c r="BX12" s="191">
        <v>0</v>
      </c>
      <c r="BY12" s="191">
        <v>1</v>
      </c>
      <c r="BZ12" s="196">
        <v>3</v>
      </c>
      <c r="CA12" s="195">
        <v>3</v>
      </c>
      <c r="CB12" s="190">
        <v>0</v>
      </c>
      <c r="CC12" s="191">
        <v>0</v>
      </c>
      <c r="CD12" s="196">
        <v>0</v>
      </c>
      <c r="CE12" s="193">
        <v>0</v>
      </c>
      <c r="CF12" s="191">
        <v>0</v>
      </c>
      <c r="CG12" s="191">
        <v>0</v>
      </c>
      <c r="CH12" s="191">
        <v>0</v>
      </c>
      <c r="CI12" s="191">
        <v>0</v>
      </c>
      <c r="CJ12" s="191">
        <v>0</v>
      </c>
      <c r="CK12" s="196">
        <v>0</v>
      </c>
      <c r="CL12" s="195">
        <v>0</v>
      </c>
      <c r="CM12" s="190">
        <v>0</v>
      </c>
      <c r="CN12" s="191">
        <v>0</v>
      </c>
      <c r="CO12" s="196">
        <v>0</v>
      </c>
      <c r="CP12" s="193">
        <v>0</v>
      </c>
      <c r="CQ12" s="191">
        <v>1</v>
      </c>
      <c r="CR12" s="191">
        <v>2</v>
      </c>
      <c r="CS12" s="191">
        <v>0</v>
      </c>
      <c r="CT12" s="191">
        <v>0</v>
      </c>
      <c r="CU12" s="191">
        <v>2</v>
      </c>
      <c r="CV12" s="196">
        <v>5</v>
      </c>
      <c r="CW12" s="195">
        <v>5</v>
      </c>
    </row>
    <row r="13" spans="2:101" ht="21" customHeight="1" x14ac:dyDescent="0.2">
      <c r="B13" s="106" t="s">
        <v>10</v>
      </c>
      <c r="C13" s="190">
        <v>0</v>
      </c>
      <c r="D13" s="196">
        <v>0</v>
      </c>
      <c r="E13" s="207">
        <v>0</v>
      </c>
      <c r="F13" s="193">
        <v>0</v>
      </c>
      <c r="G13" s="191">
        <v>0</v>
      </c>
      <c r="H13" s="191">
        <v>1</v>
      </c>
      <c r="I13" s="191">
        <v>1</v>
      </c>
      <c r="J13" s="191">
        <v>0</v>
      </c>
      <c r="K13" s="191">
        <v>1</v>
      </c>
      <c r="L13" s="194">
        <v>3</v>
      </c>
      <c r="M13" s="195">
        <v>3</v>
      </c>
      <c r="N13" s="190">
        <v>0</v>
      </c>
      <c r="O13" s="191">
        <v>0</v>
      </c>
      <c r="P13" s="196">
        <v>0</v>
      </c>
      <c r="Q13" s="193">
        <v>0</v>
      </c>
      <c r="R13" s="191">
        <v>1</v>
      </c>
      <c r="S13" s="191">
        <v>0</v>
      </c>
      <c r="T13" s="191">
        <v>0</v>
      </c>
      <c r="U13" s="191">
        <v>0</v>
      </c>
      <c r="V13" s="191">
        <v>0</v>
      </c>
      <c r="W13" s="196">
        <v>1</v>
      </c>
      <c r="X13" s="195">
        <v>1</v>
      </c>
      <c r="Y13" s="190">
        <v>0</v>
      </c>
      <c r="Z13" s="191">
        <v>0</v>
      </c>
      <c r="AA13" s="196">
        <v>0</v>
      </c>
      <c r="AB13" s="193">
        <v>0</v>
      </c>
      <c r="AC13" s="191">
        <v>35</v>
      </c>
      <c r="AD13" s="191">
        <v>17</v>
      </c>
      <c r="AE13" s="191">
        <v>7</v>
      </c>
      <c r="AF13" s="191">
        <v>3</v>
      </c>
      <c r="AG13" s="191">
        <v>0</v>
      </c>
      <c r="AH13" s="196">
        <v>62</v>
      </c>
      <c r="AI13" s="195">
        <v>62</v>
      </c>
      <c r="AJ13" s="190">
        <v>0</v>
      </c>
      <c r="AK13" s="191">
        <v>0</v>
      </c>
      <c r="AL13" s="196">
        <v>0</v>
      </c>
      <c r="AM13" s="193">
        <v>0</v>
      </c>
      <c r="AN13" s="191">
        <v>1</v>
      </c>
      <c r="AO13" s="191">
        <v>1</v>
      </c>
      <c r="AP13" s="191">
        <v>1</v>
      </c>
      <c r="AQ13" s="191">
        <v>2</v>
      </c>
      <c r="AR13" s="191">
        <v>0</v>
      </c>
      <c r="AS13" s="196">
        <v>5</v>
      </c>
      <c r="AT13" s="195">
        <v>5</v>
      </c>
      <c r="AU13" s="190">
        <v>1</v>
      </c>
      <c r="AV13" s="191">
        <v>1</v>
      </c>
      <c r="AW13" s="196">
        <v>2</v>
      </c>
      <c r="AX13" s="193">
        <v>0</v>
      </c>
      <c r="AY13" s="191">
        <v>5</v>
      </c>
      <c r="AZ13" s="191">
        <v>3</v>
      </c>
      <c r="BA13" s="191">
        <v>5</v>
      </c>
      <c r="BB13" s="191">
        <v>2</v>
      </c>
      <c r="BC13" s="191">
        <v>1</v>
      </c>
      <c r="BD13" s="196">
        <v>16</v>
      </c>
      <c r="BE13" s="195">
        <v>18</v>
      </c>
      <c r="BF13" s="190">
        <v>0</v>
      </c>
      <c r="BG13" s="191">
        <v>0</v>
      </c>
      <c r="BH13" s="196">
        <v>0</v>
      </c>
      <c r="BI13" s="193">
        <v>0</v>
      </c>
      <c r="BJ13" s="191">
        <v>4</v>
      </c>
      <c r="BK13" s="191">
        <v>6</v>
      </c>
      <c r="BL13" s="191">
        <v>7</v>
      </c>
      <c r="BM13" s="191">
        <v>5</v>
      </c>
      <c r="BN13" s="191">
        <v>9</v>
      </c>
      <c r="BO13" s="194">
        <v>31</v>
      </c>
      <c r="BP13" s="195">
        <v>31</v>
      </c>
      <c r="BQ13" s="190">
        <v>0</v>
      </c>
      <c r="BR13" s="191">
        <v>0</v>
      </c>
      <c r="BS13" s="196">
        <v>0</v>
      </c>
      <c r="BT13" s="193">
        <v>0</v>
      </c>
      <c r="BU13" s="191">
        <v>1</v>
      </c>
      <c r="BV13" s="191">
        <v>1</v>
      </c>
      <c r="BW13" s="191">
        <v>5</v>
      </c>
      <c r="BX13" s="191">
        <v>2</v>
      </c>
      <c r="BY13" s="191">
        <v>4</v>
      </c>
      <c r="BZ13" s="196">
        <v>13</v>
      </c>
      <c r="CA13" s="195">
        <v>13</v>
      </c>
      <c r="CB13" s="190">
        <v>0</v>
      </c>
      <c r="CC13" s="191">
        <v>0</v>
      </c>
      <c r="CD13" s="196">
        <v>0</v>
      </c>
      <c r="CE13" s="193">
        <v>0</v>
      </c>
      <c r="CF13" s="191">
        <v>0</v>
      </c>
      <c r="CG13" s="191">
        <v>0</v>
      </c>
      <c r="CH13" s="191">
        <v>1</v>
      </c>
      <c r="CI13" s="191">
        <v>3</v>
      </c>
      <c r="CJ13" s="191">
        <v>0</v>
      </c>
      <c r="CK13" s="196">
        <v>4</v>
      </c>
      <c r="CL13" s="195">
        <v>4</v>
      </c>
      <c r="CM13" s="190">
        <v>0</v>
      </c>
      <c r="CN13" s="191">
        <v>0</v>
      </c>
      <c r="CO13" s="196">
        <v>0</v>
      </c>
      <c r="CP13" s="193">
        <v>0</v>
      </c>
      <c r="CQ13" s="191">
        <v>2</v>
      </c>
      <c r="CR13" s="191">
        <v>1</v>
      </c>
      <c r="CS13" s="191">
        <v>0</v>
      </c>
      <c r="CT13" s="191">
        <v>2</v>
      </c>
      <c r="CU13" s="191">
        <v>0</v>
      </c>
      <c r="CV13" s="196">
        <v>5</v>
      </c>
      <c r="CW13" s="195">
        <v>5</v>
      </c>
    </row>
    <row r="14" spans="2:101" ht="21" customHeight="1" x14ac:dyDescent="0.2">
      <c r="B14" s="106" t="s">
        <v>11</v>
      </c>
      <c r="C14" s="190">
        <v>0</v>
      </c>
      <c r="D14" s="196">
        <v>0</v>
      </c>
      <c r="E14" s="207">
        <v>0</v>
      </c>
      <c r="F14" s="193">
        <v>0</v>
      </c>
      <c r="G14" s="191">
        <v>0</v>
      </c>
      <c r="H14" s="191">
        <v>3</v>
      </c>
      <c r="I14" s="191">
        <v>0</v>
      </c>
      <c r="J14" s="191">
        <v>0</v>
      </c>
      <c r="K14" s="191">
        <v>0</v>
      </c>
      <c r="L14" s="194">
        <v>3</v>
      </c>
      <c r="M14" s="195">
        <v>3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0</v>
      </c>
      <c r="T14" s="191">
        <v>0</v>
      </c>
      <c r="U14" s="191">
        <v>1</v>
      </c>
      <c r="V14" s="191">
        <v>0</v>
      </c>
      <c r="W14" s="196">
        <v>1</v>
      </c>
      <c r="X14" s="195">
        <v>1</v>
      </c>
      <c r="Y14" s="190">
        <v>0</v>
      </c>
      <c r="Z14" s="191">
        <v>0</v>
      </c>
      <c r="AA14" s="196">
        <v>0</v>
      </c>
      <c r="AB14" s="193">
        <v>0</v>
      </c>
      <c r="AC14" s="191">
        <v>27</v>
      </c>
      <c r="AD14" s="191">
        <v>11</v>
      </c>
      <c r="AE14" s="191">
        <v>5</v>
      </c>
      <c r="AF14" s="191">
        <v>5</v>
      </c>
      <c r="AG14" s="191">
        <v>1</v>
      </c>
      <c r="AH14" s="196">
        <v>49</v>
      </c>
      <c r="AI14" s="195">
        <v>49</v>
      </c>
      <c r="AJ14" s="190">
        <v>0</v>
      </c>
      <c r="AK14" s="191">
        <v>0</v>
      </c>
      <c r="AL14" s="196">
        <v>0</v>
      </c>
      <c r="AM14" s="193">
        <v>0</v>
      </c>
      <c r="AN14" s="191">
        <v>3</v>
      </c>
      <c r="AO14" s="191">
        <v>4</v>
      </c>
      <c r="AP14" s="191">
        <v>0</v>
      </c>
      <c r="AQ14" s="191">
        <v>0</v>
      </c>
      <c r="AR14" s="191">
        <v>0</v>
      </c>
      <c r="AS14" s="196">
        <v>7</v>
      </c>
      <c r="AT14" s="195">
        <v>7</v>
      </c>
      <c r="AU14" s="190">
        <v>0</v>
      </c>
      <c r="AV14" s="191">
        <v>2</v>
      </c>
      <c r="AW14" s="196">
        <v>2</v>
      </c>
      <c r="AX14" s="193">
        <v>0</v>
      </c>
      <c r="AY14" s="191">
        <v>0</v>
      </c>
      <c r="AZ14" s="191">
        <v>4</v>
      </c>
      <c r="BA14" s="191">
        <v>2</v>
      </c>
      <c r="BB14" s="191">
        <v>2</v>
      </c>
      <c r="BC14" s="191">
        <v>0</v>
      </c>
      <c r="BD14" s="196">
        <v>8</v>
      </c>
      <c r="BE14" s="195">
        <v>10</v>
      </c>
      <c r="BF14" s="190">
        <v>0</v>
      </c>
      <c r="BG14" s="191">
        <v>0</v>
      </c>
      <c r="BH14" s="196">
        <v>0</v>
      </c>
      <c r="BI14" s="193">
        <v>0</v>
      </c>
      <c r="BJ14" s="191">
        <v>0</v>
      </c>
      <c r="BK14" s="191">
        <v>3</v>
      </c>
      <c r="BL14" s="191">
        <v>3</v>
      </c>
      <c r="BM14" s="191">
        <v>1</v>
      </c>
      <c r="BN14" s="191">
        <v>0</v>
      </c>
      <c r="BO14" s="194">
        <v>7</v>
      </c>
      <c r="BP14" s="195">
        <v>7</v>
      </c>
      <c r="BQ14" s="190">
        <v>0</v>
      </c>
      <c r="BR14" s="191">
        <v>0</v>
      </c>
      <c r="BS14" s="196">
        <v>0</v>
      </c>
      <c r="BT14" s="193">
        <v>0</v>
      </c>
      <c r="BU14" s="191">
        <v>0</v>
      </c>
      <c r="BV14" s="191">
        <v>0</v>
      </c>
      <c r="BW14" s="191">
        <v>0</v>
      </c>
      <c r="BX14" s="191">
        <v>0</v>
      </c>
      <c r="BY14" s="191">
        <v>0</v>
      </c>
      <c r="BZ14" s="196">
        <v>0</v>
      </c>
      <c r="CA14" s="195">
        <v>0</v>
      </c>
      <c r="CB14" s="190">
        <v>0</v>
      </c>
      <c r="CC14" s="191">
        <v>0</v>
      </c>
      <c r="CD14" s="196">
        <v>0</v>
      </c>
      <c r="CE14" s="193">
        <v>0</v>
      </c>
      <c r="CF14" s="191">
        <v>0</v>
      </c>
      <c r="CG14" s="191">
        <v>0</v>
      </c>
      <c r="CH14" s="191">
        <v>0</v>
      </c>
      <c r="CI14" s="191">
        <v>0</v>
      </c>
      <c r="CJ14" s="191">
        <v>0</v>
      </c>
      <c r="CK14" s="196">
        <v>0</v>
      </c>
      <c r="CL14" s="195">
        <v>0</v>
      </c>
      <c r="CM14" s="190">
        <v>0</v>
      </c>
      <c r="CN14" s="191">
        <v>0</v>
      </c>
      <c r="CO14" s="196">
        <v>0</v>
      </c>
      <c r="CP14" s="193">
        <v>0</v>
      </c>
      <c r="CQ14" s="191">
        <v>0</v>
      </c>
      <c r="CR14" s="191">
        <v>1</v>
      </c>
      <c r="CS14" s="191">
        <v>0</v>
      </c>
      <c r="CT14" s="191">
        <v>1</v>
      </c>
      <c r="CU14" s="191">
        <v>0</v>
      </c>
      <c r="CV14" s="196">
        <v>2</v>
      </c>
      <c r="CW14" s="195">
        <v>2</v>
      </c>
    </row>
    <row r="15" spans="2:101" ht="21" customHeight="1" x14ac:dyDescent="0.2">
      <c r="B15" s="106" t="s">
        <v>12</v>
      </c>
      <c r="C15" s="190">
        <v>0</v>
      </c>
      <c r="D15" s="196">
        <v>0</v>
      </c>
      <c r="E15" s="207">
        <v>0</v>
      </c>
      <c r="F15" s="193">
        <v>0</v>
      </c>
      <c r="G15" s="191">
        <v>0</v>
      </c>
      <c r="H15" s="191">
        <v>0</v>
      </c>
      <c r="I15" s="191">
        <v>0</v>
      </c>
      <c r="J15" s="191">
        <v>0</v>
      </c>
      <c r="K15" s="191">
        <v>0</v>
      </c>
      <c r="L15" s="194">
        <v>0</v>
      </c>
      <c r="M15" s="195">
        <v>0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  <c r="Y15" s="190">
        <v>0</v>
      </c>
      <c r="Z15" s="191">
        <v>0</v>
      </c>
      <c r="AA15" s="196">
        <v>0</v>
      </c>
      <c r="AB15" s="193">
        <v>0</v>
      </c>
      <c r="AC15" s="191">
        <v>14</v>
      </c>
      <c r="AD15" s="191">
        <v>13</v>
      </c>
      <c r="AE15" s="191">
        <v>4</v>
      </c>
      <c r="AF15" s="191">
        <v>5</v>
      </c>
      <c r="AG15" s="191">
        <v>3</v>
      </c>
      <c r="AH15" s="196">
        <v>39</v>
      </c>
      <c r="AI15" s="195">
        <v>39</v>
      </c>
      <c r="AJ15" s="190">
        <v>0</v>
      </c>
      <c r="AK15" s="191">
        <v>0</v>
      </c>
      <c r="AL15" s="196">
        <v>0</v>
      </c>
      <c r="AM15" s="193">
        <v>0</v>
      </c>
      <c r="AN15" s="191">
        <v>0</v>
      </c>
      <c r="AO15" s="191">
        <v>0</v>
      </c>
      <c r="AP15" s="191">
        <v>0</v>
      </c>
      <c r="AQ15" s="191">
        <v>0</v>
      </c>
      <c r="AR15" s="191">
        <v>0</v>
      </c>
      <c r="AS15" s="196">
        <v>0</v>
      </c>
      <c r="AT15" s="195">
        <v>0</v>
      </c>
      <c r="AU15" s="190">
        <v>0</v>
      </c>
      <c r="AV15" s="191">
        <v>0</v>
      </c>
      <c r="AW15" s="196">
        <v>0</v>
      </c>
      <c r="AX15" s="193">
        <v>0</v>
      </c>
      <c r="AY15" s="191">
        <v>0</v>
      </c>
      <c r="AZ15" s="191">
        <v>1</v>
      </c>
      <c r="BA15" s="191">
        <v>1</v>
      </c>
      <c r="BB15" s="191">
        <v>2</v>
      </c>
      <c r="BC15" s="191">
        <v>0</v>
      </c>
      <c r="BD15" s="196">
        <v>4</v>
      </c>
      <c r="BE15" s="195">
        <v>4</v>
      </c>
      <c r="BF15" s="190">
        <v>0</v>
      </c>
      <c r="BG15" s="191">
        <v>0</v>
      </c>
      <c r="BH15" s="196">
        <v>0</v>
      </c>
      <c r="BI15" s="193">
        <v>0</v>
      </c>
      <c r="BJ15" s="191">
        <v>1</v>
      </c>
      <c r="BK15" s="191">
        <v>3</v>
      </c>
      <c r="BL15" s="191">
        <v>3</v>
      </c>
      <c r="BM15" s="191">
        <v>2</v>
      </c>
      <c r="BN15" s="191">
        <v>2</v>
      </c>
      <c r="BO15" s="194">
        <v>11</v>
      </c>
      <c r="BP15" s="195">
        <v>11</v>
      </c>
      <c r="BQ15" s="190">
        <v>0</v>
      </c>
      <c r="BR15" s="191">
        <v>0</v>
      </c>
      <c r="BS15" s="196">
        <v>0</v>
      </c>
      <c r="BT15" s="193">
        <v>0</v>
      </c>
      <c r="BU15" s="191">
        <v>0</v>
      </c>
      <c r="BV15" s="191">
        <v>0</v>
      </c>
      <c r="BW15" s="191">
        <v>1</v>
      </c>
      <c r="BX15" s="191">
        <v>2</v>
      </c>
      <c r="BY15" s="191">
        <v>1</v>
      </c>
      <c r="BZ15" s="196">
        <v>4</v>
      </c>
      <c r="CA15" s="195">
        <v>4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0</v>
      </c>
      <c r="CH15" s="191">
        <v>2</v>
      </c>
      <c r="CI15" s="191">
        <v>0</v>
      </c>
      <c r="CJ15" s="191">
        <v>0</v>
      </c>
      <c r="CK15" s="196">
        <v>2</v>
      </c>
      <c r="CL15" s="195">
        <v>2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1</v>
      </c>
      <c r="CS15" s="191">
        <v>2</v>
      </c>
      <c r="CT15" s="191">
        <v>1</v>
      </c>
      <c r="CU15" s="191">
        <v>0</v>
      </c>
      <c r="CV15" s="196">
        <v>4</v>
      </c>
      <c r="CW15" s="195">
        <v>4</v>
      </c>
    </row>
    <row r="16" spans="2:101" ht="21" customHeight="1" x14ac:dyDescent="0.2">
      <c r="B16" s="106" t="s">
        <v>13</v>
      </c>
      <c r="C16" s="190">
        <v>0</v>
      </c>
      <c r="D16" s="196">
        <v>0</v>
      </c>
      <c r="E16" s="207">
        <v>0</v>
      </c>
      <c r="F16" s="193">
        <v>0</v>
      </c>
      <c r="G16" s="191">
        <v>0</v>
      </c>
      <c r="H16" s="191">
        <v>0</v>
      </c>
      <c r="I16" s="191">
        <v>0</v>
      </c>
      <c r="J16" s="191">
        <v>0</v>
      </c>
      <c r="K16" s="191">
        <v>0</v>
      </c>
      <c r="L16" s="194">
        <v>0</v>
      </c>
      <c r="M16" s="195">
        <v>0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0</v>
      </c>
      <c r="T16" s="191">
        <v>0</v>
      </c>
      <c r="U16" s="191">
        <v>0</v>
      </c>
      <c r="V16" s="191">
        <v>0</v>
      </c>
      <c r="W16" s="196">
        <v>0</v>
      </c>
      <c r="X16" s="195">
        <v>0</v>
      </c>
      <c r="Y16" s="190">
        <v>0</v>
      </c>
      <c r="Z16" s="191">
        <v>0</v>
      </c>
      <c r="AA16" s="196">
        <v>0</v>
      </c>
      <c r="AB16" s="193">
        <v>0</v>
      </c>
      <c r="AC16" s="191">
        <v>15</v>
      </c>
      <c r="AD16" s="191">
        <v>9</v>
      </c>
      <c r="AE16" s="191">
        <v>7</v>
      </c>
      <c r="AF16" s="191">
        <v>1</v>
      </c>
      <c r="AG16" s="191">
        <v>5</v>
      </c>
      <c r="AH16" s="196">
        <v>37</v>
      </c>
      <c r="AI16" s="195">
        <v>37</v>
      </c>
      <c r="AJ16" s="190">
        <v>0</v>
      </c>
      <c r="AK16" s="191">
        <v>0</v>
      </c>
      <c r="AL16" s="196">
        <v>0</v>
      </c>
      <c r="AM16" s="193">
        <v>0</v>
      </c>
      <c r="AN16" s="191">
        <v>0</v>
      </c>
      <c r="AO16" s="191">
        <v>1</v>
      </c>
      <c r="AP16" s="191">
        <v>2</v>
      </c>
      <c r="AQ16" s="191">
        <v>0</v>
      </c>
      <c r="AR16" s="191">
        <v>0</v>
      </c>
      <c r="AS16" s="196">
        <v>3</v>
      </c>
      <c r="AT16" s="195">
        <v>3</v>
      </c>
      <c r="AU16" s="190">
        <v>0</v>
      </c>
      <c r="AV16" s="191">
        <v>0</v>
      </c>
      <c r="AW16" s="196">
        <v>0</v>
      </c>
      <c r="AX16" s="193">
        <v>0</v>
      </c>
      <c r="AY16" s="191">
        <v>1</v>
      </c>
      <c r="AZ16" s="191">
        <v>0</v>
      </c>
      <c r="BA16" s="191">
        <v>0</v>
      </c>
      <c r="BB16" s="191">
        <v>0</v>
      </c>
      <c r="BC16" s="191">
        <v>1</v>
      </c>
      <c r="BD16" s="196">
        <v>2</v>
      </c>
      <c r="BE16" s="195">
        <v>2</v>
      </c>
      <c r="BF16" s="190">
        <v>0</v>
      </c>
      <c r="BG16" s="191">
        <v>0</v>
      </c>
      <c r="BH16" s="196">
        <v>0</v>
      </c>
      <c r="BI16" s="193">
        <v>0</v>
      </c>
      <c r="BJ16" s="191">
        <v>2</v>
      </c>
      <c r="BK16" s="191">
        <v>0</v>
      </c>
      <c r="BL16" s="191">
        <v>0</v>
      </c>
      <c r="BM16" s="191">
        <v>0</v>
      </c>
      <c r="BN16" s="191">
        <v>0</v>
      </c>
      <c r="BO16" s="194">
        <v>2</v>
      </c>
      <c r="BP16" s="195">
        <v>2</v>
      </c>
      <c r="BQ16" s="190">
        <v>0</v>
      </c>
      <c r="BR16" s="191">
        <v>0</v>
      </c>
      <c r="BS16" s="196">
        <v>0</v>
      </c>
      <c r="BT16" s="193">
        <v>0</v>
      </c>
      <c r="BU16" s="191">
        <v>0</v>
      </c>
      <c r="BV16" s="191">
        <v>0</v>
      </c>
      <c r="BW16" s="191">
        <v>1</v>
      </c>
      <c r="BX16" s="191">
        <v>0</v>
      </c>
      <c r="BY16" s="191">
        <v>0</v>
      </c>
      <c r="BZ16" s="196">
        <v>1</v>
      </c>
      <c r="CA16" s="195">
        <v>1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0</v>
      </c>
      <c r="CH16" s="191">
        <v>0</v>
      </c>
      <c r="CI16" s="191">
        <v>0</v>
      </c>
      <c r="CJ16" s="191">
        <v>0</v>
      </c>
      <c r="CK16" s="196">
        <v>0</v>
      </c>
      <c r="CL16" s="195">
        <v>0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</row>
    <row r="17" spans="2:101" ht="21" customHeight="1" x14ac:dyDescent="0.2">
      <c r="B17" s="106" t="s">
        <v>15</v>
      </c>
      <c r="C17" s="190">
        <v>0</v>
      </c>
      <c r="D17" s="196">
        <v>0</v>
      </c>
      <c r="E17" s="207">
        <v>0</v>
      </c>
      <c r="F17" s="193">
        <v>0</v>
      </c>
      <c r="G17" s="191">
        <v>0</v>
      </c>
      <c r="H17" s="191">
        <v>0</v>
      </c>
      <c r="I17" s="191">
        <v>0</v>
      </c>
      <c r="J17" s="191">
        <v>0</v>
      </c>
      <c r="K17" s="191">
        <v>0</v>
      </c>
      <c r="L17" s="194">
        <v>0</v>
      </c>
      <c r="M17" s="195">
        <v>0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0</v>
      </c>
      <c r="W17" s="196">
        <v>0</v>
      </c>
      <c r="X17" s="195">
        <v>0</v>
      </c>
      <c r="Y17" s="190">
        <v>0</v>
      </c>
      <c r="Z17" s="191">
        <v>0</v>
      </c>
      <c r="AA17" s="196">
        <v>0</v>
      </c>
      <c r="AB17" s="193">
        <v>0</v>
      </c>
      <c r="AC17" s="191">
        <v>4</v>
      </c>
      <c r="AD17" s="191">
        <v>7</v>
      </c>
      <c r="AE17" s="191">
        <v>1</v>
      </c>
      <c r="AF17" s="191">
        <v>0</v>
      </c>
      <c r="AG17" s="191">
        <v>1</v>
      </c>
      <c r="AH17" s="196">
        <v>13</v>
      </c>
      <c r="AI17" s="195">
        <v>13</v>
      </c>
      <c r="AJ17" s="190">
        <v>0</v>
      </c>
      <c r="AK17" s="191">
        <v>0</v>
      </c>
      <c r="AL17" s="196">
        <v>0</v>
      </c>
      <c r="AM17" s="193">
        <v>0</v>
      </c>
      <c r="AN17" s="191">
        <v>0</v>
      </c>
      <c r="AO17" s="191">
        <v>0</v>
      </c>
      <c r="AP17" s="191">
        <v>0</v>
      </c>
      <c r="AQ17" s="191">
        <v>0</v>
      </c>
      <c r="AR17" s="191">
        <v>0</v>
      </c>
      <c r="AS17" s="196">
        <v>0</v>
      </c>
      <c r="AT17" s="195">
        <v>0</v>
      </c>
      <c r="AU17" s="190">
        <v>0</v>
      </c>
      <c r="AV17" s="191">
        <v>0</v>
      </c>
      <c r="AW17" s="196">
        <v>0</v>
      </c>
      <c r="AX17" s="193">
        <v>0</v>
      </c>
      <c r="AY17" s="191">
        <v>0</v>
      </c>
      <c r="AZ17" s="191">
        <v>0</v>
      </c>
      <c r="BA17" s="191">
        <v>1</v>
      </c>
      <c r="BB17" s="191">
        <v>0</v>
      </c>
      <c r="BC17" s="191">
        <v>0</v>
      </c>
      <c r="BD17" s="196">
        <v>1</v>
      </c>
      <c r="BE17" s="195">
        <v>1</v>
      </c>
      <c r="BF17" s="190">
        <v>0</v>
      </c>
      <c r="BG17" s="191">
        <v>0</v>
      </c>
      <c r="BH17" s="196">
        <v>0</v>
      </c>
      <c r="BI17" s="193">
        <v>0</v>
      </c>
      <c r="BJ17" s="191">
        <v>0</v>
      </c>
      <c r="BK17" s="191">
        <v>3</v>
      </c>
      <c r="BL17" s="191">
        <v>0</v>
      </c>
      <c r="BM17" s="191">
        <v>0</v>
      </c>
      <c r="BN17" s="191">
        <v>0</v>
      </c>
      <c r="BO17" s="194">
        <v>3</v>
      </c>
      <c r="BP17" s="195">
        <v>3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0</v>
      </c>
      <c r="BW17" s="191">
        <v>0</v>
      </c>
      <c r="BX17" s="191">
        <v>0</v>
      </c>
      <c r="BY17" s="191">
        <v>0</v>
      </c>
      <c r="BZ17" s="196">
        <v>0</v>
      </c>
      <c r="CA17" s="195">
        <v>0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0</v>
      </c>
      <c r="CH17" s="191">
        <v>0</v>
      </c>
      <c r="CI17" s="191">
        <v>1</v>
      </c>
      <c r="CJ17" s="191">
        <v>0</v>
      </c>
      <c r="CK17" s="196">
        <v>1</v>
      </c>
      <c r="CL17" s="195">
        <v>1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0</v>
      </c>
      <c r="CT17" s="191">
        <v>0</v>
      </c>
      <c r="CU17" s="191">
        <v>0</v>
      </c>
      <c r="CV17" s="196">
        <v>0</v>
      </c>
      <c r="CW17" s="195">
        <v>0</v>
      </c>
    </row>
    <row r="18" spans="2:101" ht="21" customHeight="1" x14ac:dyDescent="0.2">
      <c r="B18" s="106" t="s">
        <v>16</v>
      </c>
      <c r="C18" s="190">
        <v>0</v>
      </c>
      <c r="D18" s="196">
        <v>0</v>
      </c>
      <c r="E18" s="207">
        <v>0</v>
      </c>
      <c r="F18" s="193">
        <v>0</v>
      </c>
      <c r="G18" s="191">
        <v>0</v>
      </c>
      <c r="H18" s="191">
        <v>0</v>
      </c>
      <c r="I18" s="191">
        <v>1</v>
      </c>
      <c r="J18" s="191">
        <v>1</v>
      </c>
      <c r="K18" s="191">
        <v>0</v>
      </c>
      <c r="L18" s="194">
        <v>2</v>
      </c>
      <c r="M18" s="195">
        <v>2</v>
      </c>
      <c r="N18" s="190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1</v>
      </c>
      <c r="T18" s="191">
        <v>0</v>
      </c>
      <c r="U18" s="191">
        <v>0</v>
      </c>
      <c r="V18" s="191">
        <v>0</v>
      </c>
      <c r="W18" s="196">
        <v>1</v>
      </c>
      <c r="X18" s="195">
        <v>1</v>
      </c>
      <c r="Y18" s="190">
        <v>0</v>
      </c>
      <c r="Z18" s="191">
        <v>0</v>
      </c>
      <c r="AA18" s="196">
        <v>0</v>
      </c>
      <c r="AB18" s="193">
        <v>0</v>
      </c>
      <c r="AC18" s="191">
        <v>8</v>
      </c>
      <c r="AD18" s="191">
        <v>9</v>
      </c>
      <c r="AE18" s="191">
        <v>3</v>
      </c>
      <c r="AF18" s="191">
        <v>0</v>
      </c>
      <c r="AG18" s="191">
        <v>0</v>
      </c>
      <c r="AH18" s="196">
        <v>20</v>
      </c>
      <c r="AI18" s="195">
        <v>20</v>
      </c>
      <c r="AJ18" s="190">
        <v>0</v>
      </c>
      <c r="AK18" s="191">
        <v>0</v>
      </c>
      <c r="AL18" s="196">
        <v>0</v>
      </c>
      <c r="AM18" s="193">
        <v>0</v>
      </c>
      <c r="AN18" s="191">
        <v>1</v>
      </c>
      <c r="AO18" s="191">
        <v>0</v>
      </c>
      <c r="AP18" s="191">
        <v>0</v>
      </c>
      <c r="AQ18" s="191">
        <v>0</v>
      </c>
      <c r="AR18" s="191">
        <v>0</v>
      </c>
      <c r="AS18" s="196">
        <v>1</v>
      </c>
      <c r="AT18" s="195">
        <v>1</v>
      </c>
      <c r="AU18" s="190">
        <v>0</v>
      </c>
      <c r="AV18" s="191">
        <v>0</v>
      </c>
      <c r="AW18" s="196">
        <v>0</v>
      </c>
      <c r="AX18" s="193">
        <v>0</v>
      </c>
      <c r="AY18" s="191">
        <v>3</v>
      </c>
      <c r="AZ18" s="191">
        <v>1</v>
      </c>
      <c r="BA18" s="191">
        <v>0</v>
      </c>
      <c r="BB18" s="191">
        <v>0</v>
      </c>
      <c r="BC18" s="191">
        <v>1</v>
      </c>
      <c r="BD18" s="196">
        <v>5</v>
      </c>
      <c r="BE18" s="195">
        <v>5</v>
      </c>
      <c r="BF18" s="190">
        <v>0</v>
      </c>
      <c r="BG18" s="191">
        <v>0</v>
      </c>
      <c r="BH18" s="196">
        <v>0</v>
      </c>
      <c r="BI18" s="193">
        <v>0</v>
      </c>
      <c r="BJ18" s="191">
        <v>1</v>
      </c>
      <c r="BK18" s="191">
        <v>2</v>
      </c>
      <c r="BL18" s="191">
        <v>1</v>
      </c>
      <c r="BM18" s="191">
        <v>1</v>
      </c>
      <c r="BN18" s="191">
        <v>0</v>
      </c>
      <c r="BO18" s="194">
        <v>5</v>
      </c>
      <c r="BP18" s="195">
        <v>5</v>
      </c>
      <c r="BQ18" s="190">
        <v>0</v>
      </c>
      <c r="BR18" s="191">
        <v>0</v>
      </c>
      <c r="BS18" s="196">
        <v>0</v>
      </c>
      <c r="BT18" s="193">
        <v>0</v>
      </c>
      <c r="BU18" s="191">
        <v>0</v>
      </c>
      <c r="BV18" s="191">
        <v>0</v>
      </c>
      <c r="BW18" s="191">
        <v>0</v>
      </c>
      <c r="BX18" s="191">
        <v>0</v>
      </c>
      <c r="BY18" s="191">
        <v>0</v>
      </c>
      <c r="BZ18" s="196">
        <v>0</v>
      </c>
      <c r="CA18" s="195">
        <v>0</v>
      </c>
      <c r="CB18" s="190">
        <v>0</v>
      </c>
      <c r="CC18" s="191">
        <v>0</v>
      </c>
      <c r="CD18" s="196">
        <v>0</v>
      </c>
      <c r="CE18" s="193">
        <v>0</v>
      </c>
      <c r="CF18" s="191">
        <v>0</v>
      </c>
      <c r="CG18" s="191">
        <v>0</v>
      </c>
      <c r="CH18" s="191">
        <v>0</v>
      </c>
      <c r="CI18" s="191">
        <v>0</v>
      </c>
      <c r="CJ18" s="191">
        <v>0</v>
      </c>
      <c r="CK18" s="196">
        <v>0</v>
      </c>
      <c r="CL18" s="195">
        <v>0</v>
      </c>
      <c r="CM18" s="190">
        <v>0</v>
      </c>
      <c r="CN18" s="191">
        <v>0</v>
      </c>
      <c r="CO18" s="196">
        <v>0</v>
      </c>
      <c r="CP18" s="193">
        <v>0</v>
      </c>
      <c r="CQ18" s="191">
        <v>1</v>
      </c>
      <c r="CR18" s="191">
        <v>0</v>
      </c>
      <c r="CS18" s="191">
        <v>0</v>
      </c>
      <c r="CT18" s="191">
        <v>0</v>
      </c>
      <c r="CU18" s="191">
        <v>0</v>
      </c>
      <c r="CV18" s="196">
        <v>1</v>
      </c>
      <c r="CW18" s="195">
        <v>1</v>
      </c>
    </row>
    <row r="19" spans="2:101" ht="21" customHeight="1" x14ac:dyDescent="0.2">
      <c r="B19" s="106" t="s">
        <v>17</v>
      </c>
      <c r="C19" s="190">
        <v>0</v>
      </c>
      <c r="D19" s="196">
        <v>0</v>
      </c>
      <c r="E19" s="207">
        <v>0</v>
      </c>
      <c r="F19" s="193">
        <v>0</v>
      </c>
      <c r="G19" s="191">
        <v>0</v>
      </c>
      <c r="H19" s="191">
        <v>0</v>
      </c>
      <c r="I19" s="191">
        <v>0</v>
      </c>
      <c r="J19" s="191">
        <v>0</v>
      </c>
      <c r="K19" s="191">
        <v>0</v>
      </c>
      <c r="L19" s="194">
        <v>0</v>
      </c>
      <c r="M19" s="195">
        <v>0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0</v>
      </c>
      <c r="T19" s="191">
        <v>0</v>
      </c>
      <c r="U19" s="191">
        <v>0</v>
      </c>
      <c r="V19" s="191">
        <v>0</v>
      </c>
      <c r="W19" s="196">
        <v>0</v>
      </c>
      <c r="X19" s="195">
        <v>0</v>
      </c>
      <c r="Y19" s="190">
        <v>0</v>
      </c>
      <c r="Z19" s="191">
        <v>0</v>
      </c>
      <c r="AA19" s="196">
        <v>0</v>
      </c>
      <c r="AB19" s="193">
        <v>0</v>
      </c>
      <c r="AC19" s="191">
        <v>22</v>
      </c>
      <c r="AD19" s="191">
        <v>19</v>
      </c>
      <c r="AE19" s="191">
        <v>11</v>
      </c>
      <c r="AF19" s="191">
        <v>3</v>
      </c>
      <c r="AG19" s="191">
        <v>2</v>
      </c>
      <c r="AH19" s="196">
        <v>57</v>
      </c>
      <c r="AI19" s="195">
        <v>57</v>
      </c>
      <c r="AJ19" s="190">
        <v>0</v>
      </c>
      <c r="AK19" s="191">
        <v>0</v>
      </c>
      <c r="AL19" s="196">
        <v>0</v>
      </c>
      <c r="AM19" s="193">
        <v>0</v>
      </c>
      <c r="AN19" s="191">
        <v>2</v>
      </c>
      <c r="AO19" s="191">
        <v>1</v>
      </c>
      <c r="AP19" s="191">
        <v>0</v>
      </c>
      <c r="AQ19" s="191">
        <v>0</v>
      </c>
      <c r="AR19" s="191">
        <v>0</v>
      </c>
      <c r="AS19" s="196">
        <v>3</v>
      </c>
      <c r="AT19" s="195">
        <v>3</v>
      </c>
      <c r="AU19" s="190">
        <v>0</v>
      </c>
      <c r="AV19" s="191">
        <v>0</v>
      </c>
      <c r="AW19" s="196">
        <v>0</v>
      </c>
      <c r="AX19" s="193">
        <v>0</v>
      </c>
      <c r="AY19" s="191">
        <v>0</v>
      </c>
      <c r="AZ19" s="191">
        <v>0</v>
      </c>
      <c r="BA19" s="191">
        <v>3</v>
      </c>
      <c r="BB19" s="191">
        <v>1</v>
      </c>
      <c r="BC19" s="191">
        <v>2</v>
      </c>
      <c r="BD19" s="196">
        <v>6</v>
      </c>
      <c r="BE19" s="195">
        <v>6</v>
      </c>
      <c r="BF19" s="190">
        <v>0</v>
      </c>
      <c r="BG19" s="191">
        <v>0</v>
      </c>
      <c r="BH19" s="196">
        <v>0</v>
      </c>
      <c r="BI19" s="193">
        <v>0</v>
      </c>
      <c r="BJ19" s="191">
        <v>1</v>
      </c>
      <c r="BK19" s="191">
        <v>2</v>
      </c>
      <c r="BL19" s="191">
        <v>4</v>
      </c>
      <c r="BM19" s="191">
        <v>1</v>
      </c>
      <c r="BN19" s="191">
        <v>2</v>
      </c>
      <c r="BO19" s="194">
        <v>10</v>
      </c>
      <c r="BP19" s="195">
        <v>10</v>
      </c>
      <c r="BQ19" s="190">
        <v>0</v>
      </c>
      <c r="BR19" s="191">
        <v>0</v>
      </c>
      <c r="BS19" s="196">
        <v>0</v>
      </c>
      <c r="BT19" s="193">
        <v>0</v>
      </c>
      <c r="BU19" s="191">
        <v>0</v>
      </c>
      <c r="BV19" s="191">
        <v>0</v>
      </c>
      <c r="BW19" s="191">
        <v>0</v>
      </c>
      <c r="BX19" s="191">
        <v>0</v>
      </c>
      <c r="BY19" s="191">
        <v>0</v>
      </c>
      <c r="BZ19" s="196">
        <v>0</v>
      </c>
      <c r="CA19" s="195">
        <v>0</v>
      </c>
      <c r="CB19" s="190">
        <v>0</v>
      </c>
      <c r="CC19" s="191">
        <v>0</v>
      </c>
      <c r="CD19" s="196">
        <v>0</v>
      </c>
      <c r="CE19" s="193">
        <v>0</v>
      </c>
      <c r="CF19" s="191">
        <v>0</v>
      </c>
      <c r="CG19" s="191">
        <v>0</v>
      </c>
      <c r="CH19" s="191">
        <v>1</v>
      </c>
      <c r="CI19" s="191">
        <v>4</v>
      </c>
      <c r="CJ19" s="191">
        <v>3</v>
      </c>
      <c r="CK19" s="196">
        <v>8</v>
      </c>
      <c r="CL19" s="195">
        <v>8</v>
      </c>
      <c r="CM19" s="190">
        <v>0</v>
      </c>
      <c r="CN19" s="191">
        <v>0</v>
      </c>
      <c r="CO19" s="196">
        <v>0</v>
      </c>
      <c r="CP19" s="193">
        <v>0</v>
      </c>
      <c r="CQ19" s="191">
        <v>0</v>
      </c>
      <c r="CR19" s="191">
        <v>1</v>
      </c>
      <c r="CS19" s="191">
        <v>0</v>
      </c>
      <c r="CT19" s="191">
        <v>1</v>
      </c>
      <c r="CU19" s="191">
        <v>0</v>
      </c>
      <c r="CV19" s="196">
        <v>2</v>
      </c>
      <c r="CW19" s="195">
        <v>2</v>
      </c>
    </row>
    <row r="20" spans="2:101" ht="21" customHeight="1" x14ac:dyDescent="0.2">
      <c r="B20" s="106" t="s">
        <v>18</v>
      </c>
      <c r="C20" s="190">
        <v>0</v>
      </c>
      <c r="D20" s="196">
        <v>0</v>
      </c>
      <c r="E20" s="207">
        <v>0</v>
      </c>
      <c r="F20" s="193">
        <v>0</v>
      </c>
      <c r="G20" s="191">
        <v>0</v>
      </c>
      <c r="H20" s="191">
        <v>2</v>
      </c>
      <c r="I20" s="191">
        <v>0</v>
      </c>
      <c r="J20" s="191">
        <v>1</v>
      </c>
      <c r="K20" s="191">
        <v>0</v>
      </c>
      <c r="L20" s="194">
        <v>3</v>
      </c>
      <c r="M20" s="195">
        <v>3</v>
      </c>
      <c r="N20" s="190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0</v>
      </c>
      <c r="T20" s="191">
        <v>0</v>
      </c>
      <c r="U20" s="191">
        <v>0</v>
      </c>
      <c r="V20" s="191">
        <v>0</v>
      </c>
      <c r="W20" s="196">
        <v>0</v>
      </c>
      <c r="X20" s="195">
        <v>0</v>
      </c>
      <c r="Y20" s="190">
        <v>0</v>
      </c>
      <c r="Z20" s="191">
        <v>0</v>
      </c>
      <c r="AA20" s="196">
        <v>0</v>
      </c>
      <c r="AB20" s="193">
        <v>0</v>
      </c>
      <c r="AC20" s="191">
        <v>20</v>
      </c>
      <c r="AD20" s="191">
        <v>7</v>
      </c>
      <c r="AE20" s="191">
        <v>5</v>
      </c>
      <c r="AF20" s="191">
        <v>2</v>
      </c>
      <c r="AG20" s="191">
        <v>1</v>
      </c>
      <c r="AH20" s="196">
        <v>35</v>
      </c>
      <c r="AI20" s="195">
        <v>35</v>
      </c>
      <c r="AJ20" s="190">
        <v>0</v>
      </c>
      <c r="AK20" s="191">
        <v>0</v>
      </c>
      <c r="AL20" s="196">
        <v>0</v>
      </c>
      <c r="AM20" s="193">
        <v>0</v>
      </c>
      <c r="AN20" s="191">
        <v>0</v>
      </c>
      <c r="AO20" s="191">
        <v>1</v>
      </c>
      <c r="AP20" s="191">
        <v>1</v>
      </c>
      <c r="AQ20" s="191">
        <v>0</v>
      </c>
      <c r="AR20" s="191">
        <v>0</v>
      </c>
      <c r="AS20" s="196">
        <v>2</v>
      </c>
      <c r="AT20" s="195">
        <v>2</v>
      </c>
      <c r="AU20" s="190">
        <v>0</v>
      </c>
      <c r="AV20" s="191">
        <v>0</v>
      </c>
      <c r="AW20" s="196">
        <v>0</v>
      </c>
      <c r="AX20" s="193">
        <v>0</v>
      </c>
      <c r="AY20" s="191">
        <v>2</v>
      </c>
      <c r="AZ20" s="191">
        <v>2</v>
      </c>
      <c r="BA20" s="191">
        <v>0</v>
      </c>
      <c r="BB20" s="191">
        <v>0</v>
      </c>
      <c r="BC20" s="191">
        <v>0</v>
      </c>
      <c r="BD20" s="196">
        <v>4</v>
      </c>
      <c r="BE20" s="195">
        <v>4</v>
      </c>
      <c r="BF20" s="190">
        <v>0</v>
      </c>
      <c r="BG20" s="191">
        <v>0</v>
      </c>
      <c r="BH20" s="196">
        <v>0</v>
      </c>
      <c r="BI20" s="193">
        <v>0</v>
      </c>
      <c r="BJ20" s="191">
        <v>2</v>
      </c>
      <c r="BK20" s="191">
        <v>4</v>
      </c>
      <c r="BL20" s="191">
        <v>7</v>
      </c>
      <c r="BM20" s="191">
        <v>1</v>
      </c>
      <c r="BN20" s="191">
        <v>0</v>
      </c>
      <c r="BO20" s="194">
        <v>14</v>
      </c>
      <c r="BP20" s="195">
        <v>14</v>
      </c>
      <c r="BQ20" s="190">
        <v>0</v>
      </c>
      <c r="BR20" s="191">
        <v>0</v>
      </c>
      <c r="BS20" s="196">
        <v>0</v>
      </c>
      <c r="BT20" s="193">
        <v>0</v>
      </c>
      <c r="BU20" s="191">
        <v>0</v>
      </c>
      <c r="BV20" s="191">
        <v>0</v>
      </c>
      <c r="BW20" s="191">
        <v>0</v>
      </c>
      <c r="BX20" s="191">
        <v>0</v>
      </c>
      <c r="BY20" s="191">
        <v>0</v>
      </c>
      <c r="BZ20" s="196">
        <v>0</v>
      </c>
      <c r="CA20" s="195">
        <v>0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0</v>
      </c>
      <c r="CH20" s="191">
        <v>0</v>
      </c>
      <c r="CI20" s="191">
        <v>1</v>
      </c>
      <c r="CJ20" s="191">
        <v>0</v>
      </c>
      <c r="CK20" s="196">
        <v>1</v>
      </c>
      <c r="CL20" s="195">
        <v>1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2</v>
      </c>
      <c r="CT20" s="191">
        <v>0</v>
      </c>
      <c r="CU20" s="191">
        <v>2</v>
      </c>
      <c r="CV20" s="196">
        <v>4</v>
      </c>
      <c r="CW20" s="195">
        <v>4</v>
      </c>
    </row>
    <row r="21" spans="2:101" ht="21" customHeight="1" x14ac:dyDescent="0.2">
      <c r="B21" s="106" t="s">
        <v>19</v>
      </c>
      <c r="C21" s="190">
        <v>0</v>
      </c>
      <c r="D21" s="196">
        <v>0</v>
      </c>
      <c r="E21" s="207">
        <v>0</v>
      </c>
      <c r="F21" s="193">
        <v>0</v>
      </c>
      <c r="G21" s="191">
        <v>0</v>
      </c>
      <c r="H21" s="191">
        <v>1</v>
      </c>
      <c r="I21" s="191">
        <v>1</v>
      </c>
      <c r="J21" s="191">
        <v>1</v>
      </c>
      <c r="K21" s="191">
        <v>0</v>
      </c>
      <c r="L21" s="194">
        <v>3</v>
      </c>
      <c r="M21" s="195">
        <v>3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1</v>
      </c>
      <c r="T21" s="191">
        <v>0</v>
      </c>
      <c r="U21" s="191">
        <v>1</v>
      </c>
      <c r="V21" s="191">
        <v>0</v>
      </c>
      <c r="W21" s="196">
        <v>2</v>
      </c>
      <c r="X21" s="195">
        <v>2</v>
      </c>
      <c r="Y21" s="190">
        <v>0</v>
      </c>
      <c r="Z21" s="191">
        <v>0</v>
      </c>
      <c r="AA21" s="196">
        <v>0</v>
      </c>
      <c r="AB21" s="193">
        <v>0</v>
      </c>
      <c r="AC21" s="191">
        <v>9</v>
      </c>
      <c r="AD21" s="191">
        <v>4</v>
      </c>
      <c r="AE21" s="191">
        <v>1</v>
      </c>
      <c r="AF21" s="191">
        <v>2</v>
      </c>
      <c r="AG21" s="191">
        <v>0</v>
      </c>
      <c r="AH21" s="196">
        <v>16</v>
      </c>
      <c r="AI21" s="195">
        <v>16</v>
      </c>
      <c r="AJ21" s="190">
        <v>1</v>
      </c>
      <c r="AK21" s="191">
        <v>0</v>
      </c>
      <c r="AL21" s="196">
        <v>1</v>
      </c>
      <c r="AM21" s="193">
        <v>0</v>
      </c>
      <c r="AN21" s="191">
        <v>1</v>
      </c>
      <c r="AO21" s="191">
        <v>2</v>
      </c>
      <c r="AP21" s="191">
        <v>1</v>
      </c>
      <c r="AQ21" s="191">
        <v>0</v>
      </c>
      <c r="AR21" s="191">
        <v>0</v>
      </c>
      <c r="AS21" s="196">
        <v>4</v>
      </c>
      <c r="AT21" s="195">
        <v>5</v>
      </c>
      <c r="AU21" s="190">
        <v>0</v>
      </c>
      <c r="AV21" s="191">
        <v>0</v>
      </c>
      <c r="AW21" s="196">
        <v>0</v>
      </c>
      <c r="AX21" s="193">
        <v>0</v>
      </c>
      <c r="AY21" s="191">
        <v>0</v>
      </c>
      <c r="AZ21" s="191">
        <v>2</v>
      </c>
      <c r="BA21" s="191">
        <v>1</v>
      </c>
      <c r="BB21" s="191">
        <v>1</v>
      </c>
      <c r="BC21" s="191">
        <v>0</v>
      </c>
      <c r="BD21" s="196">
        <v>4</v>
      </c>
      <c r="BE21" s="195">
        <v>4</v>
      </c>
      <c r="BF21" s="190">
        <v>0</v>
      </c>
      <c r="BG21" s="191">
        <v>0</v>
      </c>
      <c r="BH21" s="196">
        <v>0</v>
      </c>
      <c r="BI21" s="193">
        <v>0</v>
      </c>
      <c r="BJ21" s="191">
        <v>0</v>
      </c>
      <c r="BK21" s="191">
        <v>0</v>
      </c>
      <c r="BL21" s="191">
        <v>2</v>
      </c>
      <c r="BM21" s="191">
        <v>0</v>
      </c>
      <c r="BN21" s="191">
        <v>0</v>
      </c>
      <c r="BO21" s="194">
        <v>2</v>
      </c>
      <c r="BP21" s="195">
        <v>2</v>
      </c>
      <c r="BQ21" s="190">
        <v>0</v>
      </c>
      <c r="BR21" s="191">
        <v>0</v>
      </c>
      <c r="BS21" s="196">
        <v>0</v>
      </c>
      <c r="BT21" s="193">
        <v>0</v>
      </c>
      <c r="BU21" s="191">
        <v>0</v>
      </c>
      <c r="BV21" s="191">
        <v>0</v>
      </c>
      <c r="BW21" s="191">
        <v>0</v>
      </c>
      <c r="BX21" s="191">
        <v>0</v>
      </c>
      <c r="BY21" s="191">
        <v>0</v>
      </c>
      <c r="BZ21" s="196">
        <v>0</v>
      </c>
      <c r="CA21" s="195">
        <v>0</v>
      </c>
      <c r="CB21" s="190">
        <v>0</v>
      </c>
      <c r="CC21" s="191">
        <v>0</v>
      </c>
      <c r="CD21" s="196">
        <v>0</v>
      </c>
      <c r="CE21" s="193">
        <v>0</v>
      </c>
      <c r="CF21" s="191">
        <v>0</v>
      </c>
      <c r="CG21" s="191">
        <v>0</v>
      </c>
      <c r="CH21" s="191">
        <v>0</v>
      </c>
      <c r="CI21" s="191">
        <v>0</v>
      </c>
      <c r="CJ21" s="191">
        <v>0</v>
      </c>
      <c r="CK21" s="196">
        <v>0</v>
      </c>
      <c r="CL21" s="195">
        <v>0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0</v>
      </c>
      <c r="CT21" s="191">
        <v>0</v>
      </c>
      <c r="CU21" s="191">
        <v>0</v>
      </c>
      <c r="CV21" s="196">
        <v>0</v>
      </c>
      <c r="CW21" s="195">
        <v>0</v>
      </c>
    </row>
    <row r="22" spans="2:101" ht="21" customHeight="1" x14ac:dyDescent="0.2">
      <c r="B22" s="106" t="s">
        <v>20</v>
      </c>
      <c r="C22" s="190">
        <v>0</v>
      </c>
      <c r="D22" s="196">
        <v>0</v>
      </c>
      <c r="E22" s="207">
        <v>0</v>
      </c>
      <c r="F22" s="193">
        <v>0</v>
      </c>
      <c r="G22" s="191">
        <v>0</v>
      </c>
      <c r="H22" s="191">
        <v>0</v>
      </c>
      <c r="I22" s="191">
        <v>0</v>
      </c>
      <c r="J22" s="191">
        <v>0</v>
      </c>
      <c r="K22" s="191">
        <v>0</v>
      </c>
      <c r="L22" s="194">
        <v>0</v>
      </c>
      <c r="M22" s="195">
        <v>0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0</v>
      </c>
      <c r="U22" s="191">
        <v>0</v>
      </c>
      <c r="V22" s="191">
        <v>0</v>
      </c>
      <c r="W22" s="196">
        <v>0</v>
      </c>
      <c r="X22" s="195">
        <v>0</v>
      </c>
      <c r="Y22" s="190">
        <v>0</v>
      </c>
      <c r="Z22" s="191">
        <v>0</v>
      </c>
      <c r="AA22" s="196">
        <v>0</v>
      </c>
      <c r="AB22" s="193">
        <v>0</v>
      </c>
      <c r="AC22" s="191">
        <v>15</v>
      </c>
      <c r="AD22" s="191">
        <v>15</v>
      </c>
      <c r="AE22" s="191">
        <v>3</v>
      </c>
      <c r="AF22" s="191">
        <v>1</v>
      </c>
      <c r="AG22" s="191">
        <v>0</v>
      </c>
      <c r="AH22" s="196">
        <v>34</v>
      </c>
      <c r="AI22" s="195">
        <v>34</v>
      </c>
      <c r="AJ22" s="190">
        <v>0</v>
      </c>
      <c r="AK22" s="191">
        <v>0</v>
      </c>
      <c r="AL22" s="196">
        <v>0</v>
      </c>
      <c r="AM22" s="193">
        <v>0</v>
      </c>
      <c r="AN22" s="191">
        <v>0</v>
      </c>
      <c r="AO22" s="191">
        <v>0</v>
      </c>
      <c r="AP22" s="191">
        <v>1</v>
      </c>
      <c r="AQ22" s="191">
        <v>0</v>
      </c>
      <c r="AR22" s="191">
        <v>0</v>
      </c>
      <c r="AS22" s="196">
        <v>1</v>
      </c>
      <c r="AT22" s="195">
        <v>1</v>
      </c>
      <c r="AU22" s="190">
        <v>0</v>
      </c>
      <c r="AV22" s="191">
        <v>0</v>
      </c>
      <c r="AW22" s="196">
        <v>0</v>
      </c>
      <c r="AX22" s="193">
        <v>0</v>
      </c>
      <c r="AY22" s="191">
        <v>1</v>
      </c>
      <c r="AZ22" s="191">
        <v>1</v>
      </c>
      <c r="BA22" s="191">
        <v>0</v>
      </c>
      <c r="BB22" s="191">
        <v>0</v>
      </c>
      <c r="BC22" s="191">
        <v>0</v>
      </c>
      <c r="BD22" s="196">
        <v>2</v>
      </c>
      <c r="BE22" s="195">
        <v>2</v>
      </c>
      <c r="BF22" s="190">
        <v>0</v>
      </c>
      <c r="BG22" s="191">
        <v>0</v>
      </c>
      <c r="BH22" s="196">
        <v>0</v>
      </c>
      <c r="BI22" s="193">
        <v>0</v>
      </c>
      <c r="BJ22" s="191">
        <v>1</v>
      </c>
      <c r="BK22" s="191">
        <v>1</v>
      </c>
      <c r="BL22" s="191">
        <v>4</v>
      </c>
      <c r="BM22" s="191">
        <v>0</v>
      </c>
      <c r="BN22" s="191">
        <v>0</v>
      </c>
      <c r="BO22" s="194">
        <v>6</v>
      </c>
      <c r="BP22" s="195">
        <v>6</v>
      </c>
      <c r="BQ22" s="190">
        <v>0</v>
      </c>
      <c r="BR22" s="191">
        <v>0</v>
      </c>
      <c r="BS22" s="196">
        <v>0</v>
      </c>
      <c r="BT22" s="193">
        <v>0</v>
      </c>
      <c r="BU22" s="191">
        <v>0</v>
      </c>
      <c r="BV22" s="191">
        <v>0</v>
      </c>
      <c r="BW22" s="191">
        <v>0</v>
      </c>
      <c r="BX22" s="191">
        <v>0</v>
      </c>
      <c r="BY22" s="191">
        <v>0</v>
      </c>
      <c r="BZ22" s="196">
        <v>0</v>
      </c>
      <c r="CA22" s="195">
        <v>0</v>
      </c>
      <c r="CB22" s="190">
        <v>0</v>
      </c>
      <c r="CC22" s="191">
        <v>0</v>
      </c>
      <c r="CD22" s="196">
        <v>0</v>
      </c>
      <c r="CE22" s="193">
        <v>0</v>
      </c>
      <c r="CF22" s="191">
        <v>0</v>
      </c>
      <c r="CG22" s="191">
        <v>0</v>
      </c>
      <c r="CH22" s="191">
        <v>0</v>
      </c>
      <c r="CI22" s="191">
        <v>0</v>
      </c>
      <c r="CJ22" s="191">
        <v>0</v>
      </c>
      <c r="CK22" s="196">
        <v>0</v>
      </c>
      <c r="CL22" s="195">
        <v>0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</row>
    <row r="23" spans="2:101" ht="21" customHeight="1" x14ac:dyDescent="0.2">
      <c r="B23" s="106" t="s">
        <v>21</v>
      </c>
      <c r="C23" s="190">
        <v>0</v>
      </c>
      <c r="D23" s="196">
        <v>0</v>
      </c>
      <c r="E23" s="207">
        <v>0</v>
      </c>
      <c r="F23" s="193">
        <v>0</v>
      </c>
      <c r="G23" s="191">
        <v>0</v>
      </c>
      <c r="H23" s="191">
        <v>0</v>
      </c>
      <c r="I23" s="191">
        <v>0</v>
      </c>
      <c r="J23" s="191">
        <v>0</v>
      </c>
      <c r="K23" s="191">
        <v>0</v>
      </c>
      <c r="L23" s="194">
        <v>0</v>
      </c>
      <c r="M23" s="195">
        <v>0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  <c r="Y23" s="190">
        <v>0</v>
      </c>
      <c r="Z23" s="191">
        <v>0</v>
      </c>
      <c r="AA23" s="196">
        <v>0</v>
      </c>
      <c r="AB23" s="193">
        <v>0</v>
      </c>
      <c r="AC23" s="191">
        <v>13</v>
      </c>
      <c r="AD23" s="191">
        <v>10</v>
      </c>
      <c r="AE23" s="191">
        <v>2</v>
      </c>
      <c r="AF23" s="191">
        <v>1</v>
      </c>
      <c r="AG23" s="191">
        <v>0</v>
      </c>
      <c r="AH23" s="196">
        <v>26</v>
      </c>
      <c r="AI23" s="195">
        <v>26</v>
      </c>
      <c r="AJ23" s="190">
        <v>0</v>
      </c>
      <c r="AK23" s="191">
        <v>0</v>
      </c>
      <c r="AL23" s="196">
        <v>0</v>
      </c>
      <c r="AM23" s="193">
        <v>0</v>
      </c>
      <c r="AN23" s="191">
        <v>0</v>
      </c>
      <c r="AO23" s="191">
        <v>0</v>
      </c>
      <c r="AP23" s="191">
        <v>0</v>
      </c>
      <c r="AQ23" s="191">
        <v>0</v>
      </c>
      <c r="AR23" s="191">
        <v>0</v>
      </c>
      <c r="AS23" s="196">
        <v>0</v>
      </c>
      <c r="AT23" s="195">
        <v>0</v>
      </c>
      <c r="AU23" s="190">
        <v>0</v>
      </c>
      <c r="AV23" s="191">
        <v>0</v>
      </c>
      <c r="AW23" s="196">
        <v>0</v>
      </c>
      <c r="AX23" s="193">
        <v>0</v>
      </c>
      <c r="AY23" s="191">
        <v>1</v>
      </c>
      <c r="AZ23" s="191">
        <v>0</v>
      </c>
      <c r="BA23" s="191">
        <v>1</v>
      </c>
      <c r="BB23" s="191">
        <v>0</v>
      </c>
      <c r="BC23" s="191">
        <v>0</v>
      </c>
      <c r="BD23" s="196">
        <v>2</v>
      </c>
      <c r="BE23" s="195">
        <v>2</v>
      </c>
      <c r="BF23" s="190">
        <v>0</v>
      </c>
      <c r="BG23" s="191">
        <v>0</v>
      </c>
      <c r="BH23" s="196">
        <v>0</v>
      </c>
      <c r="BI23" s="193">
        <v>0</v>
      </c>
      <c r="BJ23" s="191">
        <v>0</v>
      </c>
      <c r="BK23" s="191">
        <v>1</v>
      </c>
      <c r="BL23" s="191">
        <v>0</v>
      </c>
      <c r="BM23" s="191">
        <v>1</v>
      </c>
      <c r="BN23" s="191">
        <v>0</v>
      </c>
      <c r="BO23" s="194">
        <v>2</v>
      </c>
      <c r="BP23" s="195">
        <v>2</v>
      </c>
      <c r="BQ23" s="190">
        <v>0</v>
      </c>
      <c r="BR23" s="191">
        <v>0</v>
      </c>
      <c r="BS23" s="196">
        <v>0</v>
      </c>
      <c r="BT23" s="193">
        <v>0</v>
      </c>
      <c r="BU23" s="191">
        <v>0</v>
      </c>
      <c r="BV23" s="191">
        <v>0</v>
      </c>
      <c r="BW23" s="191">
        <v>0</v>
      </c>
      <c r="BX23" s="191">
        <v>0</v>
      </c>
      <c r="BY23" s="191">
        <v>0</v>
      </c>
      <c r="BZ23" s="196">
        <v>0</v>
      </c>
      <c r="CA23" s="195">
        <v>0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0</v>
      </c>
      <c r="CH23" s="191">
        <v>0</v>
      </c>
      <c r="CI23" s="191">
        <v>0</v>
      </c>
      <c r="CJ23" s="191">
        <v>0</v>
      </c>
      <c r="CK23" s="196">
        <v>0</v>
      </c>
      <c r="CL23" s="195">
        <v>0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</row>
    <row r="24" spans="2:101" ht="21" customHeight="1" x14ac:dyDescent="0.2">
      <c r="B24" s="106" t="s">
        <v>22</v>
      </c>
      <c r="C24" s="190">
        <v>0</v>
      </c>
      <c r="D24" s="196">
        <v>0</v>
      </c>
      <c r="E24" s="207">
        <v>0</v>
      </c>
      <c r="F24" s="193">
        <v>0</v>
      </c>
      <c r="G24" s="191">
        <v>0</v>
      </c>
      <c r="H24" s="191">
        <v>0</v>
      </c>
      <c r="I24" s="191">
        <v>0</v>
      </c>
      <c r="J24" s="191">
        <v>1</v>
      </c>
      <c r="K24" s="191">
        <v>0</v>
      </c>
      <c r="L24" s="194">
        <v>1</v>
      </c>
      <c r="M24" s="195">
        <v>1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0</v>
      </c>
      <c r="V24" s="191">
        <v>0</v>
      </c>
      <c r="W24" s="196">
        <v>0</v>
      </c>
      <c r="X24" s="195">
        <v>0</v>
      </c>
      <c r="Y24" s="190">
        <v>0</v>
      </c>
      <c r="Z24" s="191">
        <v>0</v>
      </c>
      <c r="AA24" s="196">
        <v>0</v>
      </c>
      <c r="AB24" s="193">
        <v>0</v>
      </c>
      <c r="AC24" s="191">
        <v>5</v>
      </c>
      <c r="AD24" s="191">
        <v>7</v>
      </c>
      <c r="AE24" s="191">
        <v>1</v>
      </c>
      <c r="AF24" s="191">
        <v>0</v>
      </c>
      <c r="AG24" s="191">
        <v>1</v>
      </c>
      <c r="AH24" s="196">
        <v>14</v>
      </c>
      <c r="AI24" s="195">
        <v>14</v>
      </c>
      <c r="AJ24" s="190">
        <v>0</v>
      </c>
      <c r="AK24" s="191">
        <v>0</v>
      </c>
      <c r="AL24" s="196">
        <v>0</v>
      </c>
      <c r="AM24" s="193">
        <v>0</v>
      </c>
      <c r="AN24" s="191">
        <v>1</v>
      </c>
      <c r="AO24" s="191">
        <v>0</v>
      </c>
      <c r="AP24" s="191">
        <v>0</v>
      </c>
      <c r="AQ24" s="191">
        <v>0</v>
      </c>
      <c r="AR24" s="191">
        <v>1</v>
      </c>
      <c r="AS24" s="196">
        <v>2</v>
      </c>
      <c r="AT24" s="195">
        <v>2</v>
      </c>
      <c r="AU24" s="190">
        <v>0</v>
      </c>
      <c r="AV24" s="191">
        <v>0</v>
      </c>
      <c r="AW24" s="196">
        <v>0</v>
      </c>
      <c r="AX24" s="193">
        <v>0</v>
      </c>
      <c r="AY24" s="191">
        <v>1</v>
      </c>
      <c r="AZ24" s="191">
        <v>1</v>
      </c>
      <c r="BA24" s="191">
        <v>0</v>
      </c>
      <c r="BB24" s="191">
        <v>0</v>
      </c>
      <c r="BC24" s="191">
        <v>0</v>
      </c>
      <c r="BD24" s="196">
        <v>2</v>
      </c>
      <c r="BE24" s="195">
        <v>2</v>
      </c>
      <c r="BF24" s="190">
        <v>0</v>
      </c>
      <c r="BG24" s="191">
        <v>0</v>
      </c>
      <c r="BH24" s="196">
        <v>0</v>
      </c>
      <c r="BI24" s="193">
        <v>0</v>
      </c>
      <c r="BJ24" s="191">
        <v>1</v>
      </c>
      <c r="BK24" s="191">
        <v>0</v>
      </c>
      <c r="BL24" s="191">
        <v>0</v>
      </c>
      <c r="BM24" s="191">
        <v>0</v>
      </c>
      <c r="BN24" s="191">
        <v>0</v>
      </c>
      <c r="BO24" s="194">
        <v>1</v>
      </c>
      <c r="BP24" s="195">
        <v>1</v>
      </c>
      <c r="BQ24" s="190">
        <v>0</v>
      </c>
      <c r="BR24" s="191">
        <v>0</v>
      </c>
      <c r="BS24" s="196">
        <v>0</v>
      </c>
      <c r="BT24" s="193">
        <v>0</v>
      </c>
      <c r="BU24" s="191">
        <v>0</v>
      </c>
      <c r="BV24" s="191">
        <v>0</v>
      </c>
      <c r="BW24" s="191">
        <v>0</v>
      </c>
      <c r="BX24" s="191">
        <v>0</v>
      </c>
      <c r="BY24" s="191">
        <v>0</v>
      </c>
      <c r="BZ24" s="196">
        <v>0</v>
      </c>
      <c r="CA24" s="195">
        <v>0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0</v>
      </c>
      <c r="CH24" s="191">
        <v>0</v>
      </c>
      <c r="CI24" s="191">
        <v>0</v>
      </c>
      <c r="CJ24" s="191">
        <v>0</v>
      </c>
      <c r="CK24" s="196">
        <v>0</v>
      </c>
      <c r="CL24" s="195">
        <v>0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</row>
    <row r="25" spans="2:101" ht="21" customHeight="1" x14ac:dyDescent="0.2">
      <c r="B25" s="106" t="s">
        <v>23</v>
      </c>
      <c r="C25" s="190">
        <v>0</v>
      </c>
      <c r="D25" s="196">
        <v>0</v>
      </c>
      <c r="E25" s="207">
        <v>0</v>
      </c>
      <c r="F25" s="193">
        <v>0</v>
      </c>
      <c r="G25" s="191">
        <v>0</v>
      </c>
      <c r="H25" s="191">
        <v>0</v>
      </c>
      <c r="I25" s="191">
        <v>0</v>
      </c>
      <c r="J25" s="191">
        <v>0</v>
      </c>
      <c r="K25" s="191">
        <v>1</v>
      </c>
      <c r="L25" s="194">
        <v>1</v>
      </c>
      <c r="M25" s="195">
        <v>1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  <c r="Y25" s="190">
        <v>0</v>
      </c>
      <c r="Z25" s="191">
        <v>0</v>
      </c>
      <c r="AA25" s="196">
        <v>0</v>
      </c>
      <c r="AB25" s="193">
        <v>0</v>
      </c>
      <c r="AC25" s="191">
        <v>2</v>
      </c>
      <c r="AD25" s="191">
        <v>1</v>
      </c>
      <c r="AE25" s="191">
        <v>1</v>
      </c>
      <c r="AF25" s="191">
        <v>0</v>
      </c>
      <c r="AG25" s="191">
        <v>0</v>
      </c>
      <c r="AH25" s="196">
        <v>4</v>
      </c>
      <c r="AI25" s="195">
        <v>4</v>
      </c>
      <c r="AJ25" s="190">
        <v>0</v>
      </c>
      <c r="AK25" s="191">
        <v>0</v>
      </c>
      <c r="AL25" s="196">
        <v>0</v>
      </c>
      <c r="AM25" s="193">
        <v>0</v>
      </c>
      <c r="AN25" s="191">
        <v>0</v>
      </c>
      <c r="AO25" s="191">
        <v>0</v>
      </c>
      <c r="AP25" s="191">
        <v>0</v>
      </c>
      <c r="AQ25" s="191">
        <v>0</v>
      </c>
      <c r="AR25" s="191">
        <v>0</v>
      </c>
      <c r="AS25" s="196">
        <v>0</v>
      </c>
      <c r="AT25" s="195">
        <v>0</v>
      </c>
      <c r="AU25" s="190">
        <v>0</v>
      </c>
      <c r="AV25" s="191">
        <v>0</v>
      </c>
      <c r="AW25" s="196">
        <v>0</v>
      </c>
      <c r="AX25" s="193">
        <v>0</v>
      </c>
      <c r="AY25" s="191">
        <v>0</v>
      </c>
      <c r="AZ25" s="191">
        <v>0</v>
      </c>
      <c r="BA25" s="191">
        <v>0</v>
      </c>
      <c r="BB25" s="191">
        <v>0</v>
      </c>
      <c r="BC25" s="191">
        <v>0</v>
      </c>
      <c r="BD25" s="196">
        <v>0</v>
      </c>
      <c r="BE25" s="195">
        <v>0</v>
      </c>
      <c r="BF25" s="190">
        <v>0</v>
      </c>
      <c r="BG25" s="191">
        <v>0</v>
      </c>
      <c r="BH25" s="196">
        <v>0</v>
      </c>
      <c r="BI25" s="193">
        <v>0</v>
      </c>
      <c r="BJ25" s="191">
        <v>1</v>
      </c>
      <c r="BK25" s="191">
        <v>0</v>
      </c>
      <c r="BL25" s="191">
        <v>2</v>
      </c>
      <c r="BM25" s="191">
        <v>0</v>
      </c>
      <c r="BN25" s="191">
        <v>2</v>
      </c>
      <c r="BO25" s="194">
        <v>5</v>
      </c>
      <c r="BP25" s="195">
        <v>5</v>
      </c>
      <c r="BQ25" s="190">
        <v>0</v>
      </c>
      <c r="BR25" s="191">
        <v>0</v>
      </c>
      <c r="BS25" s="196">
        <v>0</v>
      </c>
      <c r="BT25" s="193">
        <v>0</v>
      </c>
      <c r="BU25" s="191">
        <v>0</v>
      </c>
      <c r="BV25" s="191">
        <v>0</v>
      </c>
      <c r="BW25" s="191">
        <v>0</v>
      </c>
      <c r="BX25" s="191">
        <v>0</v>
      </c>
      <c r="BY25" s="191">
        <v>0</v>
      </c>
      <c r="BZ25" s="196">
        <v>0</v>
      </c>
      <c r="CA25" s="195">
        <v>0</v>
      </c>
      <c r="CB25" s="190">
        <v>0</v>
      </c>
      <c r="CC25" s="191">
        <v>0</v>
      </c>
      <c r="CD25" s="196">
        <v>0</v>
      </c>
      <c r="CE25" s="193">
        <v>0</v>
      </c>
      <c r="CF25" s="191">
        <v>0</v>
      </c>
      <c r="CG25" s="191">
        <v>0</v>
      </c>
      <c r="CH25" s="191">
        <v>0</v>
      </c>
      <c r="CI25" s="191">
        <v>0</v>
      </c>
      <c r="CJ25" s="191">
        <v>0</v>
      </c>
      <c r="CK25" s="196">
        <v>0</v>
      </c>
      <c r="CL25" s="195">
        <v>0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1</v>
      </c>
      <c r="CS25" s="191">
        <v>0</v>
      </c>
      <c r="CT25" s="191">
        <v>1</v>
      </c>
      <c r="CU25" s="191">
        <v>0</v>
      </c>
      <c r="CV25" s="196">
        <v>2</v>
      </c>
      <c r="CW25" s="195">
        <v>2</v>
      </c>
    </row>
    <row r="26" spans="2:101" ht="21" customHeight="1" x14ac:dyDescent="0.2">
      <c r="B26" s="106" t="s">
        <v>24</v>
      </c>
      <c r="C26" s="190">
        <v>0</v>
      </c>
      <c r="D26" s="196">
        <v>0</v>
      </c>
      <c r="E26" s="207">
        <v>0</v>
      </c>
      <c r="F26" s="193">
        <v>0</v>
      </c>
      <c r="G26" s="191">
        <v>1</v>
      </c>
      <c r="H26" s="191">
        <v>0</v>
      </c>
      <c r="I26" s="191">
        <v>0</v>
      </c>
      <c r="J26" s="191">
        <v>1</v>
      </c>
      <c r="K26" s="191">
        <v>1</v>
      </c>
      <c r="L26" s="194">
        <v>3</v>
      </c>
      <c r="M26" s="195">
        <v>3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0</v>
      </c>
      <c r="V26" s="191">
        <v>0</v>
      </c>
      <c r="W26" s="196">
        <v>0</v>
      </c>
      <c r="X26" s="195">
        <v>0</v>
      </c>
      <c r="Y26" s="190">
        <v>0</v>
      </c>
      <c r="Z26" s="191">
        <v>0</v>
      </c>
      <c r="AA26" s="196">
        <v>0</v>
      </c>
      <c r="AB26" s="193">
        <v>0</v>
      </c>
      <c r="AC26" s="191">
        <v>0</v>
      </c>
      <c r="AD26" s="191">
        <v>1</v>
      </c>
      <c r="AE26" s="191">
        <v>0</v>
      </c>
      <c r="AF26" s="191">
        <v>2</v>
      </c>
      <c r="AG26" s="191">
        <v>0</v>
      </c>
      <c r="AH26" s="196">
        <v>3</v>
      </c>
      <c r="AI26" s="195">
        <v>3</v>
      </c>
      <c r="AJ26" s="190">
        <v>0</v>
      </c>
      <c r="AK26" s="191">
        <v>0</v>
      </c>
      <c r="AL26" s="196">
        <v>0</v>
      </c>
      <c r="AM26" s="193">
        <v>0</v>
      </c>
      <c r="AN26" s="191">
        <v>0</v>
      </c>
      <c r="AO26" s="191">
        <v>0</v>
      </c>
      <c r="AP26" s="191">
        <v>0</v>
      </c>
      <c r="AQ26" s="191">
        <v>0</v>
      </c>
      <c r="AR26" s="191">
        <v>0</v>
      </c>
      <c r="AS26" s="196">
        <v>0</v>
      </c>
      <c r="AT26" s="195">
        <v>0</v>
      </c>
      <c r="AU26" s="190">
        <v>0</v>
      </c>
      <c r="AV26" s="191">
        <v>0</v>
      </c>
      <c r="AW26" s="196">
        <v>0</v>
      </c>
      <c r="AX26" s="193">
        <v>0</v>
      </c>
      <c r="AY26" s="191">
        <v>2</v>
      </c>
      <c r="AZ26" s="191">
        <v>1</v>
      </c>
      <c r="BA26" s="191">
        <v>0</v>
      </c>
      <c r="BB26" s="191">
        <v>0</v>
      </c>
      <c r="BC26" s="191">
        <v>0</v>
      </c>
      <c r="BD26" s="196">
        <v>3</v>
      </c>
      <c r="BE26" s="195">
        <v>3</v>
      </c>
      <c r="BF26" s="190">
        <v>0</v>
      </c>
      <c r="BG26" s="191">
        <v>0</v>
      </c>
      <c r="BH26" s="196">
        <v>0</v>
      </c>
      <c r="BI26" s="193">
        <v>0</v>
      </c>
      <c r="BJ26" s="191">
        <v>0</v>
      </c>
      <c r="BK26" s="191">
        <v>0</v>
      </c>
      <c r="BL26" s="191">
        <v>0</v>
      </c>
      <c r="BM26" s="191">
        <v>0</v>
      </c>
      <c r="BN26" s="191">
        <v>2</v>
      </c>
      <c r="BO26" s="194">
        <v>2</v>
      </c>
      <c r="BP26" s="195">
        <v>2</v>
      </c>
      <c r="BQ26" s="190">
        <v>0</v>
      </c>
      <c r="BR26" s="191">
        <v>0</v>
      </c>
      <c r="BS26" s="196">
        <v>0</v>
      </c>
      <c r="BT26" s="193">
        <v>0</v>
      </c>
      <c r="BU26" s="191">
        <v>0</v>
      </c>
      <c r="BV26" s="191">
        <v>0</v>
      </c>
      <c r="BW26" s="191">
        <v>0</v>
      </c>
      <c r="BX26" s="191">
        <v>0</v>
      </c>
      <c r="BY26" s="191">
        <v>0</v>
      </c>
      <c r="BZ26" s="196">
        <v>0</v>
      </c>
      <c r="CA26" s="195">
        <v>0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0</v>
      </c>
      <c r="CH26" s="191">
        <v>0</v>
      </c>
      <c r="CI26" s="191">
        <v>0</v>
      </c>
      <c r="CJ26" s="191">
        <v>0</v>
      </c>
      <c r="CK26" s="196">
        <v>0</v>
      </c>
      <c r="CL26" s="195">
        <v>0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</row>
    <row r="27" spans="2:101" ht="21" customHeight="1" x14ac:dyDescent="0.2">
      <c r="B27" s="106" t="s">
        <v>25</v>
      </c>
      <c r="C27" s="190">
        <v>0</v>
      </c>
      <c r="D27" s="196">
        <v>0</v>
      </c>
      <c r="E27" s="207">
        <v>0</v>
      </c>
      <c r="F27" s="193">
        <v>0</v>
      </c>
      <c r="G27" s="191">
        <v>0</v>
      </c>
      <c r="H27" s="191">
        <v>0</v>
      </c>
      <c r="I27" s="191">
        <v>0</v>
      </c>
      <c r="J27" s="191">
        <v>0</v>
      </c>
      <c r="K27" s="191">
        <v>0</v>
      </c>
      <c r="L27" s="194">
        <v>0</v>
      </c>
      <c r="M27" s="195">
        <v>0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  <c r="Y27" s="190">
        <v>0</v>
      </c>
      <c r="Z27" s="191">
        <v>0</v>
      </c>
      <c r="AA27" s="196">
        <v>0</v>
      </c>
      <c r="AB27" s="193">
        <v>0</v>
      </c>
      <c r="AC27" s="191">
        <v>4</v>
      </c>
      <c r="AD27" s="191">
        <v>2</v>
      </c>
      <c r="AE27" s="191">
        <v>0</v>
      </c>
      <c r="AF27" s="191">
        <v>2</v>
      </c>
      <c r="AG27" s="191">
        <v>0</v>
      </c>
      <c r="AH27" s="196">
        <v>8</v>
      </c>
      <c r="AI27" s="195">
        <v>8</v>
      </c>
      <c r="AJ27" s="190">
        <v>0</v>
      </c>
      <c r="AK27" s="191">
        <v>0</v>
      </c>
      <c r="AL27" s="196">
        <v>0</v>
      </c>
      <c r="AM27" s="193">
        <v>0</v>
      </c>
      <c r="AN27" s="191">
        <v>0</v>
      </c>
      <c r="AO27" s="191">
        <v>0</v>
      </c>
      <c r="AP27" s="191">
        <v>0</v>
      </c>
      <c r="AQ27" s="191">
        <v>0</v>
      </c>
      <c r="AR27" s="191">
        <v>0</v>
      </c>
      <c r="AS27" s="196">
        <v>0</v>
      </c>
      <c r="AT27" s="195">
        <v>0</v>
      </c>
      <c r="AU27" s="190">
        <v>0</v>
      </c>
      <c r="AV27" s="191">
        <v>0</v>
      </c>
      <c r="AW27" s="196">
        <v>0</v>
      </c>
      <c r="AX27" s="193">
        <v>0</v>
      </c>
      <c r="AY27" s="191">
        <v>0</v>
      </c>
      <c r="AZ27" s="191">
        <v>0</v>
      </c>
      <c r="BA27" s="191">
        <v>0</v>
      </c>
      <c r="BB27" s="191">
        <v>0</v>
      </c>
      <c r="BC27" s="191">
        <v>0</v>
      </c>
      <c r="BD27" s="196">
        <v>0</v>
      </c>
      <c r="BE27" s="195">
        <v>0</v>
      </c>
      <c r="BF27" s="190">
        <v>0</v>
      </c>
      <c r="BG27" s="191">
        <v>0</v>
      </c>
      <c r="BH27" s="196">
        <v>0</v>
      </c>
      <c r="BI27" s="193">
        <v>0</v>
      </c>
      <c r="BJ27" s="191">
        <v>1</v>
      </c>
      <c r="BK27" s="191">
        <v>0</v>
      </c>
      <c r="BL27" s="191">
        <v>0</v>
      </c>
      <c r="BM27" s="191">
        <v>0</v>
      </c>
      <c r="BN27" s="191">
        <v>0</v>
      </c>
      <c r="BO27" s="194">
        <v>1</v>
      </c>
      <c r="BP27" s="195">
        <v>1</v>
      </c>
      <c r="BQ27" s="190">
        <v>0</v>
      </c>
      <c r="BR27" s="191">
        <v>0</v>
      </c>
      <c r="BS27" s="196">
        <v>0</v>
      </c>
      <c r="BT27" s="193">
        <v>0</v>
      </c>
      <c r="BU27" s="191">
        <v>0</v>
      </c>
      <c r="BV27" s="191">
        <v>0</v>
      </c>
      <c r="BW27" s="191">
        <v>0</v>
      </c>
      <c r="BX27" s="191">
        <v>0</v>
      </c>
      <c r="BY27" s="191">
        <v>0</v>
      </c>
      <c r="BZ27" s="196">
        <v>0</v>
      </c>
      <c r="CA27" s="195">
        <v>0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0</v>
      </c>
      <c r="CH27" s="191">
        <v>0</v>
      </c>
      <c r="CI27" s="191">
        <v>0</v>
      </c>
      <c r="CJ27" s="191">
        <v>0</v>
      </c>
      <c r="CK27" s="196">
        <v>0</v>
      </c>
      <c r="CL27" s="195">
        <v>0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</row>
    <row r="28" spans="2:101" ht="21" customHeight="1" x14ac:dyDescent="0.2">
      <c r="B28" s="106" t="s">
        <v>26</v>
      </c>
      <c r="C28" s="190">
        <v>0</v>
      </c>
      <c r="D28" s="196">
        <v>0</v>
      </c>
      <c r="E28" s="207">
        <v>0</v>
      </c>
      <c r="F28" s="193">
        <v>0</v>
      </c>
      <c r="G28" s="191">
        <v>0</v>
      </c>
      <c r="H28" s="191">
        <v>0</v>
      </c>
      <c r="I28" s="191">
        <v>0</v>
      </c>
      <c r="J28" s="191">
        <v>0</v>
      </c>
      <c r="K28" s="191">
        <v>0</v>
      </c>
      <c r="L28" s="194">
        <v>0</v>
      </c>
      <c r="M28" s="195">
        <v>0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  <c r="Y28" s="190">
        <v>0</v>
      </c>
      <c r="Z28" s="191">
        <v>0</v>
      </c>
      <c r="AA28" s="196">
        <v>0</v>
      </c>
      <c r="AB28" s="193">
        <v>0</v>
      </c>
      <c r="AC28" s="191">
        <v>2</v>
      </c>
      <c r="AD28" s="191">
        <v>3</v>
      </c>
      <c r="AE28" s="191">
        <v>1</v>
      </c>
      <c r="AF28" s="191">
        <v>0</v>
      </c>
      <c r="AG28" s="191">
        <v>0</v>
      </c>
      <c r="AH28" s="196">
        <v>6</v>
      </c>
      <c r="AI28" s="195">
        <v>6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0</v>
      </c>
      <c r="AQ28" s="191">
        <v>0</v>
      </c>
      <c r="AR28" s="191">
        <v>0</v>
      </c>
      <c r="AS28" s="196">
        <v>0</v>
      </c>
      <c r="AT28" s="195">
        <v>0</v>
      </c>
      <c r="AU28" s="190">
        <v>0</v>
      </c>
      <c r="AV28" s="191">
        <v>0</v>
      </c>
      <c r="AW28" s="196">
        <v>0</v>
      </c>
      <c r="AX28" s="193">
        <v>0</v>
      </c>
      <c r="AY28" s="191">
        <v>0</v>
      </c>
      <c r="AZ28" s="191">
        <v>0</v>
      </c>
      <c r="BA28" s="191">
        <v>0</v>
      </c>
      <c r="BB28" s="191">
        <v>0</v>
      </c>
      <c r="BC28" s="191">
        <v>0</v>
      </c>
      <c r="BD28" s="196">
        <v>0</v>
      </c>
      <c r="BE28" s="195">
        <v>0</v>
      </c>
      <c r="BF28" s="190">
        <v>0</v>
      </c>
      <c r="BG28" s="191">
        <v>0</v>
      </c>
      <c r="BH28" s="196">
        <v>0</v>
      </c>
      <c r="BI28" s="193">
        <v>0</v>
      </c>
      <c r="BJ28" s="191">
        <v>2</v>
      </c>
      <c r="BK28" s="191">
        <v>0</v>
      </c>
      <c r="BL28" s="191">
        <v>2</v>
      </c>
      <c r="BM28" s="191">
        <v>0</v>
      </c>
      <c r="BN28" s="191">
        <v>0</v>
      </c>
      <c r="BO28" s="194">
        <v>4</v>
      </c>
      <c r="BP28" s="195">
        <v>4</v>
      </c>
      <c r="BQ28" s="190">
        <v>0</v>
      </c>
      <c r="BR28" s="191">
        <v>0</v>
      </c>
      <c r="BS28" s="196">
        <v>0</v>
      </c>
      <c r="BT28" s="193">
        <v>0</v>
      </c>
      <c r="BU28" s="191">
        <v>0</v>
      </c>
      <c r="BV28" s="191">
        <v>0</v>
      </c>
      <c r="BW28" s="191">
        <v>0</v>
      </c>
      <c r="BX28" s="191">
        <v>0</v>
      </c>
      <c r="BY28" s="191">
        <v>0</v>
      </c>
      <c r="BZ28" s="196">
        <v>0</v>
      </c>
      <c r="CA28" s="195">
        <v>0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0</v>
      </c>
      <c r="CJ28" s="191">
        <v>0</v>
      </c>
      <c r="CK28" s="196">
        <v>0</v>
      </c>
      <c r="CL28" s="195">
        <v>0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</row>
    <row r="29" spans="2:101" ht="21" customHeight="1" x14ac:dyDescent="0.2">
      <c r="B29" s="106" t="s">
        <v>27</v>
      </c>
      <c r="C29" s="190">
        <v>0</v>
      </c>
      <c r="D29" s="196">
        <v>0</v>
      </c>
      <c r="E29" s="207">
        <v>0</v>
      </c>
      <c r="F29" s="193">
        <v>0</v>
      </c>
      <c r="G29" s="191">
        <v>0</v>
      </c>
      <c r="H29" s="191">
        <v>0</v>
      </c>
      <c r="I29" s="191">
        <v>0</v>
      </c>
      <c r="J29" s="191">
        <v>0</v>
      </c>
      <c r="K29" s="191">
        <v>0</v>
      </c>
      <c r="L29" s="194">
        <v>0</v>
      </c>
      <c r="M29" s="195">
        <v>0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0</v>
      </c>
      <c r="U29" s="191">
        <v>0</v>
      </c>
      <c r="V29" s="191">
        <v>0</v>
      </c>
      <c r="W29" s="196">
        <v>0</v>
      </c>
      <c r="X29" s="195">
        <v>0</v>
      </c>
      <c r="Y29" s="190">
        <v>0</v>
      </c>
      <c r="Z29" s="191">
        <v>0</v>
      </c>
      <c r="AA29" s="196">
        <v>0</v>
      </c>
      <c r="AB29" s="193">
        <v>0</v>
      </c>
      <c r="AC29" s="191">
        <v>4</v>
      </c>
      <c r="AD29" s="191">
        <v>1</v>
      </c>
      <c r="AE29" s="191">
        <v>1</v>
      </c>
      <c r="AF29" s="191">
        <v>0</v>
      </c>
      <c r="AG29" s="191">
        <v>0</v>
      </c>
      <c r="AH29" s="196">
        <v>6</v>
      </c>
      <c r="AI29" s="195">
        <v>6</v>
      </c>
      <c r="AJ29" s="190">
        <v>0</v>
      </c>
      <c r="AK29" s="191">
        <v>0</v>
      </c>
      <c r="AL29" s="196">
        <v>0</v>
      </c>
      <c r="AM29" s="193">
        <v>0</v>
      </c>
      <c r="AN29" s="191">
        <v>1</v>
      </c>
      <c r="AO29" s="191">
        <v>1</v>
      </c>
      <c r="AP29" s="191">
        <v>0</v>
      </c>
      <c r="AQ29" s="191">
        <v>0</v>
      </c>
      <c r="AR29" s="191">
        <v>0</v>
      </c>
      <c r="AS29" s="196">
        <v>2</v>
      </c>
      <c r="AT29" s="195">
        <v>2</v>
      </c>
      <c r="AU29" s="190">
        <v>0</v>
      </c>
      <c r="AV29" s="191">
        <v>0</v>
      </c>
      <c r="AW29" s="196">
        <v>0</v>
      </c>
      <c r="AX29" s="193">
        <v>0</v>
      </c>
      <c r="AY29" s="191">
        <v>0</v>
      </c>
      <c r="AZ29" s="191">
        <v>0</v>
      </c>
      <c r="BA29" s="191">
        <v>0</v>
      </c>
      <c r="BB29" s="191">
        <v>0</v>
      </c>
      <c r="BC29" s="191">
        <v>0</v>
      </c>
      <c r="BD29" s="196">
        <v>0</v>
      </c>
      <c r="BE29" s="195">
        <v>0</v>
      </c>
      <c r="BF29" s="190">
        <v>0</v>
      </c>
      <c r="BG29" s="191">
        <v>0</v>
      </c>
      <c r="BH29" s="196">
        <v>0</v>
      </c>
      <c r="BI29" s="193">
        <v>0</v>
      </c>
      <c r="BJ29" s="191">
        <v>0</v>
      </c>
      <c r="BK29" s="191">
        <v>0</v>
      </c>
      <c r="BL29" s="191">
        <v>0</v>
      </c>
      <c r="BM29" s="191">
        <v>1</v>
      </c>
      <c r="BN29" s="191">
        <v>0</v>
      </c>
      <c r="BO29" s="194">
        <v>1</v>
      </c>
      <c r="BP29" s="195">
        <v>1</v>
      </c>
      <c r="BQ29" s="190">
        <v>0</v>
      </c>
      <c r="BR29" s="191">
        <v>0</v>
      </c>
      <c r="BS29" s="196">
        <v>0</v>
      </c>
      <c r="BT29" s="193">
        <v>0</v>
      </c>
      <c r="BU29" s="191">
        <v>0</v>
      </c>
      <c r="BV29" s="191">
        <v>0</v>
      </c>
      <c r="BW29" s="191">
        <v>0</v>
      </c>
      <c r="BX29" s="191">
        <v>0</v>
      </c>
      <c r="BY29" s="191">
        <v>0</v>
      </c>
      <c r="BZ29" s="196">
        <v>0</v>
      </c>
      <c r="CA29" s="195">
        <v>0</v>
      </c>
      <c r="CB29" s="190">
        <v>0</v>
      </c>
      <c r="CC29" s="191">
        <v>0</v>
      </c>
      <c r="CD29" s="196">
        <v>0</v>
      </c>
      <c r="CE29" s="193">
        <v>0</v>
      </c>
      <c r="CF29" s="191">
        <v>0</v>
      </c>
      <c r="CG29" s="191">
        <v>0</v>
      </c>
      <c r="CH29" s="191">
        <v>0</v>
      </c>
      <c r="CI29" s="191">
        <v>1</v>
      </c>
      <c r="CJ29" s="191">
        <v>0</v>
      </c>
      <c r="CK29" s="196">
        <v>1</v>
      </c>
      <c r="CL29" s="195">
        <v>1</v>
      </c>
      <c r="CM29" s="190">
        <v>0</v>
      </c>
      <c r="CN29" s="191">
        <v>0</v>
      </c>
      <c r="CO29" s="196">
        <v>0</v>
      </c>
      <c r="CP29" s="193">
        <v>0</v>
      </c>
      <c r="CQ29" s="191">
        <v>1</v>
      </c>
      <c r="CR29" s="191">
        <v>0</v>
      </c>
      <c r="CS29" s="191">
        <v>1</v>
      </c>
      <c r="CT29" s="191">
        <v>0</v>
      </c>
      <c r="CU29" s="191">
        <v>0</v>
      </c>
      <c r="CV29" s="196">
        <v>2</v>
      </c>
      <c r="CW29" s="195">
        <v>2</v>
      </c>
    </row>
    <row r="30" spans="2:101" ht="21" customHeight="1" x14ac:dyDescent="0.2">
      <c r="B30" s="106" t="s">
        <v>28</v>
      </c>
      <c r="C30" s="190">
        <v>0</v>
      </c>
      <c r="D30" s="196">
        <v>0</v>
      </c>
      <c r="E30" s="207">
        <v>0</v>
      </c>
      <c r="F30" s="193">
        <v>0</v>
      </c>
      <c r="G30" s="191">
        <v>0</v>
      </c>
      <c r="H30" s="191">
        <v>0</v>
      </c>
      <c r="I30" s="191">
        <v>0</v>
      </c>
      <c r="J30" s="191">
        <v>0</v>
      </c>
      <c r="K30" s="191">
        <v>0</v>
      </c>
      <c r="L30" s="194">
        <v>0</v>
      </c>
      <c r="M30" s="195">
        <v>0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0</v>
      </c>
      <c r="AA30" s="196">
        <v>0</v>
      </c>
      <c r="AB30" s="193">
        <v>0</v>
      </c>
      <c r="AC30" s="191">
        <v>5</v>
      </c>
      <c r="AD30" s="191">
        <v>2</v>
      </c>
      <c r="AE30" s="191">
        <v>1</v>
      </c>
      <c r="AF30" s="191">
        <v>0</v>
      </c>
      <c r="AG30" s="191">
        <v>0</v>
      </c>
      <c r="AH30" s="196">
        <v>8</v>
      </c>
      <c r="AI30" s="195">
        <v>8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0</v>
      </c>
      <c r="AW30" s="196">
        <v>0</v>
      </c>
      <c r="AX30" s="193">
        <v>0</v>
      </c>
      <c r="AY30" s="191">
        <v>0</v>
      </c>
      <c r="AZ30" s="191">
        <v>0</v>
      </c>
      <c r="BA30" s="191">
        <v>0</v>
      </c>
      <c r="BB30" s="191">
        <v>0</v>
      </c>
      <c r="BC30" s="191">
        <v>0</v>
      </c>
      <c r="BD30" s="196">
        <v>0</v>
      </c>
      <c r="BE30" s="195">
        <v>0</v>
      </c>
      <c r="BF30" s="190">
        <v>0</v>
      </c>
      <c r="BG30" s="191">
        <v>0</v>
      </c>
      <c r="BH30" s="196">
        <v>0</v>
      </c>
      <c r="BI30" s="193">
        <v>0</v>
      </c>
      <c r="BJ30" s="191">
        <v>0</v>
      </c>
      <c r="BK30" s="191">
        <v>1</v>
      </c>
      <c r="BL30" s="191">
        <v>0</v>
      </c>
      <c r="BM30" s="191">
        <v>0</v>
      </c>
      <c r="BN30" s="191">
        <v>0</v>
      </c>
      <c r="BO30" s="194">
        <v>1</v>
      </c>
      <c r="BP30" s="195">
        <v>1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0</v>
      </c>
      <c r="BW30" s="191">
        <v>0</v>
      </c>
      <c r="BX30" s="191">
        <v>0</v>
      </c>
      <c r="BY30" s="191">
        <v>0</v>
      </c>
      <c r="BZ30" s="196">
        <v>0</v>
      </c>
      <c r="CA30" s="195">
        <v>0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0</v>
      </c>
      <c r="CI30" s="191">
        <v>0</v>
      </c>
      <c r="CJ30" s="191">
        <v>0</v>
      </c>
      <c r="CK30" s="196">
        <v>0</v>
      </c>
      <c r="CL30" s="195">
        <v>0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</row>
    <row r="31" spans="2:101" ht="21" customHeight="1" x14ac:dyDescent="0.2">
      <c r="B31" s="106" t="s">
        <v>29</v>
      </c>
      <c r="C31" s="190">
        <v>0</v>
      </c>
      <c r="D31" s="196">
        <v>0</v>
      </c>
      <c r="E31" s="207">
        <v>0</v>
      </c>
      <c r="F31" s="193">
        <v>0</v>
      </c>
      <c r="G31" s="191">
        <v>1</v>
      </c>
      <c r="H31" s="191">
        <v>0</v>
      </c>
      <c r="I31" s="191">
        <v>0</v>
      </c>
      <c r="J31" s="191">
        <v>0</v>
      </c>
      <c r="K31" s="191">
        <v>0</v>
      </c>
      <c r="L31" s="194">
        <v>1</v>
      </c>
      <c r="M31" s="195">
        <v>1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0</v>
      </c>
      <c r="Z31" s="191">
        <v>0</v>
      </c>
      <c r="AA31" s="196">
        <v>0</v>
      </c>
      <c r="AB31" s="193">
        <v>0</v>
      </c>
      <c r="AC31" s="191">
        <v>1</v>
      </c>
      <c r="AD31" s="191">
        <v>0</v>
      </c>
      <c r="AE31" s="191">
        <v>0</v>
      </c>
      <c r="AF31" s="191">
        <v>0</v>
      </c>
      <c r="AG31" s="191">
        <v>0</v>
      </c>
      <c r="AH31" s="196">
        <v>1</v>
      </c>
      <c r="AI31" s="195">
        <v>1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0</v>
      </c>
      <c r="AP31" s="191">
        <v>0</v>
      </c>
      <c r="AQ31" s="191">
        <v>0</v>
      </c>
      <c r="AR31" s="191">
        <v>0</v>
      </c>
      <c r="AS31" s="196">
        <v>0</v>
      </c>
      <c r="AT31" s="195">
        <v>0</v>
      </c>
      <c r="AU31" s="190">
        <v>0</v>
      </c>
      <c r="AV31" s="191">
        <v>0</v>
      </c>
      <c r="AW31" s="196">
        <v>0</v>
      </c>
      <c r="AX31" s="193">
        <v>0</v>
      </c>
      <c r="AY31" s="191">
        <v>0</v>
      </c>
      <c r="AZ31" s="191">
        <v>2</v>
      </c>
      <c r="BA31" s="191">
        <v>0</v>
      </c>
      <c r="BB31" s="191">
        <v>0</v>
      </c>
      <c r="BC31" s="191">
        <v>0</v>
      </c>
      <c r="BD31" s="196">
        <v>2</v>
      </c>
      <c r="BE31" s="195">
        <v>2</v>
      </c>
      <c r="BF31" s="190">
        <v>0</v>
      </c>
      <c r="BG31" s="191">
        <v>0</v>
      </c>
      <c r="BH31" s="196">
        <v>0</v>
      </c>
      <c r="BI31" s="193">
        <v>0</v>
      </c>
      <c r="BJ31" s="191">
        <v>0</v>
      </c>
      <c r="BK31" s="191">
        <v>0</v>
      </c>
      <c r="BL31" s="191">
        <v>0</v>
      </c>
      <c r="BM31" s="191">
        <v>0</v>
      </c>
      <c r="BN31" s="191">
        <v>0</v>
      </c>
      <c r="BO31" s="194">
        <v>0</v>
      </c>
      <c r="BP31" s="195">
        <v>0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0</v>
      </c>
      <c r="BW31" s="191">
        <v>0</v>
      </c>
      <c r="BX31" s="191">
        <v>0</v>
      </c>
      <c r="BY31" s="191">
        <v>0</v>
      </c>
      <c r="BZ31" s="196">
        <v>0</v>
      </c>
      <c r="CA31" s="195">
        <v>0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0</v>
      </c>
      <c r="CI31" s="191">
        <v>1</v>
      </c>
      <c r="CJ31" s="191">
        <v>0</v>
      </c>
      <c r="CK31" s="196">
        <v>1</v>
      </c>
      <c r="CL31" s="195">
        <v>1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</row>
    <row r="32" spans="2:101" ht="21" customHeight="1" x14ac:dyDescent="0.2">
      <c r="B32" s="106" t="s">
        <v>30</v>
      </c>
      <c r="C32" s="190">
        <v>0</v>
      </c>
      <c r="D32" s="196">
        <v>0</v>
      </c>
      <c r="E32" s="207">
        <v>0</v>
      </c>
      <c r="F32" s="193">
        <v>0</v>
      </c>
      <c r="G32" s="191">
        <v>0</v>
      </c>
      <c r="H32" s="191">
        <v>0</v>
      </c>
      <c r="I32" s="191">
        <v>0</v>
      </c>
      <c r="J32" s="191">
        <v>0</v>
      </c>
      <c r="K32" s="191">
        <v>0</v>
      </c>
      <c r="L32" s="194">
        <v>0</v>
      </c>
      <c r="M32" s="195">
        <v>0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  <c r="Y32" s="190">
        <v>0</v>
      </c>
      <c r="Z32" s="191">
        <v>0</v>
      </c>
      <c r="AA32" s="196">
        <v>0</v>
      </c>
      <c r="AB32" s="193">
        <v>0</v>
      </c>
      <c r="AC32" s="191">
        <v>1</v>
      </c>
      <c r="AD32" s="191">
        <v>0</v>
      </c>
      <c r="AE32" s="191">
        <v>0</v>
      </c>
      <c r="AF32" s="191">
        <v>0</v>
      </c>
      <c r="AG32" s="191">
        <v>0</v>
      </c>
      <c r="AH32" s="196">
        <v>1</v>
      </c>
      <c r="AI32" s="195">
        <v>1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0</v>
      </c>
      <c r="AQ32" s="191">
        <v>0</v>
      </c>
      <c r="AR32" s="191">
        <v>0</v>
      </c>
      <c r="AS32" s="196">
        <v>0</v>
      </c>
      <c r="AT32" s="195">
        <v>0</v>
      </c>
      <c r="AU32" s="190">
        <v>0</v>
      </c>
      <c r="AV32" s="191">
        <v>0</v>
      </c>
      <c r="AW32" s="196">
        <v>0</v>
      </c>
      <c r="AX32" s="193">
        <v>0</v>
      </c>
      <c r="AY32" s="191">
        <v>0</v>
      </c>
      <c r="AZ32" s="191">
        <v>0</v>
      </c>
      <c r="BA32" s="191">
        <v>0</v>
      </c>
      <c r="BB32" s="191">
        <v>0</v>
      </c>
      <c r="BC32" s="191">
        <v>0</v>
      </c>
      <c r="BD32" s="196">
        <v>0</v>
      </c>
      <c r="BE32" s="195">
        <v>0</v>
      </c>
      <c r="BF32" s="190">
        <v>0</v>
      </c>
      <c r="BG32" s="191">
        <v>0</v>
      </c>
      <c r="BH32" s="196">
        <v>0</v>
      </c>
      <c r="BI32" s="193">
        <v>0</v>
      </c>
      <c r="BJ32" s="191">
        <v>0</v>
      </c>
      <c r="BK32" s="191">
        <v>0</v>
      </c>
      <c r="BL32" s="191">
        <v>0</v>
      </c>
      <c r="BM32" s="191">
        <v>1</v>
      </c>
      <c r="BN32" s="191">
        <v>0</v>
      </c>
      <c r="BO32" s="194">
        <v>1</v>
      </c>
      <c r="BP32" s="195">
        <v>1</v>
      </c>
      <c r="BQ32" s="190">
        <v>0</v>
      </c>
      <c r="BR32" s="191">
        <v>0</v>
      </c>
      <c r="BS32" s="196">
        <v>0</v>
      </c>
      <c r="BT32" s="193">
        <v>0</v>
      </c>
      <c r="BU32" s="191">
        <v>0</v>
      </c>
      <c r="BV32" s="191">
        <v>0</v>
      </c>
      <c r="BW32" s="191">
        <v>0</v>
      </c>
      <c r="BX32" s="191">
        <v>0</v>
      </c>
      <c r="BY32" s="191">
        <v>0</v>
      </c>
      <c r="BZ32" s="196">
        <v>0</v>
      </c>
      <c r="CA32" s="195">
        <v>0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0</v>
      </c>
      <c r="CH32" s="191">
        <v>0</v>
      </c>
      <c r="CI32" s="191">
        <v>0</v>
      </c>
      <c r="CJ32" s="191">
        <v>0</v>
      </c>
      <c r="CK32" s="196">
        <v>0</v>
      </c>
      <c r="CL32" s="195">
        <v>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</row>
    <row r="33" spans="2:101" ht="21" customHeight="1" x14ac:dyDescent="0.2">
      <c r="B33" s="106" t="s">
        <v>31</v>
      </c>
      <c r="C33" s="190">
        <v>0</v>
      </c>
      <c r="D33" s="196">
        <v>0</v>
      </c>
      <c r="E33" s="207">
        <v>0</v>
      </c>
      <c r="F33" s="193">
        <v>0</v>
      </c>
      <c r="G33" s="191">
        <v>0</v>
      </c>
      <c r="H33" s="191">
        <v>0</v>
      </c>
      <c r="I33" s="191">
        <v>0</v>
      </c>
      <c r="J33" s="191">
        <v>0</v>
      </c>
      <c r="K33" s="191">
        <v>0</v>
      </c>
      <c r="L33" s="194">
        <v>0</v>
      </c>
      <c r="M33" s="195">
        <v>0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0</v>
      </c>
      <c r="W33" s="196">
        <v>0</v>
      </c>
      <c r="X33" s="195">
        <v>0</v>
      </c>
      <c r="Y33" s="190">
        <v>0</v>
      </c>
      <c r="Z33" s="191">
        <v>0</v>
      </c>
      <c r="AA33" s="196">
        <v>0</v>
      </c>
      <c r="AB33" s="193">
        <v>0</v>
      </c>
      <c r="AC33" s="191">
        <v>3</v>
      </c>
      <c r="AD33" s="191">
        <v>0</v>
      </c>
      <c r="AE33" s="191">
        <v>0</v>
      </c>
      <c r="AF33" s="191">
        <v>0</v>
      </c>
      <c r="AG33" s="191">
        <v>0</v>
      </c>
      <c r="AH33" s="196">
        <v>3</v>
      </c>
      <c r="AI33" s="195">
        <v>3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0</v>
      </c>
      <c r="AR33" s="191">
        <v>0</v>
      </c>
      <c r="AS33" s="196">
        <v>0</v>
      </c>
      <c r="AT33" s="195">
        <v>0</v>
      </c>
      <c r="AU33" s="190">
        <v>0</v>
      </c>
      <c r="AV33" s="191">
        <v>0</v>
      </c>
      <c r="AW33" s="196">
        <v>0</v>
      </c>
      <c r="AX33" s="193">
        <v>0</v>
      </c>
      <c r="AY33" s="191">
        <v>0</v>
      </c>
      <c r="AZ33" s="191">
        <v>0</v>
      </c>
      <c r="BA33" s="191">
        <v>0</v>
      </c>
      <c r="BB33" s="191">
        <v>0</v>
      </c>
      <c r="BC33" s="191">
        <v>1</v>
      </c>
      <c r="BD33" s="196">
        <v>1</v>
      </c>
      <c r="BE33" s="195">
        <v>1</v>
      </c>
      <c r="BF33" s="190">
        <v>0</v>
      </c>
      <c r="BG33" s="191">
        <v>0</v>
      </c>
      <c r="BH33" s="196">
        <v>0</v>
      </c>
      <c r="BI33" s="193">
        <v>0</v>
      </c>
      <c r="BJ33" s="191">
        <v>0</v>
      </c>
      <c r="BK33" s="191">
        <v>0</v>
      </c>
      <c r="BL33" s="191">
        <v>0</v>
      </c>
      <c r="BM33" s="191">
        <v>0</v>
      </c>
      <c r="BN33" s="191">
        <v>0</v>
      </c>
      <c r="BO33" s="194">
        <v>0</v>
      </c>
      <c r="BP33" s="195">
        <v>0</v>
      </c>
      <c r="BQ33" s="190">
        <v>0</v>
      </c>
      <c r="BR33" s="191">
        <v>0</v>
      </c>
      <c r="BS33" s="196">
        <v>0</v>
      </c>
      <c r="BT33" s="193">
        <v>0</v>
      </c>
      <c r="BU33" s="191">
        <v>0</v>
      </c>
      <c r="BV33" s="191">
        <v>0</v>
      </c>
      <c r="BW33" s="191">
        <v>0</v>
      </c>
      <c r="BX33" s="191">
        <v>0</v>
      </c>
      <c r="BY33" s="191">
        <v>0</v>
      </c>
      <c r="BZ33" s="196">
        <v>0</v>
      </c>
      <c r="CA33" s="195">
        <v>0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0</v>
      </c>
      <c r="CI33" s="191">
        <v>0</v>
      </c>
      <c r="CJ33" s="191">
        <v>0</v>
      </c>
      <c r="CK33" s="196">
        <v>0</v>
      </c>
      <c r="CL33" s="195">
        <v>0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</row>
    <row r="34" spans="2:101" ht="21" customHeight="1" x14ac:dyDescent="0.2">
      <c r="B34" s="106" t="s">
        <v>32</v>
      </c>
      <c r="C34" s="190">
        <v>0</v>
      </c>
      <c r="D34" s="196">
        <v>0</v>
      </c>
      <c r="E34" s="207">
        <v>0</v>
      </c>
      <c r="F34" s="193">
        <v>0</v>
      </c>
      <c r="G34" s="191">
        <v>1</v>
      </c>
      <c r="H34" s="191">
        <v>1</v>
      </c>
      <c r="I34" s="191">
        <v>0</v>
      </c>
      <c r="J34" s="191">
        <v>0</v>
      </c>
      <c r="K34" s="191">
        <v>0</v>
      </c>
      <c r="L34" s="194">
        <v>2</v>
      </c>
      <c r="M34" s="195">
        <v>2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  <c r="Y34" s="190">
        <v>0</v>
      </c>
      <c r="Z34" s="191">
        <v>0</v>
      </c>
      <c r="AA34" s="196">
        <v>0</v>
      </c>
      <c r="AB34" s="193">
        <v>0</v>
      </c>
      <c r="AC34" s="191">
        <v>6</v>
      </c>
      <c r="AD34" s="191">
        <v>1</v>
      </c>
      <c r="AE34" s="191">
        <v>0</v>
      </c>
      <c r="AF34" s="191">
        <v>0</v>
      </c>
      <c r="AG34" s="191">
        <v>0</v>
      </c>
      <c r="AH34" s="196">
        <v>7</v>
      </c>
      <c r="AI34" s="195">
        <v>7</v>
      </c>
      <c r="AJ34" s="190">
        <v>0</v>
      </c>
      <c r="AK34" s="191">
        <v>0</v>
      </c>
      <c r="AL34" s="196">
        <v>0</v>
      </c>
      <c r="AM34" s="193">
        <v>0</v>
      </c>
      <c r="AN34" s="191">
        <v>1</v>
      </c>
      <c r="AO34" s="191">
        <v>0</v>
      </c>
      <c r="AP34" s="191">
        <v>1</v>
      </c>
      <c r="AQ34" s="191">
        <v>0</v>
      </c>
      <c r="AR34" s="191">
        <v>0</v>
      </c>
      <c r="AS34" s="196">
        <v>2</v>
      </c>
      <c r="AT34" s="195">
        <v>2</v>
      </c>
      <c r="AU34" s="190">
        <v>0</v>
      </c>
      <c r="AV34" s="191">
        <v>0</v>
      </c>
      <c r="AW34" s="196">
        <v>0</v>
      </c>
      <c r="AX34" s="193">
        <v>0</v>
      </c>
      <c r="AY34" s="191">
        <v>1</v>
      </c>
      <c r="AZ34" s="191">
        <v>0</v>
      </c>
      <c r="BA34" s="191">
        <v>0</v>
      </c>
      <c r="BB34" s="191">
        <v>0</v>
      </c>
      <c r="BC34" s="191">
        <v>0</v>
      </c>
      <c r="BD34" s="196">
        <v>1</v>
      </c>
      <c r="BE34" s="195">
        <v>1</v>
      </c>
      <c r="BF34" s="190">
        <v>0</v>
      </c>
      <c r="BG34" s="191">
        <v>0</v>
      </c>
      <c r="BH34" s="196">
        <v>0</v>
      </c>
      <c r="BI34" s="193">
        <v>0</v>
      </c>
      <c r="BJ34" s="191">
        <v>0</v>
      </c>
      <c r="BK34" s="191">
        <v>0</v>
      </c>
      <c r="BL34" s="191">
        <v>0</v>
      </c>
      <c r="BM34" s="191">
        <v>0</v>
      </c>
      <c r="BN34" s="191">
        <v>1</v>
      </c>
      <c r="BO34" s="194">
        <v>1</v>
      </c>
      <c r="BP34" s="195">
        <v>1</v>
      </c>
      <c r="BQ34" s="190">
        <v>0</v>
      </c>
      <c r="BR34" s="191">
        <v>0</v>
      </c>
      <c r="BS34" s="196">
        <v>0</v>
      </c>
      <c r="BT34" s="193">
        <v>0</v>
      </c>
      <c r="BU34" s="191">
        <v>0</v>
      </c>
      <c r="BV34" s="191">
        <v>0</v>
      </c>
      <c r="BW34" s="191">
        <v>0</v>
      </c>
      <c r="BX34" s="191">
        <v>0</v>
      </c>
      <c r="BY34" s="191">
        <v>0</v>
      </c>
      <c r="BZ34" s="196">
        <v>0</v>
      </c>
      <c r="CA34" s="195">
        <v>0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0</v>
      </c>
      <c r="CI34" s="191">
        <v>1</v>
      </c>
      <c r="CJ34" s="191">
        <v>0</v>
      </c>
      <c r="CK34" s="196">
        <v>1</v>
      </c>
      <c r="CL34" s="195">
        <v>1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</row>
    <row r="35" spans="2:101" ht="21" customHeight="1" x14ac:dyDescent="0.2">
      <c r="B35" s="106" t="s">
        <v>33</v>
      </c>
      <c r="C35" s="190">
        <v>0</v>
      </c>
      <c r="D35" s="196">
        <v>0</v>
      </c>
      <c r="E35" s="207">
        <v>0</v>
      </c>
      <c r="F35" s="193">
        <v>0</v>
      </c>
      <c r="G35" s="191">
        <v>0</v>
      </c>
      <c r="H35" s="191">
        <v>0</v>
      </c>
      <c r="I35" s="191">
        <v>0</v>
      </c>
      <c r="J35" s="191">
        <v>0</v>
      </c>
      <c r="K35" s="191">
        <v>0</v>
      </c>
      <c r="L35" s="194">
        <v>0</v>
      </c>
      <c r="M35" s="195">
        <v>0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0</v>
      </c>
      <c r="AA35" s="196">
        <v>0</v>
      </c>
      <c r="AB35" s="193">
        <v>0</v>
      </c>
      <c r="AC35" s="191">
        <v>1</v>
      </c>
      <c r="AD35" s="191">
        <v>0</v>
      </c>
      <c r="AE35" s="191">
        <v>1</v>
      </c>
      <c r="AF35" s="191">
        <v>0</v>
      </c>
      <c r="AG35" s="191">
        <v>0</v>
      </c>
      <c r="AH35" s="196">
        <v>2</v>
      </c>
      <c r="AI35" s="195">
        <v>2</v>
      </c>
      <c r="AJ35" s="190">
        <v>0</v>
      </c>
      <c r="AK35" s="191">
        <v>0</v>
      </c>
      <c r="AL35" s="196">
        <v>0</v>
      </c>
      <c r="AM35" s="193">
        <v>0</v>
      </c>
      <c r="AN35" s="191">
        <v>0</v>
      </c>
      <c r="AO35" s="191">
        <v>0</v>
      </c>
      <c r="AP35" s="191">
        <v>0</v>
      </c>
      <c r="AQ35" s="191">
        <v>0</v>
      </c>
      <c r="AR35" s="191">
        <v>0</v>
      </c>
      <c r="AS35" s="196">
        <v>0</v>
      </c>
      <c r="AT35" s="195">
        <v>0</v>
      </c>
      <c r="AU35" s="190">
        <v>0</v>
      </c>
      <c r="AV35" s="191">
        <v>0</v>
      </c>
      <c r="AW35" s="196">
        <v>0</v>
      </c>
      <c r="AX35" s="193">
        <v>0</v>
      </c>
      <c r="AY35" s="191">
        <v>0</v>
      </c>
      <c r="AZ35" s="191">
        <v>0</v>
      </c>
      <c r="BA35" s="191">
        <v>0</v>
      </c>
      <c r="BB35" s="191">
        <v>0</v>
      </c>
      <c r="BC35" s="191">
        <v>0</v>
      </c>
      <c r="BD35" s="196">
        <v>0</v>
      </c>
      <c r="BE35" s="195">
        <v>0</v>
      </c>
      <c r="BF35" s="190">
        <v>0</v>
      </c>
      <c r="BG35" s="191">
        <v>0</v>
      </c>
      <c r="BH35" s="196">
        <v>0</v>
      </c>
      <c r="BI35" s="193">
        <v>0</v>
      </c>
      <c r="BJ35" s="191">
        <v>0</v>
      </c>
      <c r="BK35" s="191">
        <v>0</v>
      </c>
      <c r="BL35" s="191">
        <v>1</v>
      </c>
      <c r="BM35" s="191">
        <v>0</v>
      </c>
      <c r="BN35" s="191">
        <v>0</v>
      </c>
      <c r="BO35" s="194">
        <v>1</v>
      </c>
      <c r="BP35" s="195">
        <v>1</v>
      </c>
      <c r="BQ35" s="190">
        <v>0</v>
      </c>
      <c r="BR35" s="191">
        <v>0</v>
      </c>
      <c r="BS35" s="196">
        <v>0</v>
      </c>
      <c r="BT35" s="193">
        <v>0</v>
      </c>
      <c r="BU35" s="191">
        <v>0</v>
      </c>
      <c r="BV35" s="191">
        <v>0</v>
      </c>
      <c r="BW35" s="191">
        <v>0</v>
      </c>
      <c r="BX35" s="191">
        <v>0</v>
      </c>
      <c r="BY35" s="191">
        <v>0</v>
      </c>
      <c r="BZ35" s="196">
        <v>0</v>
      </c>
      <c r="CA35" s="195">
        <v>0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</row>
    <row r="36" spans="2:101" ht="21" customHeight="1" x14ac:dyDescent="0.2">
      <c r="B36" s="106" t="s">
        <v>34</v>
      </c>
      <c r="C36" s="190">
        <v>0</v>
      </c>
      <c r="D36" s="196">
        <v>0</v>
      </c>
      <c r="E36" s="207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0</v>
      </c>
      <c r="L36" s="194">
        <v>0</v>
      </c>
      <c r="M36" s="195">
        <v>0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0</v>
      </c>
      <c r="Z36" s="191">
        <v>0</v>
      </c>
      <c r="AA36" s="196">
        <v>0</v>
      </c>
      <c r="AB36" s="193">
        <v>0</v>
      </c>
      <c r="AC36" s="191">
        <v>0</v>
      </c>
      <c r="AD36" s="191">
        <v>0</v>
      </c>
      <c r="AE36" s="191">
        <v>0</v>
      </c>
      <c r="AF36" s="191">
        <v>0</v>
      </c>
      <c r="AG36" s="191">
        <v>0</v>
      </c>
      <c r="AH36" s="196">
        <v>0</v>
      </c>
      <c r="AI36" s="195">
        <v>0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0</v>
      </c>
      <c r="AP36" s="191">
        <v>0</v>
      </c>
      <c r="AQ36" s="191">
        <v>0</v>
      </c>
      <c r="AR36" s="191">
        <v>0</v>
      </c>
      <c r="AS36" s="196">
        <v>0</v>
      </c>
      <c r="AT36" s="195">
        <v>0</v>
      </c>
      <c r="AU36" s="190">
        <v>0</v>
      </c>
      <c r="AV36" s="191">
        <v>0</v>
      </c>
      <c r="AW36" s="196">
        <v>0</v>
      </c>
      <c r="AX36" s="193">
        <v>0</v>
      </c>
      <c r="AY36" s="191">
        <v>1</v>
      </c>
      <c r="AZ36" s="191">
        <v>0</v>
      </c>
      <c r="BA36" s="191">
        <v>0</v>
      </c>
      <c r="BB36" s="191">
        <v>0</v>
      </c>
      <c r="BC36" s="191">
        <v>0</v>
      </c>
      <c r="BD36" s="196">
        <v>1</v>
      </c>
      <c r="BE36" s="195">
        <v>1</v>
      </c>
      <c r="BF36" s="190">
        <v>0</v>
      </c>
      <c r="BG36" s="191">
        <v>0</v>
      </c>
      <c r="BH36" s="196">
        <v>0</v>
      </c>
      <c r="BI36" s="193">
        <v>0</v>
      </c>
      <c r="BJ36" s="191">
        <v>0</v>
      </c>
      <c r="BK36" s="191">
        <v>0</v>
      </c>
      <c r="BL36" s="191">
        <v>0</v>
      </c>
      <c r="BM36" s="191">
        <v>0</v>
      </c>
      <c r="BN36" s="191">
        <v>0</v>
      </c>
      <c r="BO36" s="194">
        <v>0</v>
      </c>
      <c r="BP36" s="195">
        <v>0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</row>
    <row r="37" spans="2:101" ht="21" customHeight="1" x14ac:dyDescent="0.2">
      <c r="B37" s="106" t="s">
        <v>35</v>
      </c>
      <c r="C37" s="190">
        <v>0</v>
      </c>
      <c r="D37" s="196">
        <v>0</v>
      </c>
      <c r="E37" s="207">
        <v>0</v>
      </c>
      <c r="F37" s="193">
        <v>0</v>
      </c>
      <c r="G37" s="191">
        <v>0</v>
      </c>
      <c r="H37" s="191">
        <v>0</v>
      </c>
      <c r="I37" s="191">
        <v>0</v>
      </c>
      <c r="J37" s="191">
        <v>0</v>
      </c>
      <c r="K37" s="191">
        <v>0</v>
      </c>
      <c r="L37" s="194">
        <v>0</v>
      </c>
      <c r="M37" s="195">
        <v>0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  <c r="Y37" s="190">
        <v>0</v>
      </c>
      <c r="Z37" s="191">
        <v>0</v>
      </c>
      <c r="AA37" s="196">
        <v>0</v>
      </c>
      <c r="AB37" s="193">
        <v>0</v>
      </c>
      <c r="AC37" s="191">
        <v>1</v>
      </c>
      <c r="AD37" s="191">
        <v>0</v>
      </c>
      <c r="AE37" s="191">
        <v>0</v>
      </c>
      <c r="AF37" s="191">
        <v>0</v>
      </c>
      <c r="AG37" s="191">
        <v>0</v>
      </c>
      <c r="AH37" s="196">
        <v>1</v>
      </c>
      <c r="AI37" s="195">
        <v>1</v>
      </c>
      <c r="AJ37" s="190">
        <v>0</v>
      </c>
      <c r="AK37" s="191">
        <v>0</v>
      </c>
      <c r="AL37" s="196">
        <v>0</v>
      </c>
      <c r="AM37" s="193">
        <v>0</v>
      </c>
      <c r="AN37" s="191">
        <v>0</v>
      </c>
      <c r="AO37" s="191">
        <v>0</v>
      </c>
      <c r="AP37" s="191">
        <v>0</v>
      </c>
      <c r="AQ37" s="191">
        <v>0</v>
      </c>
      <c r="AR37" s="191">
        <v>0</v>
      </c>
      <c r="AS37" s="196">
        <v>0</v>
      </c>
      <c r="AT37" s="195">
        <v>0</v>
      </c>
      <c r="AU37" s="190">
        <v>0</v>
      </c>
      <c r="AV37" s="191">
        <v>1</v>
      </c>
      <c r="AW37" s="196">
        <v>1</v>
      </c>
      <c r="AX37" s="193">
        <v>0</v>
      </c>
      <c r="AY37" s="191">
        <v>0</v>
      </c>
      <c r="AZ37" s="191">
        <v>0</v>
      </c>
      <c r="BA37" s="191">
        <v>0</v>
      </c>
      <c r="BB37" s="191">
        <v>0</v>
      </c>
      <c r="BC37" s="191">
        <v>1</v>
      </c>
      <c r="BD37" s="196">
        <v>1</v>
      </c>
      <c r="BE37" s="195">
        <v>2</v>
      </c>
      <c r="BF37" s="190">
        <v>0</v>
      </c>
      <c r="BG37" s="191">
        <v>0</v>
      </c>
      <c r="BH37" s="196">
        <v>0</v>
      </c>
      <c r="BI37" s="193">
        <v>0</v>
      </c>
      <c r="BJ37" s="191">
        <v>1</v>
      </c>
      <c r="BK37" s="191">
        <v>0</v>
      </c>
      <c r="BL37" s="191">
        <v>0</v>
      </c>
      <c r="BM37" s="191">
        <v>0</v>
      </c>
      <c r="BN37" s="191">
        <v>0</v>
      </c>
      <c r="BO37" s="194">
        <v>1</v>
      </c>
      <c r="BP37" s="195">
        <v>1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0</v>
      </c>
      <c r="BW37" s="191">
        <v>0</v>
      </c>
      <c r="BX37" s="191">
        <v>0</v>
      </c>
      <c r="BY37" s="191">
        <v>0</v>
      </c>
      <c r="BZ37" s="196">
        <v>0</v>
      </c>
      <c r="CA37" s="195">
        <v>0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</row>
    <row r="38" spans="2:101" ht="21" customHeight="1" x14ac:dyDescent="0.2">
      <c r="B38" s="106" t="s">
        <v>36</v>
      </c>
      <c r="C38" s="190">
        <v>0</v>
      </c>
      <c r="D38" s="196">
        <v>0</v>
      </c>
      <c r="E38" s="207">
        <v>0</v>
      </c>
      <c r="F38" s="193">
        <v>0</v>
      </c>
      <c r="G38" s="191">
        <v>0</v>
      </c>
      <c r="H38" s="191">
        <v>0</v>
      </c>
      <c r="I38" s="191">
        <v>0</v>
      </c>
      <c r="J38" s="191">
        <v>0</v>
      </c>
      <c r="K38" s="191">
        <v>0</v>
      </c>
      <c r="L38" s="194">
        <v>0</v>
      </c>
      <c r="M38" s="195">
        <v>0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  <c r="Y38" s="190">
        <v>0</v>
      </c>
      <c r="Z38" s="191">
        <v>0</v>
      </c>
      <c r="AA38" s="196">
        <v>0</v>
      </c>
      <c r="AB38" s="193">
        <v>0</v>
      </c>
      <c r="AC38" s="191">
        <v>1</v>
      </c>
      <c r="AD38" s="191">
        <v>0</v>
      </c>
      <c r="AE38" s="191">
        <v>0</v>
      </c>
      <c r="AF38" s="191">
        <v>0</v>
      </c>
      <c r="AG38" s="191">
        <v>0</v>
      </c>
      <c r="AH38" s="196">
        <v>1</v>
      </c>
      <c r="AI38" s="195">
        <v>1</v>
      </c>
      <c r="AJ38" s="190">
        <v>0</v>
      </c>
      <c r="AK38" s="191">
        <v>0</v>
      </c>
      <c r="AL38" s="196">
        <v>0</v>
      </c>
      <c r="AM38" s="193">
        <v>0</v>
      </c>
      <c r="AN38" s="191">
        <v>0</v>
      </c>
      <c r="AO38" s="191">
        <v>0</v>
      </c>
      <c r="AP38" s="191">
        <v>0</v>
      </c>
      <c r="AQ38" s="191">
        <v>0</v>
      </c>
      <c r="AR38" s="191">
        <v>0</v>
      </c>
      <c r="AS38" s="196">
        <v>0</v>
      </c>
      <c r="AT38" s="195">
        <v>0</v>
      </c>
      <c r="AU38" s="190">
        <v>0</v>
      </c>
      <c r="AV38" s="191">
        <v>0</v>
      </c>
      <c r="AW38" s="196">
        <v>0</v>
      </c>
      <c r="AX38" s="193">
        <v>0</v>
      </c>
      <c r="AY38" s="191">
        <v>1</v>
      </c>
      <c r="AZ38" s="191">
        <v>0</v>
      </c>
      <c r="BA38" s="191">
        <v>0</v>
      </c>
      <c r="BB38" s="191">
        <v>0</v>
      </c>
      <c r="BC38" s="191">
        <v>0</v>
      </c>
      <c r="BD38" s="196">
        <v>1</v>
      </c>
      <c r="BE38" s="195">
        <v>1</v>
      </c>
      <c r="BF38" s="190">
        <v>0</v>
      </c>
      <c r="BG38" s="191">
        <v>0</v>
      </c>
      <c r="BH38" s="196">
        <v>0</v>
      </c>
      <c r="BI38" s="193">
        <v>0</v>
      </c>
      <c r="BJ38" s="191">
        <v>0</v>
      </c>
      <c r="BK38" s="191">
        <v>1</v>
      </c>
      <c r="BL38" s="191">
        <v>1</v>
      </c>
      <c r="BM38" s="191">
        <v>0</v>
      </c>
      <c r="BN38" s="191">
        <v>0</v>
      </c>
      <c r="BO38" s="194">
        <v>2</v>
      </c>
      <c r="BP38" s="195">
        <v>2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0</v>
      </c>
      <c r="BW38" s="191">
        <v>0</v>
      </c>
      <c r="BX38" s="191">
        <v>0</v>
      </c>
      <c r="BY38" s="191">
        <v>0</v>
      </c>
      <c r="BZ38" s="196">
        <v>0</v>
      </c>
      <c r="CA38" s="195">
        <v>0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</row>
    <row r="39" spans="2:101" ht="21" customHeight="1" thickBot="1" x14ac:dyDescent="0.25">
      <c r="B39" s="108" t="s">
        <v>37</v>
      </c>
      <c r="C39" s="197">
        <v>0</v>
      </c>
      <c r="D39" s="203">
        <v>0</v>
      </c>
      <c r="E39" s="208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1</v>
      </c>
      <c r="AE39" s="198">
        <v>0</v>
      </c>
      <c r="AF39" s="198">
        <v>0</v>
      </c>
      <c r="AG39" s="198">
        <v>0</v>
      </c>
      <c r="AH39" s="203">
        <v>1</v>
      </c>
      <c r="AI39" s="202">
        <v>1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3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0</v>
      </c>
      <c r="BK39" s="198">
        <v>0</v>
      </c>
      <c r="BL39" s="198">
        <v>0</v>
      </c>
      <c r="BM39" s="198">
        <v>0</v>
      </c>
      <c r="BN39" s="198">
        <v>0</v>
      </c>
      <c r="BO39" s="201">
        <v>0</v>
      </c>
      <c r="BP39" s="202">
        <v>0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</row>
  </sheetData>
  <mergeCells count="39">
    <mergeCell ref="CW4:CW5"/>
    <mergeCell ref="CB3:CL3"/>
    <mergeCell ref="CM3:CW3"/>
    <mergeCell ref="I1:J1"/>
    <mergeCell ref="L1:M1"/>
    <mergeCell ref="BE4:BE5"/>
    <mergeCell ref="BF3:BP3"/>
    <mergeCell ref="BP4:BP5"/>
    <mergeCell ref="BQ3:CA3"/>
    <mergeCell ref="AJ4:AL4"/>
    <mergeCell ref="AJ3:AT3"/>
    <mergeCell ref="AU3:BE3"/>
    <mergeCell ref="CP4:CV4"/>
    <mergeCell ref="AM4:AS4"/>
    <mergeCell ref="AT4:AT5"/>
    <mergeCell ref="AU4:AW4"/>
    <mergeCell ref="B3:B5"/>
    <mergeCell ref="C3:M3"/>
    <mergeCell ref="N3:X3"/>
    <mergeCell ref="Y3:AI3"/>
    <mergeCell ref="C4:E4"/>
    <mergeCell ref="F4:L4"/>
    <mergeCell ref="M4:M5"/>
    <mergeCell ref="N4:P4"/>
    <mergeCell ref="Q4:W4"/>
    <mergeCell ref="X4:X5"/>
    <mergeCell ref="Y4:AA4"/>
    <mergeCell ref="AB4:AH4"/>
    <mergeCell ref="AI4:AI5"/>
    <mergeCell ref="CM4:CO4"/>
    <mergeCell ref="AX4:BD4"/>
    <mergeCell ref="BF4:BH4"/>
    <mergeCell ref="BI4:BO4"/>
    <mergeCell ref="CA4:CA5"/>
    <mergeCell ref="CL4:CL5"/>
    <mergeCell ref="BQ4:BS4"/>
    <mergeCell ref="BT4:BZ4"/>
    <mergeCell ref="CB4:CD4"/>
    <mergeCell ref="CE4:CK4"/>
  </mergeCells>
  <phoneticPr fontId="4"/>
  <pageMargins left="0.70866141732283472" right="0.70866141732283472" top="0.74803149606299213" bottom="0.74803149606299213" header="0.31496062992125984" footer="0.31496062992125984"/>
  <pageSetup paperSize="9" scale="60" orientation="landscape" r:id="rId1"/>
  <headerFooter>
    <oddFooter>&amp;L&amp;20&amp;A&amp;C&amp;P/&amp;N</oddFooter>
  </headerFooter>
  <colBreaks count="3" manualBreakCount="3">
    <brk id="24" max="1048575" man="1"/>
    <brk id="46" max="1048575" man="1"/>
    <brk id="68" max="1048575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X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" style="175" customWidth="1"/>
    <col min="6" max="6" width="7.77734375" style="175" customWidth="1"/>
    <col min="7" max="7" width="10.77734375" style="175" customWidth="1"/>
    <col min="8" max="16" width="9" style="175"/>
    <col min="17" max="17" width="8" style="175" customWidth="1"/>
    <col min="18" max="16384" width="9" style="175"/>
  </cols>
  <sheetData>
    <row r="1" spans="2:24" ht="24" customHeight="1" x14ac:dyDescent="0.2">
      <c r="B1" s="142" t="s">
        <v>123</v>
      </c>
      <c r="H1" s="442">
        <f>第１表!F2</f>
        <v>7</v>
      </c>
      <c r="I1" s="442"/>
      <c r="J1" s="18">
        <f>第１表!G2</f>
        <v>2</v>
      </c>
      <c r="K1" s="447">
        <f>IF(J1&lt;3,J1+12-2,J1-2)</f>
        <v>12</v>
      </c>
      <c r="L1" s="447"/>
    </row>
    <row r="2" spans="2:24" ht="24" customHeight="1" thickBot="1" x14ac:dyDescent="0.25">
      <c r="B2" s="142" t="s">
        <v>129</v>
      </c>
    </row>
    <row r="3" spans="2:24" ht="21" customHeight="1" x14ac:dyDescent="0.2">
      <c r="B3" s="465"/>
      <c r="C3" s="466" t="s">
        <v>139</v>
      </c>
      <c r="D3" s="466"/>
      <c r="E3" s="466"/>
      <c r="F3" s="466"/>
      <c r="G3" s="466"/>
      <c r="H3" s="466"/>
      <c r="I3" s="466"/>
      <c r="J3" s="466"/>
      <c r="K3" s="466"/>
      <c r="L3" s="466"/>
      <c r="M3" s="496"/>
      <c r="N3" s="466" t="s">
        <v>112</v>
      </c>
      <c r="O3" s="466"/>
      <c r="P3" s="466"/>
      <c r="Q3" s="466"/>
      <c r="R3" s="466"/>
      <c r="S3" s="466"/>
      <c r="T3" s="466"/>
      <c r="U3" s="466"/>
      <c r="V3" s="466"/>
      <c r="W3" s="466"/>
      <c r="X3" s="496"/>
    </row>
    <row r="4" spans="2:24" ht="21" customHeight="1" x14ac:dyDescent="0.2">
      <c r="B4" s="502"/>
      <c r="C4" s="497" t="s">
        <v>61</v>
      </c>
      <c r="D4" s="497"/>
      <c r="E4" s="498"/>
      <c r="F4" s="499" t="s">
        <v>62</v>
      </c>
      <c r="G4" s="497"/>
      <c r="H4" s="497"/>
      <c r="I4" s="497"/>
      <c r="J4" s="497"/>
      <c r="K4" s="497"/>
      <c r="L4" s="500"/>
      <c r="M4" s="501" t="s">
        <v>52</v>
      </c>
      <c r="N4" s="497" t="s">
        <v>61</v>
      </c>
      <c r="O4" s="497"/>
      <c r="P4" s="498"/>
      <c r="Q4" s="499" t="s">
        <v>62</v>
      </c>
      <c r="R4" s="497"/>
      <c r="S4" s="497"/>
      <c r="T4" s="497"/>
      <c r="U4" s="497"/>
      <c r="V4" s="497"/>
      <c r="W4" s="500"/>
      <c r="X4" s="501" t="s">
        <v>52</v>
      </c>
    </row>
    <row r="5" spans="2:24" ht="30" customHeight="1" thickBot="1" x14ac:dyDescent="0.25">
      <c r="B5" s="503"/>
      <c r="C5" s="178" t="s">
        <v>43</v>
      </c>
      <c r="D5" s="178" t="s">
        <v>44</v>
      </c>
      <c r="E5" s="182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2" t="s">
        <v>45</v>
      </c>
      <c r="M5" s="470"/>
      <c r="N5" s="178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</row>
    <row r="6" spans="2:24" ht="21" customHeight="1" x14ac:dyDescent="0.2">
      <c r="B6" s="84" t="s">
        <v>4</v>
      </c>
      <c r="C6" s="184">
        <v>0</v>
      </c>
      <c r="D6" s="184">
        <v>0</v>
      </c>
      <c r="E6" s="189">
        <v>0</v>
      </c>
      <c r="F6" s="186">
        <v>0</v>
      </c>
      <c r="G6" s="184">
        <v>101911</v>
      </c>
      <c r="H6" s="184">
        <v>105425</v>
      </c>
      <c r="I6" s="184">
        <v>61091</v>
      </c>
      <c r="J6" s="184">
        <v>31020</v>
      </c>
      <c r="K6" s="184">
        <v>14128</v>
      </c>
      <c r="L6" s="189">
        <v>313575</v>
      </c>
      <c r="M6" s="188">
        <v>313575</v>
      </c>
      <c r="N6" s="184">
        <v>27</v>
      </c>
      <c r="O6" s="184">
        <v>37</v>
      </c>
      <c r="P6" s="189">
        <v>64</v>
      </c>
      <c r="Q6" s="186">
        <v>0</v>
      </c>
      <c r="R6" s="184">
        <v>6605</v>
      </c>
      <c r="S6" s="184">
        <v>9117</v>
      </c>
      <c r="T6" s="184">
        <v>11126</v>
      </c>
      <c r="U6" s="184">
        <v>5960</v>
      </c>
      <c r="V6" s="184">
        <v>4620</v>
      </c>
      <c r="W6" s="189">
        <v>37428</v>
      </c>
      <c r="X6" s="188">
        <v>37492</v>
      </c>
    </row>
    <row r="7" spans="2:24" ht="21" customHeight="1" x14ac:dyDescent="0.2">
      <c r="B7" s="95" t="s">
        <v>5</v>
      </c>
      <c r="C7" s="191">
        <v>0</v>
      </c>
      <c r="D7" s="191">
        <v>0</v>
      </c>
      <c r="E7" s="196">
        <v>0</v>
      </c>
      <c r="F7" s="193">
        <v>0</v>
      </c>
      <c r="G7" s="191">
        <v>35696</v>
      </c>
      <c r="H7" s="191">
        <v>49170</v>
      </c>
      <c r="I7" s="191">
        <v>29097</v>
      </c>
      <c r="J7" s="191">
        <v>14358</v>
      </c>
      <c r="K7" s="191">
        <v>6655</v>
      </c>
      <c r="L7" s="196">
        <v>134976</v>
      </c>
      <c r="M7" s="195">
        <v>134976</v>
      </c>
      <c r="N7" s="191">
        <v>15</v>
      </c>
      <c r="O7" s="191">
        <v>10</v>
      </c>
      <c r="P7" s="196">
        <v>25</v>
      </c>
      <c r="Q7" s="193">
        <v>0</v>
      </c>
      <c r="R7" s="191">
        <v>3251</v>
      </c>
      <c r="S7" s="191">
        <v>4823</v>
      </c>
      <c r="T7" s="191">
        <v>5754</v>
      </c>
      <c r="U7" s="191">
        <v>3339</v>
      </c>
      <c r="V7" s="191">
        <v>2569</v>
      </c>
      <c r="W7" s="196">
        <v>19736</v>
      </c>
      <c r="X7" s="195">
        <v>19761</v>
      </c>
    </row>
    <row r="8" spans="2:24" ht="21" customHeight="1" x14ac:dyDescent="0.2">
      <c r="B8" s="106" t="s">
        <v>6</v>
      </c>
      <c r="C8" s="191">
        <v>0</v>
      </c>
      <c r="D8" s="191">
        <v>0</v>
      </c>
      <c r="E8" s="196">
        <v>0</v>
      </c>
      <c r="F8" s="193">
        <v>0</v>
      </c>
      <c r="G8" s="191">
        <v>14028</v>
      </c>
      <c r="H8" s="191">
        <v>11674</v>
      </c>
      <c r="I8" s="191">
        <v>6711</v>
      </c>
      <c r="J8" s="191">
        <v>3899</v>
      </c>
      <c r="K8" s="191">
        <v>1761</v>
      </c>
      <c r="L8" s="196">
        <v>38073</v>
      </c>
      <c r="M8" s="195">
        <v>38073</v>
      </c>
      <c r="N8" s="191">
        <v>6</v>
      </c>
      <c r="O8" s="191">
        <v>0</v>
      </c>
      <c r="P8" s="196">
        <v>6</v>
      </c>
      <c r="Q8" s="193">
        <v>0</v>
      </c>
      <c r="R8" s="191">
        <v>1407</v>
      </c>
      <c r="S8" s="191">
        <v>2182</v>
      </c>
      <c r="T8" s="191">
        <v>2530</v>
      </c>
      <c r="U8" s="191">
        <v>1331</v>
      </c>
      <c r="V8" s="191">
        <v>999</v>
      </c>
      <c r="W8" s="196">
        <v>8449</v>
      </c>
      <c r="X8" s="195">
        <v>8455</v>
      </c>
    </row>
    <row r="9" spans="2:24" ht="21" customHeight="1" x14ac:dyDescent="0.2">
      <c r="B9" s="106" t="s">
        <v>14</v>
      </c>
      <c r="C9" s="191">
        <v>0</v>
      </c>
      <c r="D9" s="191">
        <v>0</v>
      </c>
      <c r="E9" s="196">
        <v>0</v>
      </c>
      <c r="F9" s="193">
        <v>0</v>
      </c>
      <c r="G9" s="191">
        <v>8362</v>
      </c>
      <c r="H9" s="191">
        <v>9696</v>
      </c>
      <c r="I9" s="191">
        <v>5716</v>
      </c>
      <c r="J9" s="191">
        <v>2948</v>
      </c>
      <c r="K9" s="191">
        <v>1399</v>
      </c>
      <c r="L9" s="196">
        <v>28121</v>
      </c>
      <c r="M9" s="195">
        <v>28121</v>
      </c>
      <c r="N9" s="191">
        <v>0</v>
      </c>
      <c r="O9" s="191">
        <v>0</v>
      </c>
      <c r="P9" s="196">
        <v>0</v>
      </c>
      <c r="Q9" s="193">
        <v>0</v>
      </c>
      <c r="R9" s="191">
        <v>102</v>
      </c>
      <c r="S9" s="191">
        <v>134</v>
      </c>
      <c r="T9" s="191">
        <v>260</v>
      </c>
      <c r="U9" s="191">
        <v>163</v>
      </c>
      <c r="V9" s="191">
        <v>206</v>
      </c>
      <c r="W9" s="196">
        <v>865</v>
      </c>
      <c r="X9" s="195">
        <v>865</v>
      </c>
    </row>
    <row r="10" spans="2:24" ht="21" customHeight="1" x14ac:dyDescent="0.2">
      <c r="B10" s="106" t="s">
        <v>7</v>
      </c>
      <c r="C10" s="191">
        <v>0</v>
      </c>
      <c r="D10" s="191">
        <v>0</v>
      </c>
      <c r="E10" s="196">
        <v>0</v>
      </c>
      <c r="F10" s="193">
        <v>0</v>
      </c>
      <c r="G10" s="191">
        <v>8387</v>
      </c>
      <c r="H10" s="191">
        <v>5736</v>
      </c>
      <c r="I10" s="191">
        <v>2489</v>
      </c>
      <c r="J10" s="191">
        <v>997</v>
      </c>
      <c r="K10" s="191">
        <v>413</v>
      </c>
      <c r="L10" s="196">
        <v>18022</v>
      </c>
      <c r="M10" s="195">
        <v>18022</v>
      </c>
      <c r="N10" s="191">
        <v>0</v>
      </c>
      <c r="O10" s="191">
        <v>15</v>
      </c>
      <c r="P10" s="196">
        <v>15</v>
      </c>
      <c r="Q10" s="193">
        <v>0</v>
      </c>
      <c r="R10" s="191">
        <v>698</v>
      </c>
      <c r="S10" s="191">
        <v>831</v>
      </c>
      <c r="T10" s="191">
        <v>907</v>
      </c>
      <c r="U10" s="191">
        <v>328</v>
      </c>
      <c r="V10" s="191">
        <v>226</v>
      </c>
      <c r="W10" s="196">
        <v>2990</v>
      </c>
      <c r="X10" s="195">
        <v>3005</v>
      </c>
    </row>
    <row r="11" spans="2:24" ht="21" customHeight="1" x14ac:dyDescent="0.2">
      <c r="B11" s="106" t="s">
        <v>8</v>
      </c>
      <c r="C11" s="191">
        <v>0</v>
      </c>
      <c r="D11" s="191">
        <v>0</v>
      </c>
      <c r="E11" s="196">
        <v>0</v>
      </c>
      <c r="F11" s="193">
        <v>0</v>
      </c>
      <c r="G11" s="191">
        <v>4514</v>
      </c>
      <c r="H11" s="191">
        <v>4702</v>
      </c>
      <c r="I11" s="191">
        <v>2097</v>
      </c>
      <c r="J11" s="191">
        <v>1138</v>
      </c>
      <c r="K11" s="191">
        <v>484</v>
      </c>
      <c r="L11" s="196">
        <v>12935</v>
      </c>
      <c r="M11" s="195">
        <v>12935</v>
      </c>
      <c r="N11" s="191">
        <v>0</v>
      </c>
      <c r="O11" s="191">
        <v>0</v>
      </c>
      <c r="P11" s="196">
        <v>0</v>
      </c>
      <c r="Q11" s="193">
        <v>0</v>
      </c>
      <c r="R11" s="191">
        <v>46</v>
      </c>
      <c r="S11" s="191">
        <v>79</v>
      </c>
      <c r="T11" s="191">
        <v>101</v>
      </c>
      <c r="U11" s="191">
        <v>74</v>
      </c>
      <c r="V11" s="191">
        <v>101</v>
      </c>
      <c r="W11" s="196">
        <v>401</v>
      </c>
      <c r="X11" s="195">
        <v>401</v>
      </c>
    </row>
    <row r="12" spans="2:24" ht="21" customHeight="1" x14ac:dyDescent="0.2">
      <c r="B12" s="106" t="s">
        <v>9</v>
      </c>
      <c r="C12" s="191">
        <v>0</v>
      </c>
      <c r="D12" s="191">
        <v>0</v>
      </c>
      <c r="E12" s="196">
        <v>0</v>
      </c>
      <c r="F12" s="193">
        <v>0</v>
      </c>
      <c r="G12" s="191">
        <v>2886</v>
      </c>
      <c r="H12" s="191">
        <v>2136</v>
      </c>
      <c r="I12" s="191">
        <v>1280</v>
      </c>
      <c r="J12" s="191">
        <v>993</v>
      </c>
      <c r="K12" s="191">
        <v>376</v>
      </c>
      <c r="L12" s="196">
        <v>7671</v>
      </c>
      <c r="M12" s="195">
        <v>7671</v>
      </c>
      <c r="N12" s="191">
        <v>0</v>
      </c>
      <c r="O12" s="191">
        <v>0</v>
      </c>
      <c r="P12" s="196">
        <v>0</v>
      </c>
      <c r="Q12" s="193">
        <v>0</v>
      </c>
      <c r="R12" s="191">
        <v>32</v>
      </c>
      <c r="S12" s="191">
        <v>47</v>
      </c>
      <c r="T12" s="191">
        <v>102</v>
      </c>
      <c r="U12" s="191">
        <v>3</v>
      </c>
      <c r="V12" s="191">
        <v>35</v>
      </c>
      <c r="W12" s="196">
        <v>219</v>
      </c>
      <c r="X12" s="195">
        <v>219</v>
      </c>
    </row>
    <row r="13" spans="2:24" ht="21" customHeight="1" x14ac:dyDescent="0.2">
      <c r="B13" s="106" t="s">
        <v>10</v>
      </c>
      <c r="C13" s="191">
        <v>0</v>
      </c>
      <c r="D13" s="191">
        <v>0</v>
      </c>
      <c r="E13" s="196">
        <v>0</v>
      </c>
      <c r="F13" s="193">
        <v>0</v>
      </c>
      <c r="G13" s="191">
        <v>4088</v>
      </c>
      <c r="H13" s="191">
        <v>1998</v>
      </c>
      <c r="I13" s="191">
        <v>1033</v>
      </c>
      <c r="J13" s="191">
        <v>549</v>
      </c>
      <c r="K13" s="191">
        <v>137</v>
      </c>
      <c r="L13" s="196">
        <v>7805</v>
      </c>
      <c r="M13" s="195">
        <v>7805</v>
      </c>
      <c r="N13" s="191">
        <v>0</v>
      </c>
      <c r="O13" s="191">
        <v>3</v>
      </c>
      <c r="P13" s="196">
        <v>3</v>
      </c>
      <c r="Q13" s="193">
        <v>0</v>
      </c>
      <c r="R13" s="191">
        <v>67</v>
      </c>
      <c r="S13" s="191">
        <v>105</v>
      </c>
      <c r="T13" s="191">
        <v>255</v>
      </c>
      <c r="U13" s="191">
        <v>131</v>
      </c>
      <c r="V13" s="191">
        <v>127</v>
      </c>
      <c r="W13" s="196">
        <v>685</v>
      </c>
      <c r="X13" s="195">
        <v>688</v>
      </c>
    </row>
    <row r="14" spans="2:24" ht="21" customHeight="1" x14ac:dyDescent="0.2">
      <c r="B14" s="106" t="s">
        <v>11</v>
      </c>
      <c r="C14" s="191">
        <v>0</v>
      </c>
      <c r="D14" s="191">
        <v>0</v>
      </c>
      <c r="E14" s="196">
        <v>0</v>
      </c>
      <c r="F14" s="193">
        <v>0</v>
      </c>
      <c r="G14" s="191">
        <v>3906</v>
      </c>
      <c r="H14" s="191">
        <v>2756</v>
      </c>
      <c r="I14" s="191">
        <v>1902</v>
      </c>
      <c r="J14" s="191">
        <v>877</v>
      </c>
      <c r="K14" s="191">
        <v>328</v>
      </c>
      <c r="L14" s="196">
        <v>9769</v>
      </c>
      <c r="M14" s="195">
        <v>9769</v>
      </c>
      <c r="N14" s="191">
        <v>0</v>
      </c>
      <c r="O14" s="191">
        <v>0</v>
      </c>
      <c r="P14" s="196">
        <v>0</v>
      </c>
      <c r="Q14" s="193">
        <v>0</v>
      </c>
      <c r="R14" s="191">
        <v>230</v>
      </c>
      <c r="S14" s="191">
        <v>173</v>
      </c>
      <c r="T14" s="191">
        <v>126</v>
      </c>
      <c r="U14" s="191">
        <v>41</v>
      </c>
      <c r="V14" s="191">
        <v>26</v>
      </c>
      <c r="W14" s="196">
        <v>596</v>
      </c>
      <c r="X14" s="195">
        <v>596</v>
      </c>
    </row>
    <row r="15" spans="2:24" ht="21" customHeight="1" x14ac:dyDescent="0.2">
      <c r="B15" s="106" t="s">
        <v>12</v>
      </c>
      <c r="C15" s="191">
        <v>0</v>
      </c>
      <c r="D15" s="191">
        <v>0</v>
      </c>
      <c r="E15" s="196">
        <v>0</v>
      </c>
      <c r="F15" s="193">
        <v>0</v>
      </c>
      <c r="G15" s="191">
        <v>3149</v>
      </c>
      <c r="H15" s="191">
        <v>2060</v>
      </c>
      <c r="I15" s="191">
        <v>1431</v>
      </c>
      <c r="J15" s="191">
        <v>725</v>
      </c>
      <c r="K15" s="191">
        <v>274</v>
      </c>
      <c r="L15" s="196">
        <v>7639</v>
      </c>
      <c r="M15" s="195">
        <v>7639</v>
      </c>
      <c r="N15" s="191">
        <v>0</v>
      </c>
      <c r="O15" s="191">
        <v>0</v>
      </c>
      <c r="P15" s="196">
        <v>0</v>
      </c>
      <c r="Q15" s="193">
        <v>0</v>
      </c>
      <c r="R15" s="191">
        <v>42</v>
      </c>
      <c r="S15" s="191">
        <v>13</v>
      </c>
      <c r="T15" s="191">
        <v>18</v>
      </c>
      <c r="U15" s="191">
        <v>0</v>
      </c>
      <c r="V15" s="191">
        <v>0</v>
      </c>
      <c r="W15" s="196">
        <v>73</v>
      </c>
      <c r="X15" s="195">
        <v>73</v>
      </c>
    </row>
    <row r="16" spans="2:24" ht="21" customHeight="1" x14ac:dyDescent="0.2">
      <c r="B16" s="106" t="s">
        <v>13</v>
      </c>
      <c r="C16" s="191">
        <v>0</v>
      </c>
      <c r="D16" s="191">
        <v>0</v>
      </c>
      <c r="E16" s="196">
        <v>0</v>
      </c>
      <c r="F16" s="193">
        <v>0</v>
      </c>
      <c r="G16" s="191">
        <v>1061</v>
      </c>
      <c r="H16" s="191">
        <v>1223</v>
      </c>
      <c r="I16" s="191">
        <v>589</v>
      </c>
      <c r="J16" s="191">
        <v>352</v>
      </c>
      <c r="K16" s="191">
        <v>170</v>
      </c>
      <c r="L16" s="196">
        <v>3395</v>
      </c>
      <c r="M16" s="195">
        <v>3395</v>
      </c>
      <c r="N16" s="191">
        <v>0</v>
      </c>
      <c r="O16" s="191">
        <v>0</v>
      </c>
      <c r="P16" s="196">
        <v>0</v>
      </c>
      <c r="Q16" s="193">
        <v>0</v>
      </c>
      <c r="R16" s="191">
        <v>12</v>
      </c>
      <c r="S16" s="191">
        <v>46</v>
      </c>
      <c r="T16" s="191">
        <v>97</v>
      </c>
      <c r="U16" s="191">
        <v>38</v>
      </c>
      <c r="V16" s="191">
        <v>61</v>
      </c>
      <c r="W16" s="196">
        <v>254</v>
      </c>
      <c r="X16" s="195">
        <v>254</v>
      </c>
    </row>
    <row r="17" spans="2:24" ht="21" customHeight="1" x14ac:dyDescent="0.2">
      <c r="B17" s="106" t="s">
        <v>15</v>
      </c>
      <c r="C17" s="191">
        <v>0</v>
      </c>
      <c r="D17" s="191">
        <v>0</v>
      </c>
      <c r="E17" s="196">
        <v>0</v>
      </c>
      <c r="F17" s="193">
        <v>0</v>
      </c>
      <c r="G17" s="191">
        <v>1402</v>
      </c>
      <c r="H17" s="191">
        <v>1435</v>
      </c>
      <c r="I17" s="191">
        <v>765</v>
      </c>
      <c r="J17" s="191">
        <v>291</v>
      </c>
      <c r="K17" s="191">
        <v>154</v>
      </c>
      <c r="L17" s="196">
        <v>4047</v>
      </c>
      <c r="M17" s="195">
        <v>4047</v>
      </c>
      <c r="N17" s="191">
        <v>0</v>
      </c>
      <c r="O17" s="191">
        <v>8</v>
      </c>
      <c r="P17" s="196">
        <v>8</v>
      </c>
      <c r="Q17" s="193">
        <v>0</v>
      </c>
      <c r="R17" s="191">
        <v>44</v>
      </c>
      <c r="S17" s="191">
        <v>18</v>
      </c>
      <c r="T17" s="191">
        <v>59</v>
      </c>
      <c r="U17" s="191">
        <v>7</v>
      </c>
      <c r="V17" s="191">
        <v>18</v>
      </c>
      <c r="W17" s="196">
        <v>146</v>
      </c>
      <c r="X17" s="195">
        <v>154</v>
      </c>
    </row>
    <row r="18" spans="2:24" ht="21" customHeight="1" x14ac:dyDescent="0.2">
      <c r="B18" s="106" t="s">
        <v>16</v>
      </c>
      <c r="C18" s="191">
        <v>0</v>
      </c>
      <c r="D18" s="191">
        <v>0</v>
      </c>
      <c r="E18" s="196">
        <v>0</v>
      </c>
      <c r="F18" s="193">
        <v>0</v>
      </c>
      <c r="G18" s="191">
        <v>1153</v>
      </c>
      <c r="H18" s="191">
        <v>1426</v>
      </c>
      <c r="I18" s="191">
        <v>742</v>
      </c>
      <c r="J18" s="191">
        <v>372</v>
      </c>
      <c r="K18" s="191">
        <v>137</v>
      </c>
      <c r="L18" s="196">
        <v>3830</v>
      </c>
      <c r="M18" s="195">
        <v>3830</v>
      </c>
      <c r="N18" s="191">
        <v>0</v>
      </c>
      <c r="O18" s="191">
        <v>0</v>
      </c>
      <c r="P18" s="196">
        <v>0</v>
      </c>
      <c r="Q18" s="193">
        <v>0</v>
      </c>
      <c r="R18" s="191">
        <v>36</v>
      </c>
      <c r="S18" s="191">
        <v>80</v>
      </c>
      <c r="T18" s="191">
        <v>75</v>
      </c>
      <c r="U18" s="191">
        <v>19</v>
      </c>
      <c r="V18" s="191">
        <v>47</v>
      </c>
      <c r="W18" s="196">
        <v>257</v>
      </c>
      <c r="X18" s="195">
        <v>257</v>
      </c>
    </row>
    <row r="19" spans="2:24" ht="21" customHeight="1" x14ac:dyDescent="0.2">
      <c r="B19" s="106" t="s">
        <v>17</v>
      </c>
      <c r="C19" s="191">
        <v>0</v>
      </c>
      <c r="D19" s="191">
        <v>0</v>
      </c>
      <c r="E19" s="196">
        <v>0</v>
      </c>
      <c r="F19" s="193">
        <v>0</v>
      </c>
      <c r="G19" s="191">
        <v>2174</v>
      </c>
      <c r="H19" s="191">
        <v>2994</v>
      </c>
      <c r="I19" s="191">
        <v>1676</v>
      </c>
      <c r="J19" s="191">
        <v>1298</v>
      </c>
      <c r="K19" s="191">
        <v>563</v>
      </c>
      <c r="L19" s="196">
        <v>8705</v>
      </c>
      <c r="M19" s="195">
        <v>8705</v>
      </c>
      <c r="N19" s="191">
        <v>4</v>
      </c>
      <c r="O19" s="191">
        <v>1</v>
      </c>
      <c r="P19" s="196">
        <v>5</v>
      </c>
      <c r="Q19" s="193">
        <v>0</v>
      </c>
      <c r="R19" s="191">
        <v>194</v>
      </c>
      <c r="S19" s="191">
        <v>177</v>
      </c>
      <c r="T19" s="191">
        <v>136</v>
      </c>
      <c r="U19" s="191">
        <v>109</v>
      </c>
      <c r="V19" s="191">
        <v>61</v>
      </c>
      <c r="W19" s="196">
        <v>677</v>
      </c>
      <c r="X19" s="195">
        <v>682</v>
      </c>
    </row>
    <row r="20" spans="2:24" ht="21" customHeight="1" x14ac:dyDescent="0.2">
      <c r="B20" s="106" t="s">
        <v>18</v>
      </c>
      <c r="C20" s="191">
        <v>0</v>
      </c>
      <c r="D20" s="191">
        <v>0</v>
      </c>
      <c r="E20" s="196">
        <v>0</v>
      </c>
      <c r="F20" s="193">
        <v>0</v>
      </c>
      <c r="G20" s="191">
        <v>2148</v>
      </c>
      <c r="H20" s="191">
        <v>1558</v>
      </c>
      <c r="I20" s="191">
        <v>921</v>
      </c>
      <c r="J20" s="191">
        <v>376</v>
      </c>
      <c r="K20" s="191">
        <v>179</v>
      </c>
      <c r="L20" s="196">
        <v>5182</v>
      </c>
      <c r="M20" s="195">
        <v>5182</v>
      </c>
      <c r="N20" s="191">
        <v>0</v>
      </c>
      <c r="O20" s="191">
        <v>0</v>
      </c>
      <c r="P20" s="196">
        <v>0</v>
      </c>
      <c r="Q20" s="193">
        <v>0</v>
      </c>
      <c r="R20" s="191">
        <v>87</v>
      </c>
      <c r="S20" s="191">
        <v>119</v>
      </c>
      <c r="T20" s="191">
        <v>226</v>
      </c>
      <c r="U20" s="191">
        <v>126</v>
      </c>
      <c r="V20" s="191">
        <v>66</v>
      </c>
      <c r="W20" s="196">
        <v>624</v>
      </c>
      <c r="X20" s="195">
        <v>624</v>
      </c>
    </row>
    <row r="21" spans="2:24" ht="21" customHeight="1" x14ac:dyDescent="0.2">
      <c r="B21" s="106" t="s">
        <v>19</v>
      </c>
      <c r="C21" s="191">
        <v>0</v>
      </c>
      <c r="D21" s="191">
        <v>0</v>
      </c>
      <c r="E21" s="196">
        <v>0</v>
      </c>
      <c r="F21" s="193">
        <v>0</v>
      </c>
      <c r="G21" s="191">
        <v>962</v>
      </c>
      <c r="H21" s="191">
        <v>744</v>
      </c>
      <c r="I21" s="191">
        <v>390</v>
      </c>
      <c r="J21" s="191">
        <v>191</v>
      </c>
      <c r="K21" s="191">
        <v>113</v>
      </c>
      <c r="L21" s="196">
        <v>2400</v>
      </c>
      <c r="M21" s="195">
        <v>2400</v>
      </c>
      <c r="N21" s="191">
        <v>2</v>
      </c>
      <c r="O21" s="191">
        <v>0</v>
      </c>
      <c r="P21" s="196">
        <v>2</v>
      </c>
      <c r="Q21" s="193">
        <v>0</v>
      </c>
      <c r="R21" s="191">
        <v>147</v>
      </c>
      <c r="S21" s="191">
        <v>145</v>
      </c>
      <c r="T21" s="191">
        <v>180</v>
      </c>
      <c r="U21" s="191">
        <v>59</v>
      </c>
      <c r="V21" s="191">
        <v>36</v>
      </c>
      <c r="W21" s="196">
        <v>567</v>
      </c>
      <c r="X21" s="195">
        <v>569</v>
      </c>
    </row>
    <row r="22" spans="2:24" ht="21" customHeight="1" x14ac:dyDescent="0.2">
      <c r="B22" s="106" t="s">
        <v>20</v>
      </c>
      <c r="C22" s="191">
        <v>0</v>
      </c>
      <c r="D22" s="191">
        <v>0</v>
      </c>
      <c r="E22" s="196">
        <v>0</v>
      </c>
      <c r="F22" s="193">
        <v>0</v>
      </c>
      <c r="G22" s="191">
        <v>1399</v>
      </c>
      <c r="H22" s="191">
        <v>950</v>
      </c>
      <c r="I22" s="191">
        <v>615</v>
      </c>
      <c r="J22" s="191">
        <v>154</v>
      </c>
      <c r="K22" s="191">
        <v>62</v>
      </c>
      <c r="L22" s="196">
        <v>3180</v>
      </c>
      <c r="M22" s="195">
        <v>3180</v>
      </c>
      <c r="N22" s="191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5</v>
      </c>
      <c r="T22" s="191">
        <v>69</v>
      </c>
      <c r="U22" s="191">
        <v>32</v>
      </c>
      <c r="V22" s="191">
        <v>17</v>
      </c>
      <c r="W22" s="196">
        <v>123</v>
      </c>
      <c r="X22" s="195">
        <v>123</v>
      </c>
    </row>
    <row r="23" spans="2:24" ht="21" customHeight="1" x14ac:dyDescent="0.2">
      <c r="B23" s="106" t="s">
        <v>21</v>
      </c>
      <c r="C23" s="191">
        <v>0</v>
      </c>
      <c r="D23" s="191">
        <v>0</v>
      </c>
      <c r="E23" s="196">
        <v>0</v>
      </c>
      <c r="F23" s="193">
        <v>0</v>
      </c>
      <c r="G23" s="191">
        <v>1674</v>
      </c>
      <c r="H23" s="191">
        <v>1248</v>
      </c>
      <c r="I23" s="191">
        <v>895</v>
      </c>
      <c r="J23" s="191">
        <v>269</v>
      </c>
      <c r="K23" s="191">
        <v>174</v>
      </c>
      <c r="L23" s="196">
        <v>4260</v>
      </c>
      <c r="M23" s="195">
        <v>4260</v>
      </c>
      <c r="N23" s="191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</row>
    <row r="24" spans="2:24" ht="21" customHeight="1" x14ac:dyDescent="0.2">
      <c r="B24" s="106" t="s">
        <v>22</v>
      </c>
      <c r="C24" s="191">
        <v>0</v>
      </c>
      <c r="D24" s="191">
        <v>0</v>
      </c>
      <c r="E24" s="196">
        <v>0</v>
      </c>
      <c r="F24" s="193">
        <v>0</v>
      </c>
      <c r="G24" s="191">
        <v>955</v>
      </c>
      <c r="H24" s="191">
        <v>868</v>
      </c>
      <c r="I24" s="191">
        <v>544</v>
      </c>
      <c r="J24" s="191">
        <v>269</v>
      </c>
      <c r="K24" s="191">
        <v>126</v>
      </c>
      <c r="L24" s="196">
        <v>2762</v>
      </c>
      <c r="M24" s="195">
        <v>2762</v>
      </c>
      <c r="N24" s="191">
        <v>0</v>
      </c>
      <c r="O24" s="191">
        <v>0</v>
      </c>
      <c r="P24" s="196">
        <v>0</v>
      </c>
      <c r="Q24" s="193">
        <v>0</v>
      </c>
      <c r="R24" s="191">
        <v>16</v>
      </c>
      <c r="S24" s="191">
        <v>46</v>
      </c>
      <c r="T24" s="191">
        <v>73</v>
      </c>
      <c r="U24" s="191">
        <v>60</v>
      </c>
      <c r="V24" s="191">
        <v>4</v>
      </c>
      <c r="W24" s="196">
        <v>199</v>
      </c>
      <c r="X24" s="195">
        <v>199</v>
      </c>
    </row>
    <row r="25" spans="2:24" ht="21" customHeight="1" x14ac:dyDescent="0.2">
      <c r="B25" s="106" t="s">
        <v>23</v>
      </c>
      <c r="C25" s="191">
        <v>0</v>
      </c>
      <c r="D25" s="191">
        <v>0</v>
      </c>
      <c r="E25" s="196">
        <v>0</v>
      </c>
      <c r="F25" s="193">
        <v>0</v>
      </c>
      <c r="G25" s="191">
        <v>540</v>
      </c>
      <c r="H25" s="191">
        <v>533</v>
      </c>
      <c r="I25" s="191">
        <v>309</v>
      </c>
      <c r="J25" s="191">
        <v>248</v>
      </c>
      <c r="K25" s="191">
        <v>88</v>
      </c>
      <c r="L25" s="196">
        <v>1718</v>
      </c>
      <c r="M25" s="195">
        <v>1718</v>
      </c>
      <c r="N25" s="191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11</v>
      </c>
      <c r="U25" s="191">
        <v>20</v>
      </c>
      <c r="V25" s="191">
        <v>0</v>
      </c>
      <c r="W25" s="196">
        <v>31</v>
      </c>
      <c r="X25" s="195">
        <v>31</v>
      </c>
    </row>
    <row r="26" spans="2:24" ht="21" customHeight="1" x14ac:dyDescent="0.2">
      <c r="B26" s="106" t="s">
        <v>24</v>
      </c>
      <c r="C26" s="191">
        <v>0</v>
      </c>
      <c r="D26" s="191">
        <v>0</v>
      </c>
      <c r="E26" s="196">
        <v>0</v>
      </c>
      <c r="F26" s="193">
        <v>0</v>
      </c>
      <c r="G26" s="191">
        <v>157</v>
      </c>
      <c r="H26" s="191">
        <v>104</v>
      </c>
      <c r="I26" s="191">
        <v>162</v>
      </c>
      <c r="J26" s="191">
        <v>61</v>
      </c>
      <c r="K26" s="191">
        <v>21</v>
      </c>
      <c r="L26" s="196">
        <v>505</v>
      </c>
      <c r="M26" s="195">
        <v>505</v>
      </c>
      <c r="N26" s="191">
        <v>0</v>
      </c>
      <c r="O26" s="191">
        <v>0</v>
      </c>
      <c r="P26" s="196">
        <v>0</v>
      </c>
      <c r="Q26" s="193">
        <v>0</v>
      </c>
      <c r="R26" s="191">
        <v>57</v>
      </c>
      <c r="S26" s="191">
        <v>48</v>
      </c>
      <c r="T26" s="191">
        <v>20</v>
      </c>
      <c r="U26" s="191">
        <v>20</v>
      </c>
      <c r="V26" s="191">
        <v>4</v>
      </c>
      <c r="W26" s="196">
        <v>149</v>
      </c>
      <c r="X26" s="195">
        <v>149</v>
      </c>
    </row>
    <row r="27" spans="2:24" ht="21" customHeight="1" x14ac:dyDescent="0.2">
      <c r="B27" s="106" t="s">
        <v>25</v>
      </c>
      <c r="C27" s="191">
        <v>0</v>
      </c>
      <c r="D27" s="191">
        <v>0</v>
      </c>
      <c r="E27" s="196">
        <v>0</v>
      </c>
      <c r="F27" s="193">
        <v>0</v>
      </c>
      <c r="G27" s="191">
        <v>583</v>
      </c>
      <c r="H27" s="191">
        <v>336</v>
      </c>
      <c r="I27" s="191">
        <v>138</v>
      </c>
      <c r="J27" s="191">
        <v>42</v>
      </c>
      <c r="K27" s="191">
        <v>0</v>
      </c>
      <c r="L27" s="196">
        <v>1099</v>
      </c>
      <c r="M27" s="195">
        <v>1099</v>
      </c>
      <c r="N27" s="191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</row>
    <row r="28" spans="2:24" ht="21" customHeight="1" x14ac:dyDescent="0.2">
      <c r="B28" s="106" t="s">
        <v>26</v>
      </c>
      <c r="C28" s="191">
        <v>0</v>
      </c>
      <c r="D28" s="191">
        <v>0</v>
      </c>
      <c r="E28" s="196">
        <v>0</v>
      </c>
      <c r="F28" s="193">
        <v>0</v>
      </c>
      <c r="G28" s="191">
        <v>393</v>
      </c>
      <c r="H28" s="191">
        <v>403</v>
      </c>
      <c r="I28" s="191">
        <v>261</v>
      </c>
      <c r="J28" s="191">
        <v>109</v>
      </c>
      <c r="K28" s="191">
        <v>78</v>
      </c>
      <c r="L28" s="196">
        <v>1244</v>
      </c>
      <c r="M28" s="195">
        <v>1244</v>
      </c>
      <c r="N28" s="191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</row>
    <row r="29" spans="2:24" ht="21" customHeight="1" x14ac:dyDescent="0.2">
      <c r="B29" s="106" t="s">
        <v>27</v>
      </c>
      <c r="C29" s="191">
        <v>0</v>
      </c>
      <c r="D29" s="191">
        <v>0</v>
      </c>
      <c r="E29" s="196">
        <v>0</v>
      </c>
      <c r="F29" s="193">
        <v>0</v>
      </c>
      <c r="G29" s="191">
        <v>283</v>
      </c>
      <c r="H29" s="191">
        <v>119</v>
      </c>
      <c r="I29" s="191">
        <v>46</v>
      </c>
      <c r="J29" s="191">
        <v>15</v>
      </c>
      <c r="K29" s="191">
        <v>18</v>
      </c>
      <c r="L29" s="196">
        <v>481</v>
      </c>
      <c r="M29" s="195">
        <v>481</v>
      </c>
      <c r="N29" s="191">
        <v>0</v>
      </c>
      <c r="O29" s="191">
        <v>0</v>
      </c>
      <c r="P29" s="196">
        <v>0</v>
      </c>
      <c r="Q29" s="193">
        <v>0</v>
      </c>
      <c r="R29" s="191">
        <v>28</v>
      </c>
      <c r="S29" s="191">
        <v>13</v>
      </c>
      <c r="T29" s="191">
        <v>22</v>
      </c>
      <c r="U29" s="191">
        <v>22</v>
      </c>
      <c r="V29" s="191">
        <v>0</v>
      </c>
      <c r="W29" s="196">
        <v>85</v>
      </c>
      <c r="X29" s="195">
        <v>85</v>
      </c>
    </row>
    <row r="30" spans="2:24" ht="21" customHeight="1" x14ac:dyDescent="0.2">
      <c r="B30" s="106" t="s">
        <v>28</v>
      </c>
      <c r="C30" s="191">
        <v>0</v>
      </c>
      <c r="D30" s="191">
        <v>0</v>
      </c>
      <c r="E30" s="196">
        <v>0</v>
      </c>
      <c r="F30" s="193">
        <v>0</v>
      </c>
      <c r="G30" s="191">
        <v>193</v>
      </c>
      <c r="H30" s="191">
        <v>80</v>
      </c>
      <c r="I30" s="191">
        <v>40</v>
      </c>
      <c r="J30" s="191">
        <v>26</v>
      </c>
      <c r="K30" s="191">
        <v>5</v>
      </c>
      <c r="L30" s="196">
        <v>344</v>
      </c>
      <c r="M30" s="195">
        <v>344</v>
      </c>
      <c r="N30" s="191">
        <v>0</v>
      </c>
      <c r="O30" s="191">
        <v>0</v>
      </c>
      <c r="P30" s="196">
        <v>0</v>
      </c>
      <c r="Q30" s="193">
        <v>0</v>
      </c>
      <c r="R30" s="191">
        <v>39</v>
      </c>
      <c r="S30" s="191">
        <v>16</v>
      </c>
      <c r="T30" s="191">
        <v>19</v>
      </c>
      <c r="U30" s="191">
        <v>23</v>
      </c>
      <c r="V30" s="191">
        <v>0</v>
      </c>
      <c r="W30" s="196">
        <v>97</v>
      </c>
      <c r="X30" s="195">
        <v>97</v>
      </c>
    </row>
    <row r="31" spans="2:24" ht="21" customHeight="1" x14ac:dyDescent="0.2">
      <c r="B31" s="106" t="s">
        <v>29</v>
      </c>
      <c r="C31" s="191">
        <v>0</v>
      </c>
      <c r="D31" s="191">
        <v>0</v>
      </c>
      <c r="E31" s="196">
        <v>0</v>
      </c>
      <c r="F31" s="193">
        <v>0</v>
      </c>
      <c r="G31" s="191">
        <v>75</v>
      </c>
      <c r="H31" s="191">
        <v>137</v>
      </c>
      <c r="I31" s="191">
        <v>65</v>
      </c>
      <c r="J31" s="191">
        <v>74</v>
      </c>
      <c r="K31" s="191">
        <v>12</v>
      </c>
      <c r="L31" s="196">
        <v>363</v>
      </c>
      <c r="M31" s="195">
        <v>363</v>
      </c>
      <c r="N31" s="191">
        <v>0</v>
      </c>
      <c r="O31" s="191">
        <v>0</v>
      </c>
      <c r="P31" s="196">
        <v>0</v>
      </c>
      <c r="Q31" s="193">
        <v>0</v>
      </c>
      <c r="R31" s="191">
        <v>19</v>
      </c>
      <c r="S31" s="191">
        <v>17</v>
      </c>
      <c r="T31" s="191">
        <v>0</v>
      </c>
      <c r="U31" s="191">
        <v>0</v>
      </c>
      <c r="V31" s="191">
        <v>0</v>
      </c>
      <c r="W31" s="196">
        <v>36</v>
      </c>
      <c r="X31" s="195">
        <v>36</v>
      </c>
    </row>
    <row r="32" spans="2:24" ht="21" customHeight="1" x14ac:dyDescent="0.2">
      <c r="B32" s="106" t="s">
        <v>30</v>
      </c>
      <c r="C32" s="191">
        <v>0</v>
      </c>
      <c r="D32" s="191">
        <v>0</v>
      </c>
      <c r="E32" s="196">
        <v>0</v>
      </c>
      <c r="F32" s="193">
        <v>0</v>
      </c>
      <c r="G32" s="191">
        <v>191</v>
      </c>
      <c r="H32" s="191">
        <v>120</v>
      </c>
      <c r="I32" s="191">
        <v>115</v>
      </c>
      <c r="J32" s="191">
        <v>0</v>
      </c>
      <c r="K32" s="191">
        <v>17</v>
      </c>
      <c r="L32" s="196">
        <v>443</v>
      </c>
      <c r="M32" s="195">
        <v>443</v>
      </c>
      <c r="N32" s="191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24</v>
      </c>
      <c r="U32" s="191">
        <v>0</v>
      </c>
      <c r="V32" s="191">
        <v>0</v>
      </c>
      <c r="W32" s="196">
        <v>24</v>
      </c>
      <c r="X32" s="195">
        <v>24</v>
      </c>
    </row>
    <row r="33" spans="2:24" ht="21" customHeight="1" x14ac:dyDescent="0.2">
      <c r="B33" s="106" t="s">
        <v>31</v>
      </c>
      <c r="C33" s="191">
        <v>0</v>
      </c>
      <c r="D33" s="191">
        <v>0</v>
      </c>
      <c r="E33" s="196">
        <v>0</v>
      </c>
      <c r="F33" s="193">
        <v>0</v>
      </c>
      <c r="G33" s="191">
        <v>110</v>
      </c>
      <c r="H33" s="191">
        <v>133</v>
      </c>
      <c r="I33" s="191">
        <v>57</v>
      </c>
      <c r="J33" s="191">
        <v>3</v>
      </c>
      <c r="K33" s="191">
        <v>0</v>
      </c>
      <c r="L33" s="196">
        <v>303</v>
      </c>
      <c r="M33" s="195">
        <v>303</v>
      </c>
      <c r="N33" s="191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18</v>
      </c>
      <c r="U33" s="191">
        <v>15</v>
      </c>
      <c r="V33" s="191">
        <v>0</v>
      </c>
      <c r="W33" s="196">
        <v>33</v>
      </c>
      <c r="X33" s="195">
        <v>33</v>
      </c>
    </row>
    <row r="34" spans="2:24" ht="21" customHeight="1" x14ac:dyDescent="0.2">
      <c r="B34" s="106" t="s">
        <v>32</v>
      </c>
      <c r="C34" s="191">
        <v>0</v>
      </c>
      <c r="D34" s="191">
        <v>0</v>
      </c>
      <c r="E34" s="196">
        <v>0</v>
      </c>
      <c r="F34" s="193">
        <v>0</v>
      </c>
      <c r="G34" s="191">
        <v>403</v>
      </c>
      <c r="H34" s="191">
        <v>280</v>
      </c>
      <c r="I34" s="191">
        <v>103</v>
      </c>
      <c r="J34" s="191">
        <v>51</v>
      </c>
      <c r="K34" s="191">
        <v>33</v>
      </c>
      <c r="L34" s="196">
        <v>870</v>
      </c>
      <c r="M34" s="195">
        <v>870</v>
      </c>
      <c r="N34" s="191">
        <v>0</v>
      </c>
      <c r="O34" s="191">
        <v>0</v>
      </c>
      <c r="P34" s="196">
        <v>0</v>
      </c>
      <c r="Q34" s="193">
        <v>0</v>
      </c>
      <c r="R34" s="191">
        <v>47</v>
      </c>
      <c r="S34" s="191">
        <v>0</v>
      </c>
      <c r="T34" s="191">
        <v>44</v>
      </c>
      <c r="U34" s="191">
        <v>0</v>
      </c>
      <c r="V34" s="191">
        <v>12</v>
      </c>
      <c r="W34" s="196">
        <v>103</v>
      </c>
      <c r="X34" s="195">
        <v>103</v>
      </c>
    </row>
    <row r="35" spans="2:24" ht="21" customHeight="1" x14ac:dyDescent="0.2">
      <c r="B35" s="106" t="s">
        <v>33</v>
      </c>
      <c r="C35" s="191">
        <v>0</v>
      </c>
      <c r="D35" s="191">
        <v>0</v>
      </c>
      <c r="E35" s="196">
        <v>0</v>
      </c>
      <c r="F35" s="193">
        <v>0</v>
      </c>
      <c r="G35" s="191">
        <v>222</v>
      </c>
      <c r="H35" s="191">
        <v>148</v>
      </c>
      <c r="I35" s="191">
        <v>64</v>
      </c>
      <c r="J35" s="191">
        <v>0</v>
      </c>
      <c r="K35" s="191">
        <v>7</v>
      </c>
      <c r="L35" s="196">
        <v>441</v>
      </c>
      <c r="M35" s="195">
        <v>441</v>
      </c>
      <c r="N35" s="191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</row>
    <row r="36" spans="2:24" ht="21" customHeight="1" x14ac:dyDescent="0.2">
      <c r="B36" s="106" t="s">
        <v>34</v>
      </c>
      <c r="C36" s="191">
        <v>0</v>
      </c>
      <c r="D36" s="191">
        <v>0</v>
      </c>
      <c r="E36" s="196">
        <v>0</v>
      </c>
      <c r="F36" s="193">
        <v>0</v>
      </c>
      <c r="G36" s="191">
        <v>103</v>
      </c>
      <c r="H36" s="191">
        <v>28</v>
      </c>
      <c r="I36" s="191">
        <v>19</v>
      </c>
      <c r="J36" s="191">
        <v>4</v>
      </c>
      <c r="K36" s="191">
        <v>18</v>
      </c>
      <c r="L36" s="196">
        <v>172</v>
      </c>
      <c r="M36" s="195">
        <v>172</v>
      </c>
      <c r="N36" s="191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5</v>
      </c>
      <c r="W36" s="196">
        <v>5</v>
      </c>
      <c r="X36" s="195">
        <v>5</v>
      </c>
    </row>
    <row r="37" spans="2:24" ht="21" customHeight="1" x14ac:dyDescent="0.2">
      <c r="B37" s="106" t="s">
        <v>35</v>
      </c>
      <c r="C37" s="191">
        <v>0</v>
      </c>
      <c r="D37" s="191">
        <v>0</v>
      </c>
      <c r="E37" s="196">
        <v>0</v>
      </c>
      <c r="F37" s="193">
        <v>0</v>
      </c>
      <c r="G37" s="191">
        <v>160</v>
      </c>
      <c r="H37" s="191">
        <v>168</v>
      </c>
      <c r="I37" s="191">
        <v>203</v>
      </c>
      <c r="J37" s="191">
        <v>74</v>
      </c>
      <c r="K37" s="191">
        <v>30</v>
      </c>
      <c r="L37" s="196">
        <v>635</v>
      </c>
      <c r="M37" s="195">
        <v>635</v>
      </c>
      <c r="N37" s="191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</row>
    <row r="38" spans="2:24" ht="21" customHeight="1" x14ac:dyDescent="0.2">
      <c r="B38" s="106" t="s">
        <v>36</v>
      </c>
      <c r="C38" s="191">
        <v>0</v>
      </c>
      <c r="D38" s="191">
        <v>0</v>
      </c>
      <c r="E38" s="196">
        <v>0</v>
      </c>
      <c r="F38" s="193">
        <v>0</v>
      </c>
      <c r="G38" s="191">
        <v>453</v>
      </c>
      <c r="H38" s="191">
        <v>371</v>
      </c>
      <c r="I38" s="191">
        <v>539</v>
      </c>
      <c r="J38" s="191">
        <v>239</v>
      </c>
      <c r="K38" s="191">
        <v>280</v>
      </c>
      <c r="L38" s="196">
        <v>1882</v>
      </c>
      <c r="M38" s="195">
        <v>1882</v>
      </c>
      <c r="N38" s="191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</row>
    <row r="39" spans="2:24" ht="21" customHeight="1" thickBot="1" x14ac:dyDescent="0.25">
      <c r="B39" s="108" t="s">
        <v>37</v>
      </c>
      <c r="C39" s="198">
        <v>0</v>
      </c>
      <c r="D39" s="198">
        <v>0</v>
      </c>
      <c r="E39" s="203">
        <v>0</v>
      </c>
      <c r="F39" s="200">
        <v>0</v>
      </c>
      <c r="G39" s="198">
        <v>101</v>
      </c>
      <c r="H39" s="198">
        <v>91</v>
      </c>
      <c r="I39" s="198">
        <v>77</v>
      </c>
      <c r="J39" s="198">
        <v>18</v>
      </c>
      <c r="K39" s="198">
        <v>16</v>
      </c>
      <c r="L39" s="203">
        <v>303</v>
      </c>
      <c r="M39" s="202">
        <v>303</v>
      </c>
      <c r="N39" s="198">
        <v>0</v>
      </c>
      <c r="O39" s="198">
        <v>0</v>
      </c>
      <c r="P39" s="203">
        <v>0</v>
      </c>
      <c r="Q39" s="200">
        <v>0</v>
      </c>
      <c r="R39" s="198">
        <v>4</v>
      </c>
      <c r="S39" s="198">
        <v>0</v>
      </c>
      <c r="T39" s="198">
        <v>0</v>
      </c>
      <c r="U39" s="198">
        <v>0</v>
      </c>
      <c r="V39" s="198">
        <v>0</v>
      </c>
      <c r="W39" s="203">
        <v>4</v>
      </c>
      <c r="X39" s="202">
        <v>4</v>
      </c>
    </row>
  </sheetData>
  <mergeCells count="11">
    <mergeCell ref="B3:B5"/>
    <mergeCell ref="C3:M3"/>
    <mergeCell ref="C4:E4"/>
    <mergeCell ref="F4:L4"/>
    <mergeCell ref="M4:M5"/>
    <mergeCell ref="N3:X3"/>
    <mergeCell ref="N4:P4"/>
    <mergeCell ref="Q4:W4"/>
    <mergeCell ref="X4:X5"/>
    <mergeCell ref="H1:I1"/>
    <mergeCell ref="K1:L1"/>
  </mergeCells>
  <phoneticPr fontId="4"/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Footer>&amp;L&amp;20&amp;A&amp;C&amp;P/&amp;N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X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" style="175" customWidth="1"/>
    <col min="6" max="6" width="7.77734375" style="175" customWidth="1"/>
    <col min="7" max="7" width="10.77734375" style="175" customWidth="1"/>
    <col min="8" max="16" width="9" style="175"/>
    <col min="17" max="17" width="7.6640625" style="175" customWidth="1"/>
    <col min="18" max="16384" width="9" style="175"/>
  </cols>
  <sheetData>
    <row r="1" spans="2:24" ht="24" customHeight="1" x14ac:dyDescent="0.2">
      <c r="B1" s="142" t="s">
        <v>123</v>
      </c>
      <c r="H1" s="442">
        <f>第１表!F2</f>
        <v>7</v>
      </c>
      <c r="I1" s="442"/>
      <c r="J1" s="18">
        <f>第１表!G2</f>
        <v>2</v>
      </c>
      <c r="K1" s="447">
        <f>IF(J1&lt;3,J1+12-2,J1-2)</f>
        <v>12</v>
      </c>
      <c r="L1" s="447"/>
    </row>
    <row r="2" spans="2:24" ht="24" customHeight="1" thickBot="1" x14ac:dyDescent="0.25">
      <c r="B2" s="142" t="s">
        <v>131</v>
      </c>
    </row>
    <row r="3" spans="2:24" ht="21" customHeight="1" x14ac:dyDescent="0.2">
      <c r="B3" s="465"/>
      <c r="C3" s="466" t="s">
        <v>139</v>
      </c>
      <c r="D3" s="466"/>
      <c r="E3" s="466"/>
      <c r="F3" s="466"/>
      <c r="G3" s="466"/>
      <c r="H3" s="466"/>
      <c r="I3" s="466"/>
      <c r="J3" s="466"/>
      <c r="K3" s="466"/>
      <c r="L3" s="466"/>
      <c r="M3" s="496"/>
      <c r="N3" s="466" t="s">
        <v>112</v>
      </c>
      <c r="O3" s="466"/>
      <c r="P3" s="466"/>
      <c r="Q3" s="466"/>
      <c r="R3" s="466"/>
      <c r="S3" s="466"/>
      <c r="T3" s="466"/>
      <c r="U3" s="466"/>
      <c r="V3" s="466"/>
      <c r="W3" s="466"/>
      <c r="X3" s="496"/>
    </row>
    <row r="4" spans="2:24" ht="21" customHeight="1" x14ac:dyDescent="0.2">
      <c r="B4" s="502"/>
      <c r="C4" s="497" t="s">
        <v>61</v>
      </c>
      <c r="D4" s="497"/>
      <c r="E4" s="498"/>
      <c r="F4" s="499" t="s">
        <v>62</v>
      </c>
      <c r="G4" s="497"/>
      <c r="H4" s="497"/>
      <c r="I4" s="497"/>
      <c r="J4" s="497"/>
      <c r="K4" s="497"/>
      <c r="L4" s="500"/>
      <c r="M4" s="501" t="s">
        <v>52</v>
      </c>
      <c r="N4" s="497" t="s">
        <v>61</v>
      </c>
      <c r="O4" s="497"/>
      <c r="P4" s="498"/>
      <c r="Q4" s="499" t="s">
        <v>62</v>
      </c>
      <c r="R4" s="497"/>
      <c r="S4" s="497"/>
      <c r="T4" s="497"/>
      <c r="U4" s="497"/>
      <c r="V4" s="497"/>
      <c r="W4" s="500"/>
      <c r="X4" s="501" t="s">
        <v>52</v>
      </c>
    </row>
    <row r="5" spans="2:24" ht="30" customHeight="1" thickBot="1" x14ac:dyDescent="0.25">
      <c r="B5" s="503"/>
      <c r="C5" s="178" t="s">
        <v>43</v>
      </c>
      <c r="D5" s="178" t="s">
        <v>44</v>
      </c>
      <c r="E5" s="182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2" t="s">
        <v>45</v>
      </c>
      <c r="M5" s="470"/>
      <c r="N5" s="178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</row>
    <row r="6" spans="2:24" ht="21" customHeight="1" x14ac:dyDescent="0.2">
      <c r="B6" s="84" t="s">
        <v>4</v>
      </c>
      <c r="C6" s="184">
        <v>0</v>
      </c>
      <c r="D6" s="184">
        <v>0</v>
      </c>
      <c r="E6" s="189">
        <v>0</v>
      </c>
      <c r="F6" s="186">
        <v>0</v>
      </c>
      <c r="G6" s="184">
        <v>6719</v>
      </c>
      <c r="H6" s="184">
        <v>6702</v>
      </c>
      <c r="I6" s="184">
        <v>3376</v>
      </c>
      <c r="J6" s="184">
        <v>1483</v>
      </c>
      <c r="K6" s="184">
        <v>661</v>
      </c>
      <c r="L6" s="189">
        <v>18941</v>
      </c>
      <c r="M6" s="188">
        <v>18941</v>
      </c>
      <c r="N6" s="184">
        <v>0</v>
      </c>
      <c r="O6" s="184">
        <v>0</v>
      </c>
      <c r="P6" s="189">
        <v>0</v>
      </c>
      <c r="Q6" s="186">
        <v>0</v>
      </c>
      <c r="R6" s="184">
        <v>474</v>
      </c>
      <c r="S6" s="184">
        <v>720</v>
      </c>
      <c r="T6" s="184">
        <v>641</v>
      </c>
      <c r="U6" s="184">
        <v>350</v>
      </c>
      <c r="V6" s="184">
        <v>154</v>
      </c>
      <c r="W6" s="189">
        <v>2339</v>
      </c>
      <c r="X6" s="188">
        <v>2339</v>
      </c>
    </row>
    <row r="7" spans="2:24" ht="21" customHeight="1" x14ac:dyDescent="0.2">
      <c r="B7" s="95" t="s">
        <v>5</v>
      </c>
      <c r="C7" s="191">
        <v>0</v>
      </c>
      <c r="D7" s="191">
        <v>0</v>
      </c>
      <c r="E7" s="196">
        <v>0</v>
      </c>
      <c r="F7" s="193">
        <v>0</v>
      </c>
      <c r="G7" s="191">
        <v>2457</v>
      </c>
      <c r="H7" s="191">
        <v>3204</v>
      </c>
      <c r="I7" s="191">
        <v>1924</v>
      </c>
      <c r="J7" s="191">
        <v>710</v>
      </c>
      <c r="K7" s="191">
        <v>324</v>
      </c>
      <c r="L7" s="196">
        <v>8619</v>
      </c>
      <c r="M7" s="195">
        <v>8619</v>
      </c>
      <c r="N7" s="191">
        <v>0</v>
      </c>
      <c r="O7" s="191">
        <v>0</v>
      </c>
      <c r="P7" s="196">
        <v>0</v>
      </c>
      <c r="Q7" s="193">
        <v>0</v>
      </c>
      <c r="R7" s="191">
        <v>289</v>
      </c>
      <c r="S7" s="191">
        <v>419</v>
      </c>
      <c r="T7" s="191">
        <v>365</v>
      </c>
      <c r="U7" s="191">
        <v>177</v>
      </c>
      <c r="V7" s="191">
        <v>68</v>
      </c>
      <c r="W7" s="196">
        <v>1318</v>
      </c>
      <c r="X7" s="195">
        <v>1318</v>
      </c>
    </row>
    <row r="8" spans="2:24" ht="21" customHeight="1" x14ac:dyDescent="0.2">
      <c r="B8" s="106" t="s">
        <v>6</v>
      </c>
      <c r="C8" s="191">
        <v>0</v>
      </c>
      <c r="D8" s="191">
        <v>0</v>
      </c>
      <c r="E8" s="196">
        <v>0</v>
      </c>
      <c r="F8" s="193">
        <v>0</v>
      </c>
      <c r="G8" s="191">
        <v>771</v>
      </c>
      <c r="H8" s="191">
        <v>547</v>
      </c>
      <c r="I8" s="191">
        <v>268</v>
      </c>
      <c r="J8" s="191">
        <v>165</v>
      </c>
      <c r="K8" s="191">
        <v>144</v>
      </c>
      <c r="L8" s="196">
        <v>1895</v>
      </c>
      <c r="M8" s="195">
        <v>1895</v>
      </c>
      <c r="N8" s="191">
        <v>0</v>
      </c>
      <c r="O8" s="191">
        <v>0</v>
      </c>
      <c r="P8" s="196">
        <v>0</v>
      </c>
      <c r="Q8" s="193">
        <v>0</v>
      </c>
      <c r="R8" s="191">
        <v>49</v>
      </c>
      <c r="S8" s="191">
        <v>138</v>
      </c>
      <c r="T8" s="191">
        <v>67</v>
      </c>
      <c r="U8" s="191">
        <v>52</v>
      </c>
      <c r="V8" s="191">
        <v>31</v>
      </c>
      <c r="W8" s="196">
        <v>337</v>
      </c>
      <c r="X8" s="195">
        <v>337</v>
      </c>
    </row>
    <row r="9" spans="2:24" ht="21" customHeight="1" x14ac:dyDescent="0.2">
      <c r="B9" s="106" t="s">
        <v>14</v>
      </c>
      <c r="C9" s="191">
        <v>0</v>
      </c>
      <c r="D9" s="191">
        <v>0</v>
      </c>
      <c r="E9" s="196">
        <v>0</v>
      </c>
      <c r="F9" s="193">
        <v>0</v>
      </c>
      <c r="G9" s="191">
        <v>569</v>
      </c>
      <c r="H9" s="191">
        <v>621</v>
      </c>
      <c r="I9" s="191">
        <v>335</v>
      </c>
      <c r="J9" s="191">
        <v>183</v>
      </c>
      <c r="K9" s="191">
        <v>19</v>
      </c>
      <c r="L9" s="196">
        <v>1727</v>
      </c>
      <c r="M9" s="195">
        <v>1727</v>
      </c>
      <c r="N9" s="191">
        <v>0</v>
      </c>
      <c r="O9" s="191">
        <v>0</v>
      </c>
      <c r="P9" s="196">
        <v>0</v>
      </c>
      <c r="Q9" s="193">
        <v>0</v>
      </c>
      <c r="R9" s="191">
        <v>19</v>
      </c>
      <c r="S9" s="191">
        <v>9</v>
      </c>
      <c r="T9" s="191">
        <v>0</v>
      </c>
      <c r="U9" s="191">
        <v>0</v>
      </c>
      <c r="V9" s="191">
        <v>0</v>
      </c>
      <c r="W9" s="196">
        <v>28</v>
      </c>
      <c r="X9" s="195">
        <v>28</v>
      </c>
    </row>
    <row r="10" spans="2:24" ht="21" customHeight="1" x14ac:dyDescent="0.2">
      <c r="B10" s="106" t="s">
        <v>7</v>
      </c>
      <c r="C10" s="191">
        <v>0</v>
      </c>
      <c r="D10" s="191">
        <v>0</v>
      </c>
      <c r="E10" s="196">
        <v>0</v>
      </c>
      <c r="F10" s="193">
        <v>0</v>
      </c>
      <c r="G10" s="191">
        <v>525</v>
      </c>
      <c r="H10" s="191">
        <v>503</v>
      </c>
      <c r="I10" s="191">
        <v>160</v>
      </c>
      <c r="J10" s="191">
        <v>44</v>
      </c>
      <c r="K10" s="191">
        <v>0</v>
      </c>
      <c r="L10" s="196">
        <v>1232</v>
      </c>
      <c r="M10" s="195">
        <v>1232</v>
      </c>
      <c r="N10" s="191">
        <v>0</v>
      </c>
      <c r="O10" s="191">
        <v>0</v>
      </c>
      <c r="P10" s="196">
        <v>0</v>
      </c>
      <c r="Q10" s="193">
        <v>0</v>
      </c>
      <c r="R10" s="191">
        <v>52</v>
      </c>
      <c r="S10" s="191">
        <v>76</v>
      </c>
      <c r="T10" s="191">
        <v>59</v>
      </c>
      <c r="U10" s="191">
        <v>28</v>
      </c>
      <c r="V10" s="191">
        <v>4</v>
      </c>
      <c r="W10" s="196">
        <v>219</v>
      </c>
      <c r="X10" s="195">
        <v>219</v>
      </c>
    </row>
    <row r="11" spans="2:24" ht="21" customHeight="1" x14ac:dyDescent="0.2">
      <c r="B11" s="106" t="s">
        <v>8</v>
      </c>
      <c r="C11" s="191">
        <v>0</v>
      </c>
      <c r="D11" s="191">
        <v>0</v>
      </c>
      <c r="E11" s="196">
        <v>0</v>
      </c>
      <c r="F11" s="193">
        <v>0</v>
      </c>
      <c r="G11" s="191">
        <v>178</v>
      </c>
      <c r="H11" s="191">
        <v>314</v>
      </c>
      <c r="I11" s="191">
        <v>85</v>
      </c>
      <c r="J11" s="191">
        <v>65</v>
      </c>
      <c r="K11" s="191">
        <v>6</v>
      </c>
      <c r="L11" s="196">
        <v>648</v>
      </c>
      <c r="M11" s="195">
        <v>648</v>
      </c>
      <c r="N11" s="191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0</v>
      </c>
      <c r="T11" s="191">
        <v>0</v>
      </c>
      <c r="U11" s="191">
        <v>0</v>
      </c>
      <c r="V11" s="191">
        <v>0</v>
      </c>
      <c r="W11" s="196">
        <v>0</v>
      </c>
      <c r="X11" s="195">
        <v>0</v>
      </c>
    </row>
    <row r="12" spans="2:24" ht="21" customHeight="1" x14ac:dyDescent="0.2">
      <c r="B12" s="106" t="s">
        <v>9</v>
      </c>
      <c r="C12" s="191">
        <v>0</v>
      </c>
      <c r="D12" s="191">
        <v>0</v>
      </c>
      <c r="E12" s="196">
        <v>0</v>
      </c>
      <c r="F12" s="193">
        <v>0</v>
      </c>
      <c r="G12" s="191">
        <v>352</v>
      </c>
      <c r="H12" s="191">
        <v>203</v>
      </c>
      <c r="I12" s="191">
        <v>73</v>
      </c>
      <c r="J12" s="191">
        <v>37</v>
      </c>
      <c r="K12" s="191">
        <v>40</v>
      </c>
      <c r="L12" s="196">
        <v>705</v>
      </c>
      <c r="M12" s="195">
        <v>705</v>
      </c>
      <c r="N12" s="191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5</v>
      </c>
      <c r="T12" s="191">
        <v>0</v>
      </c>
      <c r="U12" s="191">
        <v>0</v>
      </c>
      <c r="V12" s="191">
        <v>11</v>
      </c>
      <c r="W12" s="196">
        <v>16</v>
      </c>
      <c r="X12" s="195">
        <v>16</v>
      </c>
    </row>
    <row r="13" spans="2:24" ht="21" customHeight="1" x14ac:dyDescent="0.2">
      <c r="B13" s="106" t="s">
        <v>10</v>
      </c>
      <c r="C13" s="191">
        <v>0</v>
      </c>
      <c r="D13" s="191">
        <v>0</v>
      </c>
      <c r="E13" s="196">
        <v>0</v>
      </c>
      <c r="F13" s="193">
        <v>0</v>
      </c>
      <c r="G13" s="191">
        <v>286</v>
      </c>
      <c r="H13" s="191">
        <v>117</v>
      </c>
      <c r="I13" s="191">
        <v>35</v>
      </c>
      <c r="J13" s="191">
        <v>48</v>
      </c>
      <c r="K13" s="191">
        <v>25</v>
      </c>
      <c r="L13" s="196">
        <v>511</v>
      </c>
      <c r="M13" s="195">
        <v>511</v>
      </c>
      <c r="N13" s="191">
        <v>0</v>
      </c>
      <c r="O13" s="191">
        <v>0</v>
      </c>
      <c r="P13" s="196">
        <v>0</v>
      </c>
      <c r="Q13" s="193">
        <v>0</v>
      </c>
      <c r="R13" s="191">
        <v>30</v>
      </c>
      <c r="S13" s="191">
        <v>10</v>
      </c>
      <c r="T13" s="191">
        <v>8</v>
      </c>
      <c r="U13" s="191">
        <v>0</v>
      </c>
      <c r="V13" s="191">
        <v>0</v>
      </c>
      <c r="W13" s="196">
        <v>48</v>
      </c>
      <c r="X13" s="195">
        <v>48</v>
      </c>
    </row>
    <row r="14" spans="2:24" ht="21" customHeight="1" x14ac:dyDescent="0.2">
      <c r="B14" s="106" t="s">
        <v>11</v>
      </c>
      <c r="C14" s="191">
        <v>0</v>
      </c>
      <c r="D14" s="191">
        <v>0</v>
      </c>
      <c r="E14" s="196">
        <v>0</v>
      </c>
      <c r="F14" s="193">
        <v>0</v>
      </c>
      <c r="G14" s="191">
        <v>218</v>
      </c>
      <c r="H14" s="191">
        <v>50</v>
      </c>
      <c r="I14" s="191">
        <v>60</v>
      </c>
      <c r="J14" s="191">
        <v>25</v>
      </c>
      <c r="K14" s="191">
        <v>12</v>
      </c>
      <c r="L14" s="196">
        <v>365</v>
      </c>
      <c r="M14" s="195">
        <v>365</v>
      </c>
      <c r="N14" s="191">
        <v>0</v>
      </c>
      <c r="O14" s="191">
        <v>0</v>
      </c>
      <c r="P14" s="196">
        <v>0</v>
      </c>
      <c r="Q14" s="193">
        <v>0</v>
      </c>
      <c r="R14" s="191">
        <v>11</v>
      </c>
      <c r="S14" s="191">
        <v>6</v>
      </c>
      <c r="T14" s="191">
        <v>25</v>
      </c>
      <c r="U14" s="191">
        <v>0</v>
      </c>
      <c r="V14" s="191">
        <v>0</v>
      </c>
      <c r="W14" s="196">
        <v>42</v>
      </c>
      <c r="X14" s="195">
        <v>42</v>
      </c>
    </row>
    <row r="15" spans="2:24" ht="21" customHeight="1" x14ac:dyDescent="0.2">
      <c r="B15" s="106" t="s">
        <v>12</v>
      </c>
      <c r="C15" s="191">
        <v>0</v>
      </c>
      <c r="D15" s="191">
        <v>0</v>
      </c>
      <c r="E15" s="196">
        <v>0</v>
      </c>
      <c r="F15" s="193">
        <v>0</v>
      </c>
      <c r="G15" s="191">
        <v>171</v>
      </c>
      <c r="H15" s="191">
        <v>149</v>
      </c>
      <c r="I15" s="191">
        <v>95</v>
      </c>
      <c r="J15" s="191">
        <v>61</v>
      </c>
      <c r="K15" s="191">
        <v>31</v>
      </c>
      <c r="L15" s="196">
        <v>507</v>
      </c>
      <c r="M15" s="195">
        <v>507</v>
      </c>
      <c r="N15" s="191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</row>
    <row r="16" spans="2:24" ht="21" customHeight="1" x14ac:dyDescent="0.2">
      <c r="B16" s="106" t="s">
        <v>13</v>
      </c>
      <c r="C16" s="191">
        <v>0</v>
      </c>
      <c r="D16" s="191">
        <v>0</v>
      </c>
      <c r="E16" s="196">
        <v>0</v>
      </c>
      <c r="F16" s="193">
        <v>0</v>
      </c>
      <c r="G16" s="191">
        <v>117</v>
      </c>
      <c r="H16" s="191">
        <v>140</v>
      </c>
      <c r="I16" s="191">
        <v>50</v>
      </c>
      <c r="J16" s="191">
        <v>1</v>
      </c>
      <c r="K16" s="191">
        <v>0</v>
      </c>
      <c r="L16" s="196">
        <v>308</v>
      </c>
      <c r="M16" s="195">
        <v>308</v>
      </c>
      <c r="N16" s="191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5</v>
      </c>
      <c r="T16" s="191">
        <v>8</v>
      </c>
      <c r="U16" s="191">
        <v>0</v>
      </c>
      <c r="V16" s="191">
        <v>11</v>
      </c>
      <c r="W16" s="196">
        <v>24</v>
      </c>
      <c r="X16" s="195">
        <v>24</v>
      </c>
    </row>
    <row r="17" spans="2:24" ht="21" customHeight="1" x14ac:dyDescent="0.2">
      <c r="B17" s="106" t="s">
        <v>15</v>
      </c>
      <c r="C17" s="191">
        <v>0</v>
      </c>
      <c r="D17" s="191">
        <v>0</v>
      </c>
      <c r="E17" s="196">
        <v>0</v>
      </c>
      <c r="F17" s="193">
        <v>0</v>
      </c>
      <c r="G17" s="191">
        <v>101</v>
      </c>
      <c r="H17" s="191">
        <v>99</v>
      </c>
      <c r="I17" s="191">
        <v>7</v>
      </c>
      <c r="J17" s="191">
        <v>34</v>
      </c>
      <c r="K17" s="191">
        <v>0</v>
      </c>
      <c r="L17" s="196">
        <v>241</v>
      </c>
      <c r="M17" s="195">
        <v>241</v>
      </c>
      <c r="N17" s="191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7</v>
      </c>
      <c r="V17" s="191">
        <v>0</v>
      </c>
      <c r="W17" s="196">
        <v>7</v>
      </c>
      <c r="X17" s="195">
        <v>7</v>
      </c>
    </row>
    <row r="18" spans="2:24" ht="21" customHeight="1" x14ac:dyDescent="0.2">
      <c r="B18" s="106" t="s">
        <v>16</v>
      </c>
      <c r="C18" s="191">
        <v>0</v>
      </c>
      <c r="D18" s="191">
        <v>0</v>
      </c>
      <c r="E18" s="196">
        <v>0</v>
      </c>
      <c r="F18" s="193">
        <v>0</v>
      </c>
      <c r="G18" s="191">
        <v>66</v>
      </c>
      <c r="H18" s="191">
        <v>87</v>
      </c>
      <c r="I18" s="191">
        <v>27</v>
      </c>
      <c r="J18" s="191">
        <v>10</v>
      </c>
      <c r="K18" s="191">
        <v>0</v>
      </c>
      <c r="L18" s="196">
        <v>190</v>
      </c>
      <c r="M18" s="195">
        <v>190</v>
      </c>
      <c r="N18" s="191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0</v>
      </c>
      <c r="T18" s="191">
        <v>40</v>
      </c>
      <c r="U18" s="191">
        <v>0</v>
      </c>
      <c r="V18" s="191">
        <v>0</v>
      </c>
      <c r="W18" s="196">
        <v>40</v>
      </c>
      <c r="X18" s="195">
        <v>40</v>
      </c>
    </row>
    <row r="19" spans="2:24" ht="21" customHeight="1" x14ac:dyDescent="0.2">
      <c r="B19" s="106" t="s">
        <v>17</v>
      </c>
      <c r="C19" s="191">
        <v>0</v>
      </c>
      <c r="D19" s="191">
        <v>0</v>
      </c>
      <c r="E19" s="196">
        <v>0</v>
      </c>
      <c r="F19" s="193">
        <v>0</v>
      </c>
      <c r="G19" s="191">
        <v>179</v>
      </c>
      <c r="H19" s="191">
        <v>206</v>
      </c>
      <c r="I19" s="191">
        <v>65</v>
      </c>
      <c r="J19" s="191">
        <v>31</v>
      </c>
      <c r="K19" s="191">
        <v>27</v>
      </c>
      <c r="L19" s="196">
        <v>508</v>
      </c>
      <c r="M19" s="195">
        <v>508</v>
      </c>
      <c r="N19" s="191">
        <v>0</v>
      </c>
      <c r="O19" s="191">
        <v>0</v>
      </c>
      <c r="P19" s="196">
        <v>0</v>
      </c>
      <c r="Q19" s="193">
        <v>0</v>
      </c>
      <c r="R19" s="191">
        <v>8</v>
      </c>
      <c r="S19" s="191">
        <v>11</v>
      </c>
      <c r="T19" s="191">
        <v>0</v>
      </c>
      <c r="U19" s="191">
        <v>0</v>
      </c>
      <c r="V19" s="191">
        <v>0</v>
      </c>
      <c r="W19" s="196">
        <v>19</v>
      </c>
      <c r="X19" s="195">
        <v>19</v>
      </c>
    </row>
    <row r="20" spans="2:24" ht="21" customHeight="1" x14ac:dyDescent="0.2">
      <c r="B20" s="106" t="s">
        <v>18</v>
      </c>
      <c r="C20" s="191">
        <v>0</v>
      </c>
      <c r="D20" s="191">
        <v>0</v>
      </c>
      <c r="E20" s="196">
        <v>0</v>
      </c>
      <c r="F20" s="193">
        <v>0</v>
      </c>
      <c r="G20" s="191">
        <v>152</v>
      </c>
      <c r="H20" s="191">
        <v>99</v>
      </c>
      <c r="I20" s="191">
        <v>49</v>
      </c>
      <c r="J20" s="191">
        <v>0</v>
      </c>
      <c r="K20" s="191">
        <v>0</v>
      </c>
      <c r="L20" s="196">
        <v>300</v>
      </c>
      <c r="M20" s="195">
        <v>300</v>
      </c>
      <c r="N20" s="191">
        <v>0</v>
      </c>
      <c r="O20" s="191">
        <v>0</v>
      </c>
      <c r="P20" s="196">
        <v>0</v>
      </c>
      <c r="Q20" s="193">
        <v>0</v>
      </c>
      <c r="R20" s="191">
        <v>5</v>
      </c>
      <c r="S20" s="191">
        <v>5</v>
      </c>
      <c r="T20" s="191">
        <v>25</v>
      </c>
      <c r="U20" s="191">
        <v>40</v>
      </c>
      <c r="V20" s="191">
        <v>21</v>
      </c>
      <c r="W20" s="196">
        <v>96</v>
      </c>
      <c r="X20" s="195">
        <v>96</v>
      </c>
    </row>
    <row r="21" spans="2:24" ht="21" customHeight="1" x14ac:dyDescent="0.2">
      <c r="B21" s="106" t="s">
        <v>19</v>
      </c>
      <c r="C21" s="191">
        <v>0</v>
      </c>
      <c r="D21" s="191">
        <v>0</v>
      </c>
      <c r="E21" s="196">
        <v>0</v>
      </c>
      <c r="F21" s="193">
        <v>0</v>
      </c>
      <c r="G21" s="191">
        <v>48</v>
      </c>
      <c r="H21" s="191">
        <v>11</v>
      </c>
      <c r="I21" s="191">
        <v>0</v>
      </c>
      <c r="J21" s="191">
        <v>0</v>
      </c>
      <c r="K21" s="191">
        <v>0</v>
      </c>
      <c r="L21" s="196">
        <v>59</v>
      </c>
      <c r="M21" s="195">
        <v>59</v>
      </c>
      <c r="N21" s="191">
        <v>0</v>
      </c>
      <c r="O21" s="191">
        <v>0</v>
      </c>
      <c r="P21" s="196">
        <v>0</v>
      </c>
      <c r="Q21" s="193">
        <v>0</v>
      </c>
      <c r="R21" s="191">
        <v>11</v>
      </c>
      <c r="S21" s="191">
        <v>20</v>
      </c>
      <c r="T21" s="191">
        <v>0</v>
      </c>
      <c r="U21" s="191">
        <v>9</v>
      </c>
      <c r="V21" s="191">
        <v>0</v>
      </c>
      <c r="W21" s="196">
        <v>40</v>
      </c>
      <c r="X21" s="195">
        <v>40</v>
      </c>
    </row>
    <row r="22" spans="2:24" ht="21" customHeight="1" x14ac:dyDescent="0.2">
      <c r="B22" s="106" t="s">
        <v>20</v>
      </c>
      <c r="C22" s="191">
        <v>0</v>
      </c>
      <c r="D22" s="191">
        <v>0</v>
      </c>
      <c r="E22" s="196">
        <v>0</v>
      </c>
      <c r="F22" s="193">
        <v>0</v>
      </c>
      <c r="G22" s="191">
        <v>131</v>
      </c>
      <c r="H22" s="191">
        <v>134</v>
      </c>
      <c r="I22" s="191">
        <v>53</v>
      </c>
      <c r="J22" s="191">
        <v>17</v>
      </c>
      <c r="K22" s="191">
        <v>0</v>
      </c>
      <c r="L22" s="196">
        <v>335</v>
      </c>
      <c r="M22" s="195">
        <v>335</v>
      </c>
      <c r="N22" s="191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0</v>
      </c>
      <c r="U22" s="191">
        <v>0</v>
      </c>
      <c r="V22" s="191">
        <v>4</v>
      </c>
      <c r="W22" s="196">
        <v>4</v>
      </c>
      <c r="X22" s="195">
        <v>4</v>
      </c>
    </row>
    <row r="23" spans="2:24" ht="21" customHeight="1" x14ac:dyDescent="0.2">
      <c r="B23" s="106" t="s">
        <v>21</v>
      </c>
      <c r="C23" s="191">
        <v>0</v>
      </c>
      <c r="D23" s="191">
        <v>0</v>
      </c>
      <c r="E23" s="196">
        <v>0</v>
      </c>
      <c r="F23" s="193">
        <v>0</v>
      </c>
      <c r="G23" s="191">
        <v>125</v>
      </c>
      <c r="H23" s="191">
        <v>61</v>
      </c>
      <c r="I23" s="191">
        <v>25</v>
      </c>
      <c r="J23" s="191">
        <v>9</v>
      </c>
      <c r="K23" s="191">
        <v>0</v>
      </c>
      <c r="L23" s="196">
        <v>220</v>
      </c>
      <c r="M23" s="195">
        <v>220</v>
      </c>
      <c r="N23" s="191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</row>
    <row r="24" spans="2:24" ht="21" customHeight="1" x14ac:dyDescent="0.2">
      <c r="B24" s="106" t="s">
        <v>22</v>
      </c>
      <c r="C24" s="191">
        <v>0</v>
      </c>
      <c r="D24" s="191">
        <v>0</v>
      </c>
      <c r="E24" s="196">
        <v>0</v>
      </c>
      <c r="F24" s="193">
        <v>0</v>
      </c>
      <c r="G24" s="191">
        <v>59</v>
      </c>
      <c r="H24" s="191">
        <v>32</v>
      </c>
      <c r="I24" s="191">
        <v>23</v>
      </c>
      <c r="J24" s="191">
        <v>0</v>
      </c>
      <c r="K24" s="191">
        <v>25</v>
      </c>
      <c r="L24" s="196">
        <v>139</v>
      </c>
      <c r="M24" s="195">
        <v>139</v>
      </c>
      <c r="N24" s="191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26</v>
      </c>
      <c r="U24" s="191">
        <v>0</v>
      </c>
      <c r="V24" s="191">
        <v>0</v>
      </c>
      <c r="W24" s="196">
        <v>26</v>
      </c>
      <c r="X24" s="195">
        <v>26</v>
      </c>
    </row>
    <row r="25" spans="2:24" ht="21" customHeight="1" x14ac:dyDescent="0.2">
      <c r="B25" s="106" t="s">
        <v>23</v>
      </c>
      <c r="C25" s="191">
        <v>0</v>
      </c>
      <c r="D25" s="191">
        <v>0</v>
      </c>
      <c r="E25" s="196">
        <v>0</v>
      </c>
      <c r="F25" s="193">
        <v>0</v>
      </c>
      <c r="G25" s="191">
        <v>11</v>
      </c>
      <c r="H25" s="191">
        <v>10</v>
      </c>
      <c r="I25" s="191">
        <v>8</v>
      </c>
      <c r="J25" s="191">
        <v>31</v>
      </c>
      <c r="K25" s="191">
        <v>0</v>
      </c>
      <c r="L25" s="196">
        <v>60</v>
      </c>
      <c r="M25" s="195">
        <v>60</v>
      </c>
      <c r="N25" s="191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</row>
    <row r="26" spans="2:24" ht="21" customHeight="1" x14ac:dyDescent="0.2">
      <c r="B26" s="106" t="s">
        <v>24</v>
      </c>
      <c r="C26" s="191">
        <v>0</v>
      </c>
      <c r="D26" s="191">
        <v>0</v>
      </c>
      <c r="E26" s="196">
        <v>0</v>
      </c>
      <c r="F26" s="193">
        <v>0</v>
      </c>
      <c r="G26" s="191">
        <v>28</v>
      </c>
      <c r="H26" s="191">
        <v>11</v>
      </c>
      <c r="I26" s="191">
        <v>4</v>
      </c>
      <c r="J26" s="191">
        <v>0</v>
      </c>
      <c r="K26" s="191">
        <v>8</v>
      </c>
      <c r="L26" s="196">
        <v>51</v>
      </c>
      <c r="M26" s="195">
        <v>51</v>
      </c>
      <c r="N26" s="191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12</v>
      </c>
      <c r="U26" s="191">
        <v>0</v>
      </c>
      <c r="V26" s="191">
        <v>4</v>
      </c>
      <c r="W26" s="196">
        <v>16</v>
      </c>
      <c r="X26" s="195">
        <v>16</v>
      </c>
    </row>
    <row r="27" spans="2:24" ht="21" customHeight="1" x14ac:dyDescent="0.2">
      <c r="B27" s="106" t="s">
        <v>25</v>
      </c>
      <c r="C27" s="191">
        <v>0</v>
      </c>
      <c r="D27" s="191">
        <v>0</v>
      </c>
      <c r="E27" s="196">
        <v>0</v>
      </c>
      <c r="F27" s="193">
        <v>0</v>
      </c>
      <c r="G27" s="191">
        <v>19</v>
      </c>
      <c r="H27" s="191">
        <v>20</v>
      </c>
      <c r="I27" s="191">
        <v>9</v>
      </c>
      <c r="J27" s="191">
        <v>3</v>
      </c>
      <c r="K27" s="191">
        <v>0</v>
      </c>
      <c r="L27" s="196">
        <v>51</v>
      </c>
      <c r="M27" s="195">
        <v>51</v>
      </c>
      <c r="N27" s="191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</row>
    <row r="28" spans="2:24" ht="21" customHeight="1" x14ac:dyDescent="0.2">
      <c r="B28" s="106" t="s">
        <v>26</v>
      </c>
      <c r="C28" s="191">
        <v>0</v>
      </c>
      <c r="D28" s="191">
        <v>0</v>
      </c>
      <c r="E28" s="196">
        <v>0</v>
      </c>
      <c r="F28" s="193">
        <v>0</v>
      </c>
      <c r="G28" s="191">
        <v>41</v>
      </c>
      <c r="H28" s="191">
        <v>17</v>
      </c>
      <c r="I28" s="191">
        <v>11</v>
      </c>
      <c r="J28" s="191">
        <v>9</v>
      </c>
      <c r="K28" s="191">
        <v>0</v>
      </c>
      <c r="L28" s="196">
        <v>78</v>
      </c>
      <c r="M28" s="195">
        <v>78</v>
      </c>
      <c r="N28" s="191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</row>
    <row r="29" spans="2:24" ht="21" customHeight="1" x14ac:dyDescent="0.2">
      <c r="B29" s="106" t="s">
        <v>27</v>
      </c>
      <c r="C29" s="191">
        <v>0</v>
      </c>
      <c r="D29" s="191">
        <v>0</v>
      </c>
      <c r="E29" s="196">
        <v>0</v>
      </c>
      <c r="F29" s="193">
        <v>0</v>
      </c>
      <c r="G29" s="191">
        <v>0</v>
      </c>
      <c r="H29" s="191">
        <v>8</v>
      </c>
      <c r="I29" s="191">
        <v>0</v>
      </c>
      <c r="J29" s="191">
        <v>0</v>
      </c>
      <c r="K29" s="191">
        <v>0</v>
      </c>
      <c r="L29" s="196">
        <v>8</v>
      </c>
      <c r="M29" s="195">
        <v>8</v>
      </c>
      <c r="N29" s="191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8</v>
      </c>
      <c r="T29" s="191">
        <v>6</v>
      </c>
      <c r="U29" s="191">
        <v>22</v>
      </c>
      <c r="V29" s="191">
        <v>0</v>
      </c>
      <c r="W29" s="196">
        <v>36</v>
      </c>
      <c r="X29" s="195">
        <v>36</v>
      </c>
    </row>
    <row r="30" spans="2:24" ht="21" customHeight="1" x14ac:dyDescent="0.2">
      <c r="B30" s="106" t="s">
        <v>28</v>
      </c>
      <c r="C30" s="191">
        <v>0</v>
      </c>
      <c r="D30" s="191">
        <v>0</v>
      </c>
      <c r="E30" s="196">
        <v>0</v>
      </c>
      <c r="F30" s="193">
        <v>0</v>
      </c>
      <c r="G30" s="191">
        <v>33</v>
      </c>
      <c r="H30" s="191">
        <v>2</v>
      </c>
      <c r="I30" s="191">
        <v>0</v>
      </c>
      <c r="J30" s="191">
        <v>0</v>
      </c>
      <c r="K30" s="191">
        <v>0</v>
      </c>
      <c r="L30" s="196">
        <v>35</v>
      </c>
      <c r="M30" s="195">
        <v>35</v>
      </c>
      <c r="N30" s="191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</row>
    <row r="31" spans="2:24" ht="21" customHeight="1" x14ac:dyDescent="0.2">
      <c r="B31" s="106" t="s">
        <v>29</v>
      </c>
      <c r="C31" s="191">
        <v>0</v>
      </c>
      <c r="D31" s="191">
        <v>0</v>
      </c>
      <c r="E31" s="196">
        <v>0</v>
      </c>
      <c r="F31" s="193">
        <v>0</v>
      </c>
      <c r="G31" s="191">
        <v>0</v>
      </c>
      <c r="H31" s="191">
        <v>15</v>
      </c>
      <c r="I31" s="191">
        <v>3</v>
      </c>
      <c r="J31" s="191">
        <v>0</v>
      </c>
      <c r="K31" s="191">
        <v>0</v>
      </c>
      <c r="L31" s="196">
        <v>18</v>
      </c>
      <c r="M31" s="195">
        <v>18</v>
      </c>
      <c r="N31" s="191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8</v>
      </c>
      <c r="T31" s="191">
        <v>0</v>
      </c>
      <c r="U31" s="191">
        <v>0</v>
      </c>
      <c r="V31" s="191">
        <v>0</v>
      </c>
      <c r="W31" s="196">
        <v>8</v>
      </c>
      <c r="X31" s="195">
        <v>8</v>
      </c>
    </row>
    <row r="32" spans="2:24" ht="21" customHeight="1" x14ac:dyDescent="0.2">
      <c r="B32" s="106" t="s">
        <v>30</v>
      </c>
      <c r="C32" s="191">
        <v>0</v>
      </c>
      <c r="D32" s="191">
        <v>0</v>
      </c>
      <c r="E32" s="196">
        <v>0</v>
      </c>
      <c r="F32" s="193">
        <v>0</v>
      </c>
      <c r="G32" s="191">
        <v>0</v>
      </c>
      <c r="H32" s="191">
        <v>0</v>
      </c>
      <c r="I32" s="191">
        <v>7</v>
      </c>
      <c r="J32" s="191">
        <v>0</v>
      </c>
      <c r="K32" s="191">
        <v>0</v>
      </c>
      <c r="L32" s="196">
        <v>7</v>
      </c>
      <c r="M32" s="195">
        <v>7</v>
      </c>
      <c r="N32" s="191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</row>
    <row r="33" spans="2:24" ht="21" customHeight="1" x14ac:dyDescent="0.2">
      <c r="B33" s="106" t="s">
        <v>31</v>
      </c>
      <c r="C33" s="191">
        <v>0</v>
      </c>
      <c r="D33" s="191">
        <v>0</v>
      </c>
      <c r="E33" s="196">
        <v>0</v>
      </c>
      <c r="F33" s="193">
        <v>0</v>
      </c>
      <c r="G33" s="191">
        <v>0</v>
      </c>
      <c r="H33" s="191">
        <v>3</v>
      </c>
      <c r="I33" s="191">
        <v>0</v>
      </c>
      <c r="J33" s="191">
        <v>0</v>
      </c>
      <c r="K33" s="191">
        <v>0</v>
      </c>
      <c r="L33" s="196">
        <v>3</v>
      </c>
      <c r="M33" s="195">
        <v>3</v>
      </c>
      <c r="N33" s="191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15</v>
      </c>
      <c r="V33" s="191">
        <v>0</v>
      </c>
      <c r="W33" s="196">
        <v>15</v>
      </c>
      <c r="X33" s="195">
        <v>15</v>
      </c>
    </row>
    <row r="34" spans="2:24" ht="21" customHeight="1" x14ac:dyDescent="0.2">
      <c r="B34" s="106" t="s">
        <v>32</v>
      </c>
      <c r="C34" s="191">
        <v>0</v>
      </c>
      <c r="D34" s="191">
        <v>0</v>
      </c>
      <c r="E34" s="196">
        <v>0</v>
      </c>
      <c r="F34" s="193">
        <v>0</v>
      </c>
      <c r="G34" s="191">
        <v>20</v>
      </c>
      <c r="H34" s="191">
        <v>16</v>
      </c>
      <c r="I34" s="191">
        <v>0</v>
      </c>
      <c r="J34" s="191">
        <v>0</v>
      </c>
      <c r="K34" s="191">
        <v>0</v>
      </c>
      <c r="L34" s="196">
        <v>36</v>
      </c>
      <c r="M34" s="195">
        <v>36</v>
      </c>
      <c r="N34" s="191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</row>
    <row r="35" spans="2:24" ht="21" customHeight="1" x14ac:dyDescent="0.2">
      <c r="B35" s="106" t="s">
        <v>33</v>
      </c>
      <c r="C35" s="191">
        <v>0</v>
      </c>
      <c r="D35" s="191">
        <v>0</v>
      </c>
      <c r="E35" s="196">
        <v>0</v>
      </c>
      <c r="F35" s="193">
        <v>0</v>
      </c>
      <c r="G35" s="191">
        <v>19</v>
      </c>
      <c r="H35" s="191">
        <v>0</v>
      </c>
      <c r="I35" s="191">
        <v>0</v>
      </c>
      <c r="J35" s="191">
        <v>0</v>
      </c>
      <c r="K35" s="191">
        <v>0</v>
      </c>
      <c r="L35" s="196">
        <v>19</v>
      </c>
      <c r="M35" s="195">
        <v>19</v>
      </c>
      <c r="N35" s="191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</row>
    <row r="36" spans="2:24" ht="21" customHeight="1" x14ac:dyDescent="0.2">
      <c r="B36" s="106" t="s">
        <v>34</v>
      </c>
      <c r="C36" s="191">
        <v>0</v>
      </c>
      <c r="D36" s="191">
        <v>0</v>
      </c>
      <c r="E36" s="196">
        <v>0</v>
      </c>
      <c r="F36" s="193">
        <v>0</v>
      </c>
      <c r="G36" s="191">
        <v>19</v>
      </c>
      <c r="H36" s="191">
        <v>20</v>
      </c>
      <c r="I36" s="191">
        <v>0</v>
      </c>
      <c r="J36" s="191">
        <v>0</v>
      </c>
      <c r="K36" s="191">
        <v>0</v>
      </c>
      <c r="L36" s="196">
        <v>39</v>
      </c>
      <c r="M36" s="195">
        <v>39</v>
      </c>
      <c r="N36" s="191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</row>
    <row r="37" spans="2:24" ht="21" customHeight="1" x14ac:dyDescent="0.2">
      <c r="B37" s="106" t="s">
        <v>35</v>
      </c>
      <c r="C37" s="191">
        <v>0</v>
      </c>
      <c r="D37" s="191">
        <v>0</v>
      </c>
      <c r="E37" s="196">
        <v>0</v>
      </c>
      <c r="F37" s="193">
        <v>0</v>
      </c>
      <c r="G37" s="191">
        <v>0</v>
      </c>
      <c r="H37" s="191">
        <v>0</v>
      </c>
      <c r="I37" s="191">
        <v>0</v>
      </c>
      <c r="J37" s="191">
        <v>0</v>
      </c>
      <c r="K37" s="191">
        <v>0</v>
      </c>
      <c r="L37" s="196">
        <v>0</v>
      </c>
      <c r="M37" s="195">
        <v>0</v>
      </c>
      <c r="N37" s="191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</row>
    <row r="38" spans="2:24" ht="21" customHeight="1" x14ac:dyDescent="0.2">
      <c r="B38" s="106" t="s">
        <v>36</v>
      </c>
      <c r="C38" s="191">
        <v>0</v>
      </c>
      <c r="D38" s="191">
        <v>0</v>
      </c>
      <c r="E38" s="196">
        <v>0</v>
      </c>
      <c r="F38" s="193">
        <v>0</v>
      </c>
      <c r="G38" s="191">
        <v>24</v>
      </c>
      <c r="H38" s="191">
        <v>3</v>
      </c>
      <c r="I38" s="191">
        <v>0</v>
      </c>
      <c r="J38" s="191">
        <v>0</v>
      </c>
      <c r="K38" s="191">
        <v>0</v>
      </c>
      <c r="L38" s="196">
        <v>27</v>
      </c>
      <c r="M38" s="195">
        <v>27</v>
      </c>
      <c r="N38" s="191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</row>
    <row r="39" spans="2:24" ht="21" customHeight="1" thickBot="1" x14ac:dyDescent="0.25">
      <c r="B39" s="108" t="s">
        <v>37</v>
      </c>
      <c r="C39" s="198">
        <v>0</v>
      </c>
      <c r="D39" s="198">
        <v>0</v>
      </c>
      <c r="E39" s="203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3">
        <v>0</v>
      </c>
      <c r="M39" s="202">
        <v>0</v>
      </c>
      <c r="N39" s="198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</row>
  </sheetData>
  <mergeCells count="11">
    <mergeCell ref="B3:B5"/>
    <mergeCell ref="C3:M3"/>
    <mergeCell ref="C4:E4"/>
    <mergeCell ref="F4:L4"/>
    <mergeCell ref="M4:M5"/>
    <mergeCell ref="N3:X3"/>
    <mergeCell ref="N4:P4"/>
    <mergeCell ref="Q4:W4"/>
    <mergeCell ref="X4:X5"/>
    <mergeCell ref="H1:I1"/>
    <mergeCell ref="K1:L1"/>
  </mergeCells>
  <phoneticPr fontId="4"/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Footer>&amp;L&amp;20&amp;A&amp;C&amp;P/&amp;N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X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" style="175" customWidth="1"/>
    <col min="6" max="6" width="7.77734375" style="175" customWidth="1"/>
    <col min="7" max="7" width="10.77734375" style="175" customWidth="1"/>
    <col min="8" max="16" width="9" style="175"/>
    <col min="17" max="17" width="7.6640625" style="175" customWidth="1"/>
    <col min="18" max="16384" width="9" style="175"/>
  </cols>
  <sheetData>
    <row r="1" spans="2:24" ht="24" customHeight="1" x14ac:dyDescent="0.2">
      <c r="B1" s="142" t="s">
        <v>123</v>
      </c>
      <c r="H1" s="442">
        <f>第１表!F2</f>
        <v>7</v>
      </c>
      <c r="I1" s="442"/>
      <c r="J1" s="18">
        <f>第１表!G2</f>
        <v>2</v>
      </c>
      <c r="K1" s="447">
        <f>IF(J1&lt;3,J1+12-2,J1-2)</f>
        <v>12</v>
      </c>
      <c r="L1" s="447"/>
    </row>
    <row r="2" spans="2:24" ht="24" customHeight="1" thickBot="1" x14ac:dyDescent="0.25">
      <c r="B2" s="142" t="s">
        <v>151</v>
      </c>
    </row>
    <row r="3" spans="2:24" ht="21" customHeight="1" x14ac:dyDescent="0.2">
      <c r="B3" s="465"/>
      <c r="C3" s="466" t="s">
        <v>138</v>
      </c>
      <c r="D3" s="466"/>
      <c r="E3" s="466"/>
      <c r="F3" s="466"/>
      <c r="G3" s="466"/>
      <c r="H3" s="466"/>
      <c r="I3" s="466"/>
      <c r="J3" s="466"/>
      <c r="K3" s="466"/>
      <c r="L3" s="466"/>
      <c r="M3" s="496"/>
      <c r="N3" s="466" t="s">
        <v>112</v>
      </c>
      <c r="O3" s="466"/>
      <c r="P3" s="466"/>
      <c r="Q3" s="466"/>
      <c r="R3" s="466"/>
      <c r="S3" s="466"/>
      <c r="T3" s="466"/>
      <c r="U3" s="466"/>
      <c r="V3" s="466"/>
      <c r="W3" s="466"/>
      <c r="X3" s="496"/>
    </row>
    <row r="4" spans="2:24" ht="21" customHeight="1" x14ac:dyDescent="0.2">
      <c r="B4" s="502"/>
      <c r="C4" s="497" t="s">
        <v>61</v>
      </c>
      <c r="D4" s="497"/>
      <c r="E4" s="498"/>
      <c r="F4" s="499" t="s">
        <v>62</v>
      </c>
      <c r="G4" s="497"/>
      <c r="H4" s="497"/>
      <c r="I4" s="497"/>
      <c r="J4" s="497"/>
      <c r="K4" s="497"/>
      <c r="L4" s="500"/>
      <c r="M4" s="501" t="s">
        <v>52</v>
      </c>
      <c r="N4" s="497" t="s">
        <v>61</v>
      </c>
      <c r="O4" s="497"/>
      <c r="P4" s="498"/>
      <c r="Q4" s="499" t="s">
        <v>62</v>
      </c>
      <c r="R4" s="497"/>
      <c r="S4" s="497"/>
      <c r="T4" s="497"/>
      <c r="U4" s="497"/>
      <c r="V4" s="497"/>
      <c r="W4" s="500"/>
      <c r="X4" s="501" t="s">
        <v>52</v>
      </c>
    </row>
    <row r="5" spans="2:24" ht="30" customHeight="1" thickBot="1" x14ac:dyDescent="0.25">
      <c r="B5" s="503"/>
      <c r="C5" s="178" t="s">
        <v>43</v>
      </c>
      <c r="D5" s="178" t="s">
        <v>44</v>
      </c>
      <c r="E5" s="182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2" t="s">
        <v>45</v>
      </c>
      <c r="M5" s="470"/>
      <c r="N5" s="178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</row>
    <row r="6" spans="2:24" ht="21" customHeight="1" x14ac:dyDescent="0.2">
      <c r="B6" s="84" t="s">
        <v>4</v>
      </c>
      <c r="C6" s="184">
        <v>0</v>
      </c>
      <c r="D6" s="184">
        <v>0</v>
      </c>
      <c r="E6" s="189">
        <v>0</v>
      </c>
      <c r="F6" s="186">
        <v>0</v>
      </c>
      <c r="G6" s="184">
        <v>5712</v>
      </c>
      <c r="H6" s="184">
        <v>5375</v>
      </c>
      <c r="I6" s="184">
        <v>2992</v>
      </c>
      <c r="J6" s="184">
        <v>1438</v>
      </c>
      <c r="K6" s="184">
        <v>497</v>
      </c>
      <c r="L6" s="189">
        <v>16014</v>
      </c>
      <c r="M6" s="188">
        <v>16014</v>
      </c>
      <c r="N6" s="184">
        <v>2</v>
      </c>
      <c r="O6" s="184">
        <v>0</v>
      </c>
      <c r="P6" s="189">
        <v>2</v>
      </c>
      <c r="Q6" s="186">
        <v>0</v>
      </c>
      <c r="R6" s="184">
        <v>388</v>
      </c>
      <c r="S6" s="184">
        <v>535</v>
      </c>
      <c r="T6" s="184">
        <v>588</v>
      </c>
      <c r="U6" s="184">
        <v>244</v>
      </c>
      <c r="V6" s="184">
        <v>330</v>
      </c>
      <c r="W6" s="189">
        <v>2085</v>
      </c>
      <c r="X6" s="188">
        <v>2087</v>
      </c>
    </row>
    <row r="7" spans="2:24" ht="21" customHeight="1" x14ac:dyDescent="0.2">
      <c r="B7" s="95" t="s">
        <v>5</v>
      </c>
      <c r="C7" s="191">
        <v>0</v>
      </c>
      <c r="D7" s="191">
        <v>0</v>
      </c>
      <c r="E7" s="196">
        <v>0</v>
      </c>
      <c r="F7" s="193">
        <v>0</v>
      </c>
      <c r="G7" s="191">
        <v>2263</v>
      </c>
      <c r="H7" s="191">
        <v>2902</v>
      </c>
      <c r="I7" s="191">
        <v>1620</v>
      </c>
      <c r="J7" s="191">
        <v>646</v>
      </c>
      <c r="K7" s="191">
        <v>165</v>
      </c>
      <c r="L7" s="196">
        <v>7596</v>
      </c>
      <c r="M7" s="195">
        <v>7596</v>
      </c>
      <c r="N7" s="191">
        <v>0</v>
      </c>
      <c r="O7" s="191">
        <v>0</v>
      </c>
      <c r="P7" s="196">
        <v>0</v>
      </c>
      <c r="Q7" s="193">
        <v>0</v>
      </c>
      <c r="R7" s="191">
        <v>173</v>
      </c>
      <c r="S7" s="191">
        <v>272</v>
      </c>
      <c r="T7" s="191">
        <v>279</v>
      </c>
      <c r="U7" s="191">
        <v>101</v>
      </c>
      <c r="V7" s="191">
        <v>258</v>
      </c>
      <c r="W7" s="196">
        <v>1083</v>
      </c>
      <c r="X7" s="195">
        <v>1083</v>
      </c>
    </row>
    <row r="8" spans="2:24" ht="21" customHeight="1" x14ac:dyDescent="0.2">
      <c r="B8" s="106" t="s">
        <v>6</v>
      </c>
      <c r="C8" s="191">
        <v>0</v>
      </c>
      <c r="D8" s="191">
        <v>0</v>
      </c>
      <c r="E8" s="196">
        <v>0</v>
      </c>
      <c r="F8" s="193">
        <v>0</v>
      </c>
      <c r="G8" s="191">
        <v>906</v>
      </c>
      <c r="H8" s="191">
        <v>670</v>
      </c>
      <c r="I8" s="191">
        <v>380</v>
      </c>
      <c r="J8" s="191">
        <v>357</v>
      </c>
      <c r="K8" s="191">
        <v>61</v>
      </c>
      <c r="L8" s="196">
        <v>2374</v>
      </c>
      <c r="M8" s="195">
        <v>2374</v>
      </c>
      <c r="N8" s="191">
        <v>0</v>
      </c>
      <c r="O8" s="191">
        <v>0</v>
      </c>
      <c r="P8" s="196">
        <v>0</v>
      </c>
      <c r="Q8" s="193">
        <v>0</v>
      </c>
      <c r="R8" s="191">
        <v>85</v>
      </c>
      <c r="S8" s="191">
        <v>180</v>
      </c>
      <c r="T8" s="191">
        <v>158</v>
      </c>
      <c r="U8" s="191">
        <v>98</v>
      </c>
      <c r="V8" s="191">
        <v>65</v>
      </c>
      <c r="W8" s="196">
        <v>586</v>
      </c>
      <c r="X8" s="195">
        <v>586</v>
      </c>
    </row>
    <row r="9" spans="2:24" ht="21" customHeight="1" x14ac:dyDescent="0.2">
      <c r="B9" s="106" t="s">
        <v>14</v>
      </c>
      <c r="C9" s="191">
        <v>0</v>
      </c>
      <c r="D9" s="191">
        <v>0</v>
      </c>
      <c r="E9" s="196">
        <v>0</v>
      </c>
      <c r="F9" s="193">
        <v>0</v>
      </c>
      <c r="G9" s="191">
        <v>331</v>
      </c>
      <c r="H9" s="191">
        <v>375</v>
      </c>
      <c r="I9" s="191">
        <v>230</v>
      </c>
      <c r="J9" s="191">
        <v>37</v>
      </c>
      <c r="K9" s="191">
        <v>98</v>
      </c>
      <c r="L9" s="196">
        <v>1071</v>
      </c>
      <c r="M9" s="195">
        <v>1071</v>
      </c>
      <c r="N9" s="191">
        <v>0</v>
      </c>
      <c r="O9" s="191">
        <v>0</v>
      </c>
      <c r="P9" s="196">
        <v>0</v>
      </c>
      <c r="Q9" s="193">
        <v>0</v>
      </c>
      <c r="R9" s="191">
        <v>0</v>
      </c>
      <c r="S9" s="191">
        <v>17</v>
      </c>
      <c r="T9" s="191">
        <v>0</v>
      </c>
      <c r="U9" s="191">
        <v>13</v>
      </c>
      <c r="V9" s="191">
        <v>0</v>
      </c>
      <c r="W9" s="196">
        <v>30</v>
      </c>
      <c r="X9" s="195">
        <v>30</v>
      </c>
    </row>
    <row r="10" spans="2:24" ht="21" customHeight="1" x14ac:dyDescent="0.2">
      <c r="B10" s="106" t="s">
        <v>7</v>
      </c>
      <c r="C10" s="191">
        <v>0</v>
      </c>
      <c r="D10" s="191">
        <v>0</v>
      </c>
      <c r="E10" s="196">
        <v>0</v>
      </c>
      <c r="F10" s="193">
        <v>0</v>
      </c>
      <c r="G10" s="191">
        <v>326</v>
      </c>
      <c r="H10" s="191">
        <v>121</v>
      </c>
      <c r="I10" s="191">
        <v>84</v>
      </c>
      <c r="J10" s="191">
        <v>35</v>
      </c>
      <c r="K10" s="191">
        <v>3</v>
      </c>
      <c r="L10" s="196">
        <v>569</v>
      </c>
      <c r="M10" s="195">
        <v>569</v>
      </c>
      <c r="N10" s="191">
        <v>0</v>
      </c>
      <c r="O10" s="191">
        <v>0</v>
      </c>
      <c r="P10" s="196">
        <v>0</v>
      </c>
      <c r="Q10" s="193">
        <v>0</v>
      </c>
      <c r="R10" s="191">
        <v>18</v>
      </c>
      <c r="S10" s="191">
        <v>7</v>
      </c>
      <c r="T10" s="191">
        <v>42</v>
      </c>
      <c r="U10" s="191">
        <v>6</v>
      </c>
      <c r="V10" s="191">
        <v>0</v>
      </c>
      <c r="W10" s="196">
        <v>73</v>
      </c>
      <c r="X10" s="195">
        <v>73</v>
      </c>
    </row>
    <row r="11" spans="2:24" ht="21" customHeight="1" x14ac:dyDescent="0.2">
      <c r="B11" s="106" t="s">
        <v>8</v>
      </c>
      <c r="C11" s="191">
        <v>0</v>
      </c>
      <c r="D11" s="191">
        <v>0</v>
      </c>
      <c r="E11" s="196">
        <v>0</v>
      </c>
      <c r="F11" s="193">
        <v>0</v>
      </c>
      <c r="G11" s="191">
        <v>219</v>
      </c>
      <c r="H11" s="191">
        <v>188</v>
      </c>
      <c r="I11" s="191">
        <v>46</v>
      </c>
      <c r="J11" s="191">
        <v>38</v>
      </c>
      <c r="K11" s="191">
        <v>1</v>
      </c>
      <c r="L11" s="196">
        <v>492</v>
      </c>
      <c r="M11" s="195">
        <v>492</v>
      </c>
      <c r="N11" s="191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0</v>
      </c>
      <c r="T11" s="191">
        <v>0</v>
      </c>
      <c r="U11" s="191">
        <v>0</v>
      </c>
      <c r="V11" s="191">
        <v>3</v>
      </c>
      <c r="W11" s="196">
        <v>3</v>
      </c>
      <c r="X11" s="195">
        <v>3</v>
      </c>
    </row>
    <row r="12" spans="2:24" ht="21" customHeight="1" x14ac:dyDescent="0.2">
      <c r="B12" s="106" t="s">
        <v>9</v>
      </c>
      <c r="C12" s="191">
        <v>0</v>
      </c>
      <c r="D12" s="191">
        <v>0</v>
      </c>
      <c r="E12" s="196">
        <v>0</v>
      </c>
      <c r="F12" s="193">
        <v>0</v>
      </c>
      <c r="G12" s="191">
        <v>233</v>
      </c>
      <c r="H12" s="191">
        <v>187</v>
      </c>
      <c r="I12" s="191">
        <v>123</v>
      </c>
      <c r="J12" s="191">
        <v>75</v>
      </c>
      <c r="K12" s="191">
        <v>38</v>
      </c>
      <c r="L12" s="196">
        <v>656</v>
      </c>
      <c r="M12" s="195">
        <v>656</v>
      </c>
      <c r="N12" s="191">
        <v>0</v>
      </c>
      <c r="O12" s="191">
        <v>0</v>
      </c>
      <c r="P12" s="196">
        <v>0</v>
      </c>
      <c r="Q12" s="193">
        <v>0</v>
      </c>
      <c r="R12" s="191">
        <v>4</v>
      </c>
      <c r="S12" s="191">
        <v>0</v>
      </c>
      <c r="T12" s="191">
        <v>12</v>
      </c>
      <c r="U12" s="191">
        <v>0</v>
      </c>
      <c r="V12" s="191">
        <v>0</v>
      </c>
      <c r="W12" s="196">
        <v>16</v>
      </c>
      <c r="X12" s="195">
        <v>16</v>
      </c>
    </row>
    <row r="13" spans="2:24" ht="21" customHeight="1" x14ac:dyDescent="0.2">
      <c r="B13" s="106" t="s">
        <v>10</v>
      </c>
      <c r="C13" s="191">
        <v>0</v>
      </c>
      <c r="D13" s="191">
        <v>0</v>
      </c>
      <c r="E13" s="196">
        <v>0</v>
      </c>
      <c r="F13" s="193">
        <v>0</v>
      </c>
      <c r="G13" s="191">
        <v>190</v>
      </c>
      <c r="H13" s="191">
        <v>134</v>
      </c>
      <c r="I13" s="191">
        <v>74</v>
      </c>
      <c r="J13" s="191">
        <v>12</v>
      </c>
      <c r="K13" s="191">
        <v>0</v>
      </c>
      <c r="L13" s="196">
        <v>410</v>
      </c>
      <c r="M13" s="195">
        <v>410</v>
      </c>
      <c r="N13" s="191">
        <v>0</v>
      </c>
      <c r="O13" s="191">
        <v>0</v>
      </c>
      <c r="P13" s="196">
        <v>0</v>
      </c>
      <c r="Q13" s="193">
        <v>0</v>
      </c>
      <c r="R13" s="191">
        <v>8</v>
      </c>
      <c r="S13" s="191">
        <v>12</v>
      </c>
      <c r="T13" s="191">
        <v>14</v>
      </c>
      <c r="U13" s="191">
        <v>26</v>
      </c>
      <c r="V13" s="191">
        <v>0</v>
      </c>
      <c r="W13" s="196">
        <v>60</v>
      </c>
      <c r="X13" s="195">
        <v>60</v>
      </c>
    </row>
    <row r="14" spans="2:24" ht="21" customHeight="1" x14ac:dyDescent="0.2">
      <c r="B14" s="106" t="s">
        <v>11</v>
      </c>
      <c r="C14" s="191">
        <v>0</v>
      </c>
      <c r="D14" s="191">
        <v>0</v>
      </c>
      <c r="E14" s="196">
        <v>0</v>
      </c>
      <c r="F14" s="193">
        <v>0</v>
      </c>
      <c r="G14" s="191">
        <v>180</v>
      </c>
      <c r="H14" s="191">
        <v>87</v>
      </c>
      <c r="I14" s="191">
        <v>73</v>
      </c>
      <c r="J14" s="191">
        <v>52</v>
      </c>
      <c r="K14" s="191">
        <v>4</v>
      </c>
      <c r="L14" s="196">
        <v>396</v>
      </c>
      <c r="M14" s="195">
        <v>396</v>
      </c>
      <c r="N14" s="191">
        <v>0</v>
      </c>
      <c r="O14" s="191">
        <v>0</v>
      </c>
      <c r="P14" s="196">
        <v>0</v>
      </c>
      <c r="Q14" s="193">
        <v>0</v>
      </c>
      <c r="R14" s="191">
        <v>41</v>
      </c>
      <c r="S14" s="191">
        <v>12</v>
      </c>
      <c r="T14" s="191">
        <v>0</v>
      </c>
      <c r="U14" s="191">
        <v>0</v>
      </c>
      <c r="V14" s="191">
        <v>0</v>
      </c>
      <c r="W14" s="196">
        <v>53</v>
      </c>
      <c r="X14" s="195">
        <v>53</v>
      </c>
    </row>
    <row r="15" spans="2:24" ht="21" customHeight="1" x14ac:dyDescent="0.2">
      <c r="B15" s="106" t="s">
        <v>12</v>
      </c>
      <c r="C15" s="191">
        <v>0</v>
      </c>
      <c r="D15" s="191">
        <v>0</v>
      </c>
      <c r="E15" s="196">
        <v>0</v>
      </c>
      <c r="F15" s="193">
        <v>0</v>
      </c>
      <c r="G15" s="191">
        <v>122</v>
      </c>
      <c r="H15" s="191">
        <v>80</v>
      </c>
      <c r="I15" s="191">
        <v>15</v>
      </c>
      <c r="J15" s="191">
        <v>49</v>
      </c>
      <c r="K15" s="191">
        <v>46</v>
      </c>
      <c r="L15" s="196">
        <v>312</v>
      </c>
      <c r="M15" s="195">
        <v>312</v>
      </c>
      <c r="N15" s="191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</row>
    <row r="16" spans="2:24" ht="21" customHeight="1" x14ac:dyDescent="0.2">
      <c r="B16" s="106" t="s">
        <v>13</v>
      </c>
      <c r="C16" s="191">
        <v>0</v>
      </c>
      <c r="D16" s="191">
        <v>0</v>
      </c>
      <c r="E16" s="196">
        <v>0</v>
      </c>
      <c r="F16" s="193">
        <v>0</v>
      </c>
      <c r="G16" s="191">
        <v>85</v>
      </c>
      <c r="H16" s="191">
        <v>55</v>
      </c>
      <c r="I16" s="191">
        <v>87</v>
      </c>
      <c r="J16" s="191">
        <v>4</v>
      </c>
      <c r="K16" s="191">
        <v>33</v>
      </c>
      <c r="L16" s="196">
        <v>264</v>
      </c>
      <c r="M16" s="195">
        <v>264</v>
      </c>
      <c r="N16" s="191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8</v>
      </c>
      <c r="T16" s="191">
        <v>24</v>
      </c>
      <c r="U16" s="191">
        <v>0</v>
      </c>
      <c r="V16" s="191">
        <v>0</v>
      </c>
      <c r="W16" s="196">
        <v>32</v>
      </c>
      <c r="X16" s="195">
        <v>32</v>
      </c>
    </row>
    <row r="17" spans="2:24" ht="21" customHeight="1" x14ac:dyDescent="0.2">
      <c r="B17" s="106" t="s">
        <v>15</v>
      </c>
      <c r="C17" s="191">
        <v>0</v>
      </c>
      <c r="D17" s="191">
        <v>0</v>
      </c>
      <c r="E17" s="196">
        <v>0</v>
      </c>
      <c r="F17" s="193">
        <v>0</v>
      </c>
      <c r="G17" s="191">
        <v>31</v>
      </c>
      <c r="H17" s="191">
        <v>37</v>
      </c>
      <c r="I17" s="191">
        <v>7</v>
      </c>
      <c r="J17" s="191">
        <v>0</v>
      </c>
      <c r="K17" s="191">
        <v>14</v>
      </c>
      <c r="L17" s="196">
        <v>89</v>
      </c>
      <c r="M17" s="195">
        <v>89</v>
      </c>
      <c r="N17" s="191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0</v>
      </c>
      <c r="W17" s="196">
        <v>0</v>
      </c>
      <c r="X17" s="195">
        <v>0</v>
      </c>
    </row>
    <row r="18" spans="2:24" ht="21" customHeight="1" x14ac:dyDescent="0.2">
      <c r="B18" s="106" t="s">
        <v>16</v>
      </c>
      <c r="C18" s="191">
        <v>0</v>
      </c>
      <c r="D18" s="191">
        <v>0</v>
      </c>
      <c r="E18" s="196">
        <v>0</v>
      </c>
      <c r="F18" s="193">
        <v>0</v>
      </c>
      <c r="G18" s="191">
        <v>51</v>
      </c>
      <c r="H18" s="191">
        <v>67</v>
      </c>
      <c r="I18" s="191">
        <v>27</v>
      </c>
      <c r="J18" s="191">
        <v>0</v>
      </c>
      <c r="K18" s="191">
        <v>0</v>
      </c>
      <c r="L18" s="196">
        <v>145</v>
      </c>
      <c r="M18" s="195">
        <v>145</v>
      </c>
      <c r="N18" s="191">
        <v>0</v>
      </c>
      <c r="O18" s="191">
        <v>0</v>
      </c>
      <c r="P18" s="196">
        <v>0</v>
      </c>
      <c r="Q18" s="193">
        <v>0</v>
      </c>
      <c r="R18" s="191">
        <v>4</v>
      </c>
      <c r="S18" s="191">
        <v>0</v>
      </c>
      <c r="T18" s="191">
        <v>0</v>
      </c>
      <c r="U18" s="191">
        <v>0</v>
      </c>
      <c r="V18" s="191">
        <v>0</v>
      </c>
      <c r="W18" s="196">
        <v>4</v>
      </c>
      <c r="X18" s="195">
        <v>4</v>
      </c>
    </row>
    <row r="19" spans="2:24" ht="21" customHeight="1" x14ac:dyDescent="0.2">
      <c r="B19" s="106" t="s">
        <v>17</v>
      </c>
      <c r="C19" s="191">
        <v>0</v>
      </c>
      <c r="D19" s="191">
        <v>0</v>
      </c>
      <c r="E19" s="196">
        <v>0</v>
      </c>
      <c r="F19" s="193">
        <v>0</v>
      </c>
      <c r="G19" s="191">
        <v>184</v>
      </c>
      <c r="H19" s="191">
        <v>117</v>
      </c>
      <c r="I19" s="191">
        <v>126</v>
      </c>
      <c r="J19" s="191">
        <v>33</v>
      </c>
      <c r="K19" s="191">
        <v>28</v>
      </c>
      <c r="L19" s="196">
        <v>488</v>
      </c>
      <c r="M19" s="195">
        <v>488</v>
      </c>
      <c r="N19" s="191">
        <v>0</v>
      </c>
      <c r="O19" s="191">
        <v>0</v>
      </c>
      <c r="P19" s="196">
        <v>0</v>
      </c>
      <c r="Q19" s="193">
        <v>0</v>
      </c>
      <c r="R19" s="191">
        <v>18</v>
      </c>
      <c r="S19" s="191">
        <v>4</v>
      </c>
      <c r="T19" s="191">
        <v>0</v>
      </c>
      <c r="U19" s="191">
        <v>0</v>
      </c>
      <c r="V19" s="191">
        <v>0</v>
      </c>
      <c r="W19" s="196">
        <v>22</v>
      </c>
      <c r="X19" s="195">
        <v>22</v>
      </c>
    </row>
    <row r="20" spans="2:24" ht="21" customHeight="1" x14ac:dyDescent="0.2">
      <c r="B20" s="106" t="s">
        <v>18</v>
      </c>
      <c r="C20" s="191">
        <v>0</v>
      </c>
      <c r="D20" s="191">
        <v>0</v>
      </c>
      <c r="E20" s="196">
        <v>0</v>
      </c>
      <c r="F20" s="193">
        <v>0</v>
      </c>
      <c r="G20" s="191">
        <v>121</v>
      </c>
      <c r="H20" s="191">
        <v>52</v>
      </c>
      <c r="I20" s="191">
        <v>25</v>
      </c>
      <c r="J20" s="191">
        <v>15</v>
      </c>
      <c r="K20" s="191">
        <v>4</v>
      </c>
      <c r="L20" s="196">
        <v>217</v>
      </c>
      <c r="M20" s="195">
        <v>217</v>
      </c>
      <c r="N20" s="191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3</v>
      </c>
      <c r="T20" s="191">
        <v>4</v>
      </c>
      <c r="U20" s="191">
        <v>0</v>
      </c>
      <c r="V20" s="191">
        <v>0</v>
      </c>
      <c r="W20" s="196">
        <v>7</v>
      </c>
      <c r="X20" s="195">
        <v>7</v>
      </c>
    </row>
    <row r="21" spans="2:24" ht="21" customHeight="1" x14ac:dyDescent="0.2">
      <c r="B21" s="106" t="s">
        <v>19</v>
      </c>
      <c r="C21" s="191">
        <v>0</v>
      </c>
      <c r="D21" s="191">
        <v>0</v>
      </c>
      <c r="E21" s="196">
        <v>0</v>
      </c>
      <c r="F21" s="193">
        <v>0</v>
      </c>
      <c r="G21" s="191">
        <v>83</v>
      </c>
      <c r="H21" s="191">
        <v>19</v>
      </c>
      <c r="I21" s="191">
        <v>2</v>
      </c>
      <c r="J21" s="191">
        <v>38</v>
      </c>
      <c r="K21" s="191">
        <v>0</v>
      </c>
      <c r="L21" s="196">
        <v>142</v>
      </c>
      <c r="M21" s="195">
        <v>142</v>
      </c>
      <c r="N21" s="191">
        <v>2</v>
      </c>
      <c r="O21" s="191">
        <v>0</v>
      </c>
      <c r="P21" s="196">
        <v>2</v>
      </c>
      <c r="Q21" s="193">
        <v>0</v>
      </c>
      <c r="R21" s="191">
        <v>4</v>
      </c>
      <c r="S21" s="191">
        <v>15</v>
      </c>
      <c r="T21" s="191">
        <v>23</v>
      </c>
      <c r="U21" s="191">
        <v>0</v>
      </c>
      <c r="V21" s="191">
        <v>0</v>
      </c>
      <c r="W21" s="196">
        <v>42</v>
      </c>
      <c r="X21" s="195">
        <v>44</v>
      </c>
    </row>
    <row r="22" spans="2:24" ht="21" customHeight="1" x14ac:dyDescent="0.2">
      <c r="B22" s="106" t="s">
        <v>20</v>
      </c>
      <c r="C22" s="191">
        <v>0</v>
      </c>
      <c r="D22" s="191">
        <v>0</v>
      </c>
      <c r="E22" s="196">
        <v>0</v>
      </c>
      <c r="F22" s="193">
        <v>0</v>
      </c>
      <c r="G22" s="191">
        <v>72</v>
      </c>
      <c r="H22" s="191">
        <v>109</v>
      </c>
      <c r="I22" s="191">
        <v>14</v>
      </c>
      <c r="J22" s="191">
        <v>3</v>
      </c>
      <c r="K22" s="191">
        <v>0</v>
      </c>
      <c r="L22" s="196">
        <v>198</v>
      </c>
      <c r="M22" s="195">
        <v>198</v>
      </c>
      <c r="N22" s="191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6</v>
      </c>
      <c r="U22" s="191">
        <v>0</v>
      </c>
      <c r="V22" s="191">
        <v>0</v>
      </c>
      <c r="W22" s="196">
        <v>6</v>
      </c>
      <c r="X22" s="195">
        <v>6</v>
      </c>
    </row>
    <row r="23" spans="2:24" ht="21" customHeight="1" x14ac:dyDescent="0.2">
      <c r="B23" s="106" t="s">
        <v>21</v>
      </c>
      <c r="C23" s="191">
        <v>0</v>
      </c>
      <c r="D23" s="191">
        <v>0</v>
      </c>
      <c r="E23" s="196">
        <v>0</v>
      </c>
      <c r="F23" s="193">
        <v>0</v>
      </c>
      <c r="G23" s="191">
        <v>75</v>
      </c>
      <c r="H23" s="191">
        <v>58</v>
      </c>
      <c r="I23" s="191">
        <v>23</v>
      </c>
      <c r="J23" s="191">
        <v>5</v>
      </c>
      <c r="K23" s="191">
        <v>0</v>
      </c>
      <c r="L23" s="196">
        <v>161</v>
      </c>
      <c r="M23" s="195">
        <v>161</v>
      </c>
      <c r="N23" s="191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</row>
    <row r="24" spans="2:24" ht="21" customHeight="1" x14ac:dyDescent="0.2">
      <c r="B24" s="106" t="s">
        <v>22</v>
      </c>
      <c r="C24" s="191">
        <v>0</v>
      </c>
      <c r="D24" s="191">
        <v>0</v>
      </c>
      <c r="E24" s="196">
        <v>0</v>
      </c>
      <c r="F24" s="193">
        <v>0</v>
      </c>
      <c r="G24" s="191">
        <v>31</v>
      </c>
      <c r="H24" s="191">
        <v>45</v>
      </c>
      <c r="I24" s="191">
        <v>3</v>
      </c>
      <c r="J24" s="191">
        <v>0</v>
      </c>
      <c r="K24" s="191">
        <v>2</v>
      </c>
      <c r="L24" s="196">
        <v>81</v>
      </c>
      <c r="M24" s="195">
        <v>81</v>
      </c>
      <c r="N24" s="191">
        <v>0</v>
      </c>
      <c r="O24" s="191">
        <v>0</v>
      </c>
      <c r="P24" s="196">
        <v>0</v>
      </c>
      <c r="Q24" s="193">
        <v>0</v>
      </c>
      <c r="R24" s="191">
        <v>3</v>
      </c>
      <c r="S24" s="191">
        <v>0</v>
      </c>
      <c r="T24" s="191">
        <v>0</v>
      </c>
      <c r="U24" s="191">
        <v>0</v>
      </c>
      <c r="V24" s="191">
        <v>4</v>
      </c>
      <c r="W24" s="196">
        <v>7</v>
      </c>
      <c r="X24" s="195">
        <v>7</v>
      </c>
    </row>
    <row r="25" spans="2:24" ht="21" customHeight="1" x14ac:dyDescent="0.2">
      <c r="B25" s="106" t="s">
        <v>23</v>
      </c>
      <c r="C25" s="191">
        <v>0</v>
      </c>
      <c r="D25" s="191">
        <v>0</v>
      </c>
      <c r="E25" s="196">
        <v>0</v>
      </c>
      <c r="F25" s="193">
        <v>0</v>
      </c>
      <c r="G25" s="191">
        <v>19</v>
      </c>
      <c r="H25" s="191">
        <v>17</v>
      </c>
      <c r="I25" s="191">
        <v>4</v>
      </c>
      <c r="J25" s="191">
        <v>0</v>
      </c>
      <c r="K25" s="191">
        <v>0</v>
      </c>
      <c r="L25" s="196">
        <v>40</v>
      </c>
      <c r="M25" s="195">
        <v>40</v>
      </c>
      <c r="N25" s="191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</row>
    <row r="26" spans="2:24" ht="21" customHeight="1" x14ac:dyDescent="0.2">
      <c r="B26" s="106" t="s">
        <v>24</v>
      </c>
      <c r="C26" s="191">
        <v>0</v>
      </c>
      <c r="D26" s="191">
        <v>0</v>
      </c>
      <c r="E26" s="196">
        <v>0</v>
      </c>
      <c r="F26" s="193">
        <v>0</v>
      </c>
      <c r="G26" s="191">
        <v>0</v>
      </c>
      <c r="H26" s="191">
        <v>3</v>
      </c>
      <c r="I26" s="191">
        <v>0</v>
      </c>
      <c r="J26" s="191">
        <v>29</v>
      </c>
      <c r="K26" s="191">
        <v>0</v>
      </c>
      <c r="L26" s="196">
        <v>32</v>
      </c>
      <c r="M26" s="195">
        <v>32</v>
      </c>
      <c r="N26" s="191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0</v>
      </c>
      <c r="V26" s="191">
        <v>0</v>
      </c>
      <c r="W26" s="196">
        <v>0</v>
      </c>
      <c r="X26" s="195">
        <v>0</v>
      </c>
    </row>
    <row r="27" spans="2:24" ht="21" customHeight="1" x14ac:dyDescent="0.2">
      <c r="B27" s="106" t="s">
        <v>25</v>
      </c>
      <c r="C27" s="191">
        <v>0</v>
      </c>
      <c r="D27" s="191">
        <v>0</v>
      </c>
      <c r="E27" s="196">
        <v>0</v>
      </c>
      <c r="F27" s="193">
        <v>0</v>
      </c>
      <c r="G27" s="191">
        <v>26</v>
      </c>
      <c r="H27" s="191">
        <v>7</v>
      </c>
      <c r="I27" s="191">
        <v>0</v>
      </c>
      <c r="J27" s="191">
        <v>10</v>
      </c>
      <c r="K27" s="191">
        <v>0</v>
      </c>
      <c r="L27" s="196">
        <v>43</v>
      </c>
      <c r="M27" s="195">
        <v>43</v>
      </c>
      <c r="N27" s="191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</row>
    <row r="28" spans="2:24" ht="21" customHeight="1" x14ac:dyDescent="0.2">
      <c r="B28" s="106" t="s">
        <v>26</v>
      </c>
      <c r="C28" s="191">
        <v>0</v>
      </c>
      <c r="D28" s="191">
        <v>0</v>
      </c>
      <c r="E28" s="196">
        <v>0</v>
      </c>
      <c r="F28" s="193">
        <v>0</v>
      </c>
      <c r="G28" s="191">
        <v>8</v>
      </c>
      <c r="H28" s="191">
        <v>21</v>
      </c>
      <c r="I28" s="191">
        <v>13</v>
      </c>
      <c r="J28" s="191">
        <v>0</v>
      </c>
      <c r="K28" s="191">
        <v>0</v>
      </c>
      <c r="L28" s="196">
        <v>42</v>
      </c>
      <c r="M28" s="195">
        <v>42</v>
      </c>
      <c r="N28" s="191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</row>
    <row r="29" spans="2:24" ht="21" customHeight="1" x14ac:dyDescent="0.2">
      <c r="B29" s="106" t="s">
        <v>27</v>
      </c>
      <c r="C29" s="191">
        <v>0</v>
      </c>
      <c r="D29" s="191">
        <v>0</v>
      </c>
      <c r="E29" s="196">
        <v>0</v>
      </c>
      <c r="F29" s="193">
        <v>0</v>
      </c>
      <c r="G29" s="191">
        <v>34</v>
      </c>
      <c r="H29" s="191">
        <v>8</v>
      </c>
      <c r="I29" s="191">
        <v>4</v>
      </c>
      <c r="J29" s="191">
        <v>0</v>
      </c>
      <c r="K29" s="191">
        <v>0</v>
      </c>
      <c r="L29" s="196">
        <v>46</v>
      </c>
      <c r="M29" s="195">
        <v>46</v>
      </c>
      <c r="N29" s="191">
        <v>0</v>
      </c>
      <c r="O29" s="191">
        <v>0</v>
      </c>
      <c r="P29" s="196">
        <v>0</v>
      </c>
      <c r="Q29" s="193">
        <v>0</v>
      </c>
      <c r="R29" s="191">
        <v>17</v>
      </c>
      <c r="S29" s="191">
        <v>5</v>
      </c>
      <c r="T29" s="191">
        <v>0</v>
      </c>
      <c r="U29" s="191">
        <v>0</v>
      </c>
      <c r="V29" s="191">
        <v>0</v>
      </c>
      <c r="W29" s="196">
        <v>22</v>
      </c>
      <c r="X29" s="195">
        <v>22</v>
      </c>
    </row>
    <row r="30" spans="2:24" ht="21" customHeight="1" x14ac:dyDescent="0.2">
      <c r="B30" s="106" t="s">
        <v>28</v>
      </c>
      <c r="C30" s="191">
        <v>0</v>
      </c>
      <c r="D30" s="191">
        <v>0</v>
      </c>
      <c r="E30" s="196">
        <v>0</v>
      </c>
      <c r="F30" s="193">
        <v>0</v>
      </c>
      <c r="G30" s="191">
        <v>40</v>
      </c>
      <c r="H30" s="191">
        <v>4</v>
      </c>
      <c r="I30" s="191">
        <v>4</v>
      </c>
      <c r="J30" s="191">
        <v>0</v>
      </c>
      <c r="K30" s="191">
        <v>0</v>
      </c>
      <c r="L30" s="196">
        <v>48</v>
      </c>
      <c r="M30" s="195">
        <v>48</v>
      </c>
      <c r="N30" s="191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</row>
    <row r="31" spans="2:24" ht="21" customHeight="1" x14ac:dyDescent="0.2">
      <c r="B31" s="106" t="s">
        <v>29</v>
      </c>
      <c r="C31" s="191">
        <v>0</v>
      </c>
      <c r="D31" s="191">
        <v>0</v>
      </c>
      <c r="E31" s="196">
        <v>0</v>
      </c>
      <c r="F31" s="193">
        <v>0</v>
      </c>
      <c r="G31" s="191">
        <v>12</v>
      </c>
      <c r="H31" s="191">
        <v>0</v>
      </c>
      <c r="I31" s="191">
        <v>0</v>
      </c>
      <c r="J31" s="191">
        <v>0</v>
      </c>
      <c r="K31" s="191">
        <v>0</v>
      </c>
      <c r="L31" s="196">
        <v>12</v>
      </c>
      <c r="M31" s="195">
        <v>12</v>
      </c>
      <c r="N31" s="191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</row>
    <row r="32" spans="2:24" ht="21" customHeight="1" x14ac:dyDescent="0.2">
      <c r="B32" s="106" t="s">
        <v>30</v>
      </c>
      <c r="C32" s="191">
        <v>0</v>
      </c>
      <c r="D32" s="191">
        <v>0</v>
      </c>
      <c r="E32" s="196">
        <v>0</v>
      </c>
      <c r="F32" s="193">
        <v>0</v>
      </c>
      <c r="G32" s="191">
        <v>10</v>
      </c>
      <c r="H32" s="191">
        <v>0</v>
      </c>
      <c r="I32" s="191">
        <v>0</v>
      </c>
      <c r="J32" s="191">
        <v>0</v>
      </c>
      <c r="K32" s="191">
        <v>0</v>
      </c>
      <c r="L32" s="196">
        <v>10</v>
      </c>
      <c r="M32" s="195">
        <v>10</v>
      </c>
      <c r="N32" s="191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</row>
    <row r="33" spans="2:24" ht="21" customHeight="1" x14ac:dyDescent="0.2">
      <c r="B33" s="106" t="s">
        <v>31</v>
      </c>
      <c r="C33" s="191">
        <v>0</v>
      </c>
      <c r="D33" s="191">
        <v>0</v>
      </c>
      <c r="E33" s="196">
        <v>0</v>
      </c>
      <c r="F33" s="193">
        <v>0</v>
      </c>
      <c r="G33" s="191">
        <v>22</v>
      </c>
      <c r="H33" s="191">
        <v>0</v>
      </c>
      <c r="I33" s="191">
        <v>0</v>
      </c>
      <c r="J33" s="191">
        <v>0</v>
      </c>
      <c r="K33" s="191">
        <v>0</v>
      </c>
      <c r="L33" s="196">
        <v>22</v>
      </c>
      <c r="M33" s="195">
        <v>22</v>
      </c>
      <c r="N33" s="191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0</v>
      </c>
      <c r="W33" s="196">
        <v>0</v>
      </c>
      <c r="X33" s="195">
        <v>0</v>
      </c>
    </row>
    <row r="34" spans="2:24" ht="21" customHeight="1" x14ac:dyDescent="0.2">
      <c r="B34" s="106" t="s">
        <v>32</v>
      </c>
      <c r="C34" s="191">
        <v>0</v>
      </c>
      <c r="D34" s="191">
        <v>0</v>
      </c>
      <c r="E34" s="196">
        <v>0</v>
      </c>
      <c r="F34" s="193">
        <v>0</v>
      </c>
      <c r="G34" s="191">
        <v>21</v>
      </c>
      <c r="H34" s="191">
        <v>8</v>
      </c>
      <c r="I34" s="191">
        <v>0</v>
      </c>
      <c r="J34" s="191">
        <v>0</v>
      </c>
      <c r="K34" s="191">
        <v>0</v>
      </c>
      <c r="L34" s="196">
        <v>29</v>
      </c>
      <c r="M34" s="195">
        <v>29</v>
      </c>
      <c r="N34" s="191">
        <v>0</v>
      </c>
      <c r="O34" s="191">
        <v>0</v>
      </c>
      <c r="P34" s="196">
        <v>0</v>
      </c>
      <c r="Q34" s="193">
        <v>0</v>
      </c>
      <c r="R34" s="191">
        <v>13</v>
      </c>
      <c r="S34" s="191">
        <v>0</v>
      </c>
      <c r="T34" s="191">
        <v>26</v>
      </c>
      <c r="U34" s="191">
        <v>0</v>
      </c>
      <c r="V34" s="191">
        <v>0</v>
      </c>
      <c r="W34" s="196">
        <v>39</v>
      </c>
      <c r="X34" s="195">
        <v>39</v>
      </c>
    </row>
    <row r="35" spans="2:24" ht="21" customHeight="1" x14ac:dyDescent="0.2">
      <c r="B35" s="106" t="s">
        <v>33</v>
      </c>
      <c r="C35" s="191">
        <v>0</v>
      </c>
      <c r="D35" s="191">
        <v>0</v>
      </c>
      <c r="E35" s="196">
        <v>0</v>
      </c>
      <c r="F35" s="193">
        <v>0</v>
      </c>
      <c r="G35" s="191">
        <v>5</v>
      </c>
      <c r="H35" s="191">
        <v>0</v>
      </c>
      <c r="I35" s="191">
        <v>8</v>
      </c>
      <c r="J35" s="191">
        <v>0</v>
      </c>
      <c r="K35" s="191">
        <v>0</v>
      </c>
      <c r="L35" s="196">
        <v>13</v>
      </c>
      <c r="M35" s="195">
        <v>13</v>
      </c>
      <c r="N35" s="191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</row>
    <row r="36" spans="2:24" ht="21" customHeight="1" x14ac:dyDescent="0.2">
      <c r="B36" s="106" t="s">
        <v>34</v>
      </c>
      <c r="C36" s="191">
        <v>0</v>
      </c>
      <c r="D36" s="191">
        <v>0</v>
      </c>
      <c r="E36" s="196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0</v>
      </c>
      <c r="L36" s="196">
        <v>0</v>
      </c>
      <c r="M36" s="195">
        <v>0</v>
      </c>
      <c r="N36" s="191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</row>
    <row r="37" spans="2:24" ht="21" customHeight="1" x14ac:dyDescent="0.2">
      <c r="B37" s="106" t="s">
        <v>35</v>
      </c>
      <c r="C37" s="191">
        <v>0</v>
      </c>
      <c r="D37" s="191">
        <v>0</v>
      </c>
      <c r="E37" s="196">
        <v>0</v>
      </c>
      <c r="F37" s="193">
        <v>0</v>
      </c>
      <c r="G37" s="191">
        <v>4</v>
      </c>
      <c r="H37" s="191">
        <v>0</v>
      </c>
      <c r="I37" s="191">
        <v>0</v>
      </c>
      <c r="J37" s="191">
        <v>0</v>
      </c>
      <c r="K37" s="191">
        <v>0</v>
      </c>
      <c r="L37" s="196">
        <v>4</v>
      </c>
      <c r="M37" s="195">
        <v>4</v>
      </c>
      <c r="N37" s="191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</row>
    <row r="38" spans="2:24" ht="21" customHeight="1" x14ac:dyDescent="0.2">
      <c r="B38" s="106" t="s">
        <v>36</v>
      </c>
      <c r="C38" s="191">
        <v>0</v>
      </c>
      <c r="D38" s="191">
        <v>0</v>
      </c>
      <c r="E38" s="196">
        <v>0</v>
      </c>
      <c r="F38" s="193">
        <v>0</v>
      </c>
      <c r="G38" s="191">
        <v>8</v>
      </c>
      <c r="H38" s="191">
        <v>0</v>
      </c>
      <c r="I38" s="191">
        <v>0</v>
      </c>
      <c r="J38" s="191">
        <v>0</v>
      </c>
      <c r="K38" s="191">
        <v>0</v>
      </c>
      <c r="L38" s="196">
        <v>8</v>
      </c>
      <c r="M38" s="195">
        <v>8</v>
      </c>
      <c r="N38" s="191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</row>
    <row r="39" spans="2:24" ht="21" customHeight="1" thickBot="1" x14ac:dyDescent="0.25">
      <c r="B39" s="108" t="s">
        <v>37</v>
      </c>
      <c r="C39" s="198">
        <v>0</v>
      </c>
      <c r="D39" s="198">
        <v>0</v>
      </c>
      <c r="E39" s="203">
        <v>0</v>
      </c>
      <c r="F39" s="200">
        <v>0</v>
      </c>
      <c r="G39" s="198">
        <v>0</v>
      </c>
      <c r="H39" s="198">
        <v>4</v>
      </c>
      <c r="I39" s="198">
        <v>0</v>
      </c>
      <c r="J39" s="198">
        <v>0</v>
      </c>
      <c r="K39" s="198">
        <v>0</v>
      </c>
      <c r="L39" s="203">
        <v>4</v>
      </c>
      <c r="M39" s="202">
        <v>4</v>
      </c>
      <c r="N39" s="198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</row>
  </sheetData>
  <mergeCells count="11">
    <mergeCell ref="X4:X5"/>
    <mergeCell ref="H1:I1"/>
    <mergeCell ref="K1:L1"/>
    <mergeCell ref="B3:B5"/>
    <mergeCell ref="C3:M3"/>
    <mergeCell ref="N3:X3"/>
    <mergeCell ref="C4:E4"/>
    <mergeCell ref="F4:L4"/>
    <mergeCell ref="M4:M5"/>
    <mergeCell ref="N4:P4"/>
    <mergeCell ref="Q4:W4"/>
  </mergeCells>
  <phoneticPr fontId="4"/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Footer>&amp;L&amp;20&amp;A&amp;C&amp;P/&amp;N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EC219"/>
  <sheetViews>
    <sheetView zoomScaleNormal="100" zoomScaleSheetLayoutView="55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3" width="9" style="71" customWidth="1"/>
    <col min="4" max="4" width="8.109375" style="71" customWidth="1"/>
    <col min="5" max="5" width="10.109375" style="71" bestFit="1" customWidth="1"/>
    <col min="6" max="6" width="9" style="71"/>
    <col min="7" max="8" width="9" style="71" customWidth="1"/>
    <col min="9" max="9" width="9" style="71"/>
    <col min="10" max="10" width="9.6640625" style="71" bestFit="1" customWidth="1"/>
    <col min="11" max="11" width="9" style="71"/>
    <col min="12" max="12" width="9.6640625" style="71" customWidth="1"/>
    <col min="13" max="15" width="8.109375" style="71" customWidth="1"/>
    <col min="16" max="21" width="9.21875" style="71" customWidth="1"/>
    <col min="22" max="22" width="7.77734375" style="71" customWidth="1"/>
    <col min="23" max="25" width="8.33203125" style="71" customWidth="1"/>
    <col min="26" max="30" width="8.44140625" style="71" customWidth="1"/>
    <col min="31" max="32" width="7.109375" style="71" customWidth="1"/>
    <col min="33" max="42" width="8.77734375" style="71" customWidth="1"/>
    <col min="43" max="52" width="8.44140625" style="71" customWidth="1"/>
    <col min="53" max="132" width="9.6640625" style="71" customWidth="1"/>
    <col min="133" max="16384" width="9" style="71"/>
  </cols>
  <sheetData>
    <row r="1" spans="2:133" ht="24" customHeight="1" x14ac:dyDescent="0.2">
      <c r="B1" s="10" t="s">
        <v>56</v>
      </c>
      <c r="F1" s="442">
        <f>第１表!F2</f>
        <v>7</v>
      </c>
      <c r="G1" s="442"/>
      <c r="H1" s="18">
        <f>第１表!G2</f>
        <v>2</v>
      </c>
      <c r="I1" s="447">
        <f>IF(H1&lt;3,H1-2+12,H1-2)</f>
        <v>12</v>
      </c>
      <c r="J1" s="447"/>
    </row>
    <row r="2" spans="2:133" ht="24" customHeight="1" thickBot="1" x14ac:dyDescent="0.25"/>
    <row r="3" spans="2:133" ht="21" customHeight="1" thickBot="1" x14ac:dyDescent="0.25">
      <c r="B3" s="504"/>
      <c r="C3" s="507" t="s">
        <v>57</v>
      </c>
      <c r="D3" s="508"/>
      <c r="E3" s="508"/>
      <c r="F3" s="508"/>
      <c r="G3" s="508"/>
      <c r="H3" s="508"/>
      <c r="I3" s="508"/>
      <c r="J3" s="508"/>
      <c r="K3" s="508"/>
      <c r="L3" s="508"/>
      <c r="M3" s="508"/>
      <c r="N3" s="508"/>
      <c r="O3" s="508"/>
      <c r="P3" s="508"/>
      <c r="Q3" s="508"/>
      <c r="R3" s="508"/>
      <c r="S3" s="508"/>
      <c r="T3" s="508"/>
      <c r="U3" s="508"/>
      <c r="V3" s="508"/>
      <c r="W3" s="508"/>
      <c r="X3" s="508"/>
      <c r="Y3" s="508"/>
      <c r="Z3" s="508"/>
      <c r="AA3" s="508"/>
      <c r="AB3" s="508"/>
      <c r="AC3" s="508"/>
      <c r="AD3" s="508"/>
      <c r="AE3" s="508"/>
      <c r="AF3" s="509"/>
      <c r="AG3" s="507" t="s">
        <v>58</v>
      </c>
      <c r="AH3" s="510"/>
      <c r="AI3" s="510"/>
      <c r="AJ3" s="510"/>
      <c r="AK3" s="510"/>
      <c r="AL3" s="510"/>
      <c r="AM3" s="510"/>
      <c r="AN3" s="510"/>
      <c r="AO3" s="510"/>
      <c r="AP3" s="510"/>
      <c r="AQ3" s="510"/>
      <c r="AR3" s="510"/>
      <c r="AS3" s="510"/>
      <c r="AT3" s="510"/>
      <c r="AU3" s="510"/>
      <c r="AV3" s="510"/>
      <c r="AW3" s="510"/>
      <c r="AX3" s="510"/>
      <c r="AY3" s="510"/>
      <c r="AZ3" s="510"/>
      <c r="BA3" s="510"/>
      <c r="BB3" s="510"/>
      <c r="BC3" s="510"/>
      <c r="BD3" s="510"/>
      <c r="BE3" s="510"/>
      <c r="BF3" s="510"/>
      <c r="BG3" s="510"/>
      <c r="BH3" s="510"/>
      <c r="BI3" s="510"/>
      <c r="BJ3" s="511"/>
      <c r="BK3" s="507" t="s">
        <v>59</v>
      </c>
      <c r="BL3" s="508"/>
      <c r="BM3" s="508"/>
      <c r="BN3" s="508"/>
      <c r="BO3" s="508"/>
      <c r="BP3" s="508"/>
      <c r="BQ3" s="508"/>
      <c r="BR3" s="508"/>
      <c r="BS3" s="508"/>
      <c r="BT3" s="508"/>
      <c r="BU3" s="508"/>
      <c r="BV3" s="508"/>
      <c r="BW3" s="508"/>
      <c r="BX3" s="508"/>
      <c r="BY3" s="508"/>
      <c r="BZ3" s="508"/>
      <c r="CA3" s="508"/>
      <c r="CB3" s="508"/>
      <c r="CC3" s="508"/>
      <c r="CD3" s="508"/>
      <c r="CE3" s="508"/>
      <c r="CF3" s="508"/>
      <c r="CG3" s="508"/>
      <c r="CH3" s="508"/>
      <c r="CI3" s="508"/>
      <c r="CJ3" s="508"/>
      <c r="CK3" s="508"/>
      <c r="CL3" s="508"/>
      <c r="CM3" s="508"/>
      <c r="CN3" s="509"/>
      <c r="CO3" s="507" t="s">
        <v>147</v>
      </c>
      <c r="CP3" s="508"/>
      <c r="CQ3" s="508"/>
      <c r="CR3" s="508"/>
      <c r="CS3" s="508"/>
      <c r="CT3" s="508"/>
      <c r="CU3" s="508"/>
      <c r="CV3" s="508"/>
      <c r="CW3" s="508"/>
      <c r="CX3" s="508"/>
      <c r="CY3" s="508"/>
      <c r="CZ3" s="508"/>
      <c r="DA3" s="508"/>
      <c r="DB3" s="508"/>
      <c r="DC3" s="508"/>
      <c r="DD3" s="508"/>
      <c r="DE3" s="508"/>
      <c r="DF3" s="508"/>
      <c r="DG3" s="508"/>
      <c r="DH3" s="508"/>
      <c r="DI3" s="508"/>
      <c r="DJ3" s="508"/>
      <c r="DK3" s="508"/>
      <c r="DL3" s="508"/>
      <c r="DM3" s="508"/>
      <c r="DN3" s="508"/>
      <c r="DO3" s="508"/>
      <c r="DP3" s="508"/>
      <c r="DQ3" s="508"/>
      <c r="DR3" s="509"/>
      <c r="DS3" s="425" t="s">
        <v>60</v>
      </c>
      <c r="DT3" s="426"/>
      <c r="DU3" s="426"/>
      <c r="DV3" s="426"/>
      <c r="DW3" s="426"/>
      <c r="DX3" s="426"/>
      <c r="DY3" s="426"/>
      <c r="DZ3" s="426"/>
      <c r="EA3" s="426"/>
      <c r="EB3" s="427"/>
    </row>
    <row r="4" spans="2:133" ht="21" customHeight="1" thickBot="1" x14ac:dyDescent="0.25">
      <c r="B4" s="505"/>
      <c r="C4" s="431"/>
      <c r="D4" s="432"/>
      <c r="E4" s="432"/>
      <c r="F4" s="432"/>
      <c r="G4" s="432"/>
      <c r="H4" s="432"/>
      <c r="I4" s="432"/>
      <c r="J4" s="432"/>
      <c r="K4" s="432"/>
      <c r="L4" s="432"/>
      <c r="M4" s="434" t="s">
        <v>39</v>
      </c>
      <c r="N4" s="435"/>
      <c r="O4" s="435"/>
      <c r="P4" s="435"/>
      <c r="Q4" s="435"/>
      <c r="R4" s="435"/>
      <c r="S4" s="435"/>
      <c r="T4" s="435"/>
      <c r="U4" s="435"/>
      <c r="V4" s="436"/>
      <c r="W4" s="434" t="s">
        <v>40</v>
      </c>
      <c r="X4" s="435"/>
      <c r="Y4" s="435"/>
      <c r="Z4" s="435"/>
      <c r="AA4" s="435"/>
      <c r="AB4" s="435"/>
      <c r="AC4" s="435"/>
      <c r="AD4" s="435"/>
      <c r="AE4" s="435"/>
      <c r="AF4" s="436"/>
      <c r="AG4" s="431"/>
      <c r="AH4" s="432"/>
      <c r="AI4" s="432"/>
      <c r="AJ4" s="432"/>
      <c r="AK4" s="432"/>
      <c r="AL4" s="432"/>
      <c r="AM4" s="432"/>
      <c r="AN4" s="432"/>
      <c r="AO4" s="432"/>
      <c r="AP4" s="432"/>
      <c r="AQ4" s="434" t="s">
        <v>39</v>
      </c>
      <c r="AR4" s="435"/>
      <c r="AS4" s="435"/>
      <c r="AT4" s="435"/>
      <c r="AU4" s="435"/>
      <c r="AV4" s="435"/>
      <c r="AW4" s="435"/>
      <c r="AX4" s="435"/>
      <c r="AY4" s="435"/>
      <c r="AZ4" s="436"/>
      <c r="BA4" s="434" t="s">
        <v>40</v>
      </c>
      <c r="BB4" s="435"/>
      <c r="BC4" s="435"/>
      <c r="BD4" s="435"/>
      <c r="BE4" s="435"/>
      <c r="BF4" s="435"/>
      <c r="BG4" s="435"/>
      <c r="BH4" s="435"/>
      <c r="BI4" s="435"/>
      <c r="BJ4" s="436"/>
      <c r="BK4" s="431"/>
      <c r="BL4" s="432"/>
      <c r="BM4" s="432"/>
      <c r="BN4" s="432"/>
      <c r="BO4" s="432"/>
      <c r="BP4" s="432"/>
      <c r="BQ4" s="432"/>
      <c r="BR4" s="432"/>
      <c r="BS4" s="432"/>
      <c r="BT4" s="432"/>
      <c r="BU4" s="434" t="s">
        <v>39</v>
      </c>
      <c r="BV4" s="435"/>
      <c r="BW4" s="435"/>
      <c r="BX4" s="435"/>
      <c r="BY4" s="435"/>
      <c r="BZ4" s="435"/>
      <c r="CA4" s="435"/>
      <c r="CB4" s="435"/>
      <c r="CC4" s="435"/>
      <c r="CD4" s="436"/>
      <c r="CE4" s="434" t="s">
        <v>40</v>
      </c>
      <c r="CF4" s="435"/>
      <c r="CG4" s="435"/>
      <c r="CH4" s="435"/>
      <c r="CI4" s="435"/>
      <c r="CJ4" s="435"/>
      <c r="CK4" s="435"/>
      <c r="CL4" s="435"/>
      <c r="CM4" s="435"/>
      <c r="CN4" s="436"/>
      <c r="CO4" s="431"/>
      <c r="CP4" s="432"/>
      <c r="CQ4" s="432"/>
      <c r="CR4" s="432"/>
      <c r="CS4" s="432"/>
      <c r="CT4" s="432"/>
      <c r="CU4" s="432"/>
      <c r="CV4" s="432"/>
      <c r="CW4" s="432"/>
      <c r="CX4" s="432"/>
      <c r="CY4" s="434" t="s">
        <v>39</v>
      </c>
      <c r="CZ4" s="435"/>
      <c r="DA4" s="435"/>
      <c r="DB4" s="435"/>
      <c r="DC4" s="435"/>
      <c r="DD4" s="435"/>
      <c r="DE4" s="435"/>
      <c r="DF4" s="435"/>
      <c r="DG4" s="435"/>
      <c r="DH4" s="436"/>
      <c r="DI4" s="434" t="s">
        <v>40</v>
      </c>
      <c r="DJ4" s="435"/>
      <c r="DK4" s="435"/>
      <c r="DL4" s="435"/>
      <c r="DM4" s="435"/>
      <c r="DN4" s="435"/>
      <c r="DO4" s="435"/>
      <c r="DP4" s="435"/>
      <c r="DQ4" s="435"/>
      <c r="DR4" s="436"/>
      <c r="DS4" s="431"/>
      <c r="DT4" s="432"/>
      <c r="DU4" s="432"/>
      <c r="DV4" s="432"/>
      <c r="DW4" s="432"/>
      <c r="DX4" s="432"/>
      <c r="DY4" s="432"/>
      <c r="DZ4" s="432"/>
      <c r="EA4" s="432"/>
      <c r="EB4" s="433"/>
    </row>
    <row r="5" spans="2:133" ht="21" customHeight="1" x14ac:dyDescent="0.2">
      <c r="B5" s="506"/>
      <c r="C5" s="512" t="s">
        <v>61</v>
      </c>
      <c r="D5" s="513"/>
      <c r="E5" s="514"/>
      <c r="F5" s="515" t="s">
        <v>62</v>
      </c>
      <c r="G5" s="516"/>
      <c r="H5" s="516"/>
      <c r="I5" s="516"/>
      <c r="J5" s="516"/>
      <c r="K5" s="517"/>
      <c r="L5" s="527" t="s">
        <v>52</v>
      </c>
      <c r="M5" s="520" t="s">
        <v>61</v>
      </c>
      <c r="N5" s="521"/>
      <c r="O5" s="522"/>
      <c r="P5" s="523" t="s">
        <v>62</v>
      </c>
      <c r="Q5" s="432"/>
      <c r="R5" s="432"/>
      <c r="S5" s="432"/>
      <c r="T5" s="432"/>
      <c r="U5" s="524"/>
      <c r="V5" s="528" t="s">
        <v>52</v>
      </c>
      <c r="W5" s="529" t="s">
        <v>61</v>
      </c>
      <c r="X5" s="521"/>
      <c r="Y5" s="522"/>
      <c r="Z5" s="523" t="s">
        <v>62</v>
      </c>
      <c r="AA5" s="432"/>
      <c r="AB5" s="432"/>
      <c r="AC5" s="432"/>
      <c r="AD5" s="432"/>
      <c r="AE5" s="524"/>
      <c r="AF5" s="528" t="s">
        <v>52</v>
      </c>
      <c r="AG5" s="512" t="s">
        <v>61</v>
      </c>
      <c r="AH5" s="513"/>
      <c r="AI5" s="514"/>
      <c r="AJ5" s="515" t="s">
        <v>62</v>
      </c>
      <c r="AK5" s="516"/>
      <c r="AL5" s="516"/>
      <c r="AM5" s="516"/>
      <c r="AN5" s="516"/>
      <c r="AO5" s="517"/>
      <c r="AP5" s="518" t="s">
        <v>52</v>
      </c>
      <c r="AQ5" s="520" t="s">
        <v>61</v>
      </c>
      <c r="AR5" s="521"/>
      <c r="AS5" s="522"/>
      <c r="AT5" s="523" t="s">
        <v>62</v>
      </c>
      <c r="AU5" s="432"/>
      <c r="AV5" s="432"/>
      <c r="AW5" s="432"/>
      <c r="AX5" s="432"/>
      <c r="AY5" s="524"/>
      <c r="AZ5" s="525" t="s">
        <v>52</v>
      </c>
      <c r="BA5" s="520" t="s">
        <v>61</v>
      </c>
      <c r="BB5" s="521"/>
      <c r="BC5" s="522"/>
      <c r="BD5" s="523" t="s">
        <v>62</v>
      </c>
      <c r="BE5" s="432"/>
      <c r="BF5" s="432"/>
      <c r="BG5" s="432"/>
      <c r="BH5" s="432"/>
      <c r="BI5" s="524"/>
      <c r="BJ5" s="528" t="s">
        <v>52</v>
      </c>
      <c r="BK5" s="512" t="s">
        <v>61</v>
      </c>
      <c r="BL5" s="513"/>
      <c r="BM5" s="514"/>
      <c r="BN5" s="515" t="s">
        <v>62</v>
      </c>
      <c r="BO5" s="516"/>
      <c r="BP5" s="516"/>
      <c r="BQ5" s="516"/>
      <c r="BR5" s="516"/>
      <c r="BS5" s="517"/>
      <c r="BT5" s="527" t="s">
        <v>52</v>
      </c>
      <c r="BU5" s="520" t="s">
        <v>61</v>
      </c>
      <c r="BV5" s="521"/>
      <c r="BW5" s="522"/>
      <c r="BX5" s="523" t="s">
        <v>62</v>
      </c>
      <c r="BY5" s="432"/>
      <c r="BZ5" s="432"/>
      <c r="CA5" s="432"/>
      <c r="CB5" s="432"/>
      <c r="CC5" s="524"/>
      <c r="CD5" s="528" t="s">
        <v>52</v>
      </c>
      <c r="CE5" s="529" t="s">
        <v>61</v>
      </c>
      <c r="CF5" s="521"/>
      <c r="CG5" s="522"/>
      <c r="CH5" s="523" t="s">
        <v>62</v>
      </c>
      <c r="CI5" s="432"/>
      <c r="CJ5" s="432"/>
      <c r="CK5" s="432"/>
      <c r="CL5" s="432"/>
      <c r="CM5" s="524"/>
      <c r="CN5" s="528" t="s">
        <v>52</v>
      </c>
      <c r="CO5" s="512" t="s">
        <v>61</v>
      </c>
      <c r="CP5" s="513"/>
      <c r="CQ5" s="514"/>
      <c r="CR5" s="515" t="s">
        <v>62</v>
      </c>
      <c r="CS5" s="516"/>
      <c r="CT5" s="516"/>
      <c r="CU5" s="516"/>
      <c r="CV5" s="516"/>
      <c r="CW5" s="517"/>
      <c r="CX5" s="527" t="s">
        <v>52</v>
      </c>
      <c r="CY5" s="520" t="s">
        <v>61</v>
      </c>
      <c r="CZ5" s="521"/>
      <c r="DA5" s="522"/>
      <c r="DB5" s="523" t="s">
        <v>62</v>
      </c>
      <c r="DC5" s="432"/>
      <c r="DD5" s="432"/>
      <c r="DE5" s="432"/>
      <c r="DF5" s="432"/>
      <c r="DG5" s="524"/>
      <c r="DH5" s="528" t="s">
        <v>52</v>
      </c>
      <c r="DI5" s="529" t="s">
        <v>61</v>
      </c>
      <c r="DJ5" s="521"/>
      <c r="DK5" s="522"/>
      <c r="DL5" s="523" t="s">
        <v>62</v>
      </c>
      <c r="DM5" s="432"/>
      <c r="DN5" s="432"/>
      <c r="DO5" s="432"/>
      <c r="DP5" s="432"/>
      <c r="DQ5" s="524"/>
      <c r="DR5" s="528" t="s">
        <v>52</v>
      </c>
      <c r="DS5" s="512" t="s">
        <v>61</v>
      </c>
      <c r="DT5" s="513"/>
      <c r="DU5" s="514"/>
      <c r="DV5" s="515" t="s">
        <v>62</v>
      </c>
      <c r="DW5" s="516"/>
      <c r="DX5" s="516"/>
      <c r="DY5" s="516"/>
      <c r="DZ5" s="516"/>
      <c r="EA5" s="517"/>
      <c r="EB5" s="518" t="s">
        <v>52</v>
      </c>
    </row>
    <row r="6" spans="2:133" ht="30" customHeight="1" thickBot="1" x14ac:dyDescent="0.25">
      <c r="B6" s="72" t="s">
        <v>42</v>
      </c>
      <c r="C6" s="229" t="s">
        <v>43</v>
      </c>
      <c r="D6" s="230" t="s">
        <v>44</v>
      </c>
      <c r="E6" s="230" t="s">
        <v>45</v>
      </c>
      <c r="F6" s="231" t="s">
        <v>47</v>
      </c>
      <c r="G6" s="232" t="s">
        <v>48</v>
      </c>
      <c r="H6" s="232" t="s">
        <v>49</v>
      </c>
      <c r="I6" s="233" t="s">
        <v>50</v>
      </c>
      <c r="J6" s="230" t="s">
        <v>51</v>
      </c>
      <c r="K6" s="234" t="s">
        <v>95</v>
      </c>
      <c r="L6" s="526"/>
      <c r="M6" s="229" t="s">
        <v>43</v>
      </c>
      <c r="N6" s="230" t="s">
        <v>44</v>
      </c>
      <c r="O6" s="234" t="s">
        <v>45</v>
      </c>
      <c r="P6" s="231" t="s">
        <v>47</v>
      </c>
      <c r="Q6" s="232" t="s">
        <v>48</v>
      </c>
      <c r="R6" s="232" t="s">
        <v>49</v>
      </c>
      <c r="S6" s="233" t="s">
        <v>50</v>
      </c>
      <c r="T6" s="230" t="s">
        <v>51</v>
      </c>
      <c r="U6" s="234" t="s">
        <v>45</v>
      </c>
      <c r="V6" s="519"/>
      <c r="W6" s="235" t="s">
        <v>43</v>
      </c>
      <c r="X6" s="230" t="s">
        <v>44</v>
      </c>
      <c r="Y6" s="234" t="s">
        <v>45</v>
      </c>
      <c r="Z6" s="235" t="s">
        <v>47</v>
      </c>
      <c r="AA6" s="232" t="s">
        <v>48</v>
      </c>
      <c r="AB6" s="232" t="s">
        <v>49</v>
      </c>
      <c r="AC6" s="233" t="s">
        <v>50</v>
      </c>
      <c r="AD6" s="230" t="s">
        <v>51</v>
      </c>
      <c r="AE6" s="234" t="s">
        <v>45</v>
      </c>
      <c r="AF6" s="519"/>
      <c r="AG6" s="229" t="s">
        <v>43</v>
      </c>
      <c r="AH6" s="230" t="s">
        <v>44</v>
      </c>
      <c r="AI6" s="234" t="s">
        <v>45</v>
      </c>
      <c r="AJ6" s="235" t="s">
        <v>47</v>
      </c>
      <c r="AK6" s="232" t="s">
        <v>48</v>
      </c>
      <c r="AL6" s="232" t="s">
        <v>49</v>
      </c>
      <c r="AM6" s="233" t="s">
        <v>50</v>
      </c>
      <c r="AN6" s="230" t="s">
        <v>51</v>
      </c>
      <c r="AO6" s="234" t="s">
        <v>45</v>
      </c>
      <c r="AP6" s="519"/>
      <c r="AQ6" s="229" t="s">
        <v>43</v>
      </c>
      <c r="AR6" s="230" t="s">
        <v>44</v>
      </c>
      <c r="AS6" s="234" t="s">
        <v>45</v>
      </c>
      <c r="AT6" s="231" t="s">
        <v>47</v>
      </c>
      <c r="AU6" s="232" t="s">
        <v>48</v>
      </c>
      <c r="AV6" s="232" t="s">
        <v>49</v>
      </c>
      <c r="AW6" s="233" t="s">
        <v>50</v>
      </c>
      <c r="AX6" s="230" t="s">
        <v>51</v>
      </c>
      <c r="AY6" s="234" t="s">
        <v>45</v>
      </c>
      <c r="AZ6" s="526"/>
      <c r="BA6" s="229" t="s">
        <v>43</v>
      </c>
      <c r="BB6" s="230" t="s">
        <v>44</v>
      </c>
      <c r="BC6" s="230" t="s">
        <v>45</v>
      </c>
      <c r="BD6" s="231" t="s">
        <v>47</v>
      </c>
      <c r="BE6" s="232" t="s">
        <v>48</v>
      </c>
      <c r="BF6" s="232" t="s">
        <v>49</v>
      </c>
      <c r="BG6" s="233" t="s">
        <v>50</v>
      </c>
      <c r="BH6" s="230" t="s">
        <v>51</v>
      </c>
      <c r="BI6" s="234" t="s">
        <v>45</v>
      </c>
      <c r="BJ6" s="519"/>
      <c r="BK6" s="229" t="s">
        <v>43</v>
      </c>
      <c r="BL6" s="230" t="s">
        <v>44</v>
      </c>
      <c r="BM6" s="230" t="s">
        <v>45</v>
      </c>
      <c r="BN6" s="231" t="s">
        <v>47</v>
      </c>
      <c r="BO6" s="232" t="s">
        <v>48</v>
      </c>
      <c r="BP6" s="232" t="s">
        <v>49</v>
      </c>
      <c r="BQ6" s="233" t="s">
        <v>50</v>
      </c>
      <c r="BR6" s="230" t="s">
        <v>51</v>
      </c>
      <c r="BS6" s="234" t="s">
        <v>45</v>
      </c>
      <c r="BT6" s="526"/>
      <c r="BU6" s="229" t="s">
        <v>43</v>
      </c>
      <c r="BV6" s="230" t="s">
        <v>44</v>
      </c>
      <c r="BW6" s="230" t="s">
        <v>45</v>
      </c>
      <c r="BX6" s="231" t="s">
        <v>47</v>
      </c>
      <c r="BY6" s="232" t="s">
        <v>48</v>
      </c>
      <c r="BZ6" s="232" t="s">
        <v>49</v>
      </c>
      <c r="CA6" s="233" t="s">
        <v>50</v>
      </c>
      <c r="CB6" s="230" t="s">
        <v>51</v>
      </c>
      <c r="CC6" s="234" t="s">
        <v>45</v>
      </c>
      <c r="CD6" s="519"/>
      <c r="CE6" s="235" t="s">
        <v>43</v>
      </c>
      <c r="CF6" s="230" t="s">
        <v>44</v>
      </c>
      <c r="CG6" s="230" t="s">
        <v>45</v>
      </c>
      <c r="CH6" s="231" t="s">
        <v>47</v>
      </c>
      <c r="CI6" s="232" t="s">
        <v>48</v>
      </c>
      <c r="CJ6" s="232" t="s">
        <v>49</v>
      </c>
      <c r="CK6" s="233" t="s">
        <v>50</v>
      </c>
      <c r="CL6" s="230" t="s">
        <v>51</v>
      </c>
      <c r="CM6" s="234" t="s">
        <v>45</v>
      </c>
      <c r="CN6" s="519"/>
      <c r="CO6" s="229" t="s">
        <v>43</v>
      </c>
      <c r="CP6" s="230" t="s">
        <v>44</v>
      </c>
      <c r="CQ6" s="230" t="s">
        <v>45</v>
      </c>
      <c r="CR6" s="231" t="s">
        <v>47</v>
      </c>
      <c r="CS6" s="232" t="s">
        <v>48</v>
      </c>
      <c r="CT6" s="232" t="s">
        <v>49</v>
      </c>
      <c r="CU6" s="233" t="s">
        <v>50</v>
      </c>
      <c r="CV6" s="230" t="s">
        <v>51</v>
      </c>
      <c r="CW6" s="234" t="s">
        <v>45</v>
      </c>
      <c r="CX6" s="526"/>
      <c r="CY6" s="229" t="s">
        <v>43</v>
      </c>
      <c r="CZ6" s="230" t="s">
        <v>44</v>
      </c>
      <c r="DA6" s="230" t="s">
        <v>45</v>
      </c>
      <c r="DB6" s="231" t="s">
        <v>47</v>
      </c>
      <c r="DC6" s="232" t="s">
        <v>48</v>
      </c>
      <c r="DD6" s="232" t="s">
        <v>49</v>
      </c>
      <c r="DE6" s="233" t="s">
        <v>50</v>
      </c>
      <c r="DF6" s="230" t="s">
        <v>51</v>
      </c>
      <c r="DG6" s="234" t="s">
        <v>45</v>
      </c>
      <c r="DH6" s="519"/>
      <c r="DI6" s="235" t="s">
        <v>43</v>
      </c>
      <c r="DJ6" s="230" t="s">
        <v>44</v>
      </c>
      <c r="DK6" s="230" t="s">
        <v>45</v>
      </c>
      <c r="DL6" s="231" t="s">
        <v>47</v>
      </c>
      <c r="DM6" s="232" t="s">
        <v>48</v>
      </c>
      <c r="DN6" s="232" t="s">
        <v>49</v>
      </c>
      <c r="DO6" s="233" t="s">
        <v>50</v>
      </c>
      <c r="DP6" s="230" t="s">
        <v>51</v>
      </c>
      <c r="DQ6" s="234" t="s">
        <v>45</v>
      </c>
      <c r="DR6" s="519"/>
      <c r="DS6" s="229" t="s">
        <v>43</v>
      </c>
      <c r="DT6" s="230" t="s">
        <v>44</v>
      </c>
      <c r="DU6" s="230" t="s">
        <v>45</v>
      </c>
      <c r="DV6" s="231" t="s">
        <v>47</v>
      </c>
      <c r="DW6" s="232" t="s">
        <v>48</v>
      </c>
      <c r="DX6" s="232" t="s">
        <v>49</v>
      </c>
      <c r="DY6" s="233" t="s">
        <v>50</v>
      </c>
      <c r="DZ6" s="230" t="s">
        <v>51</v>
      </c>
      <c r="EA6" s="234" t="s">
        <v>45</v>
      </c>
      <c r="EB6" s="519"/>
    </row>
    <row r="7" spans="2:133" ht="21" customHeight="1" x14ac:dyDescent="0.2">
      <c r="B7" s="84" t="s">
        <v>4</v>
      </c>
      <c r="C7" s="211">
        <v>0</v>
      </c>
      <c r="D7" s="213">
        <v>0</v>
      </c>
      <c r="E7" s="213">
        <v>0</v>
      </c>
      <c r="F7" s="214">
        <v>504</v>
      </c>
      <c r="G7" s="212">
        <v>1744</v>
      </c>
      <c r="H7" s="212">
        <v>10672</v>
      </c>
      <c r="I7" s="212">
        <v>15240</v>
      </c>
      <c r="J7" s="213">
        <v>9783</v>
      </c>
      <c r="K7" s="236">
        <v>37943</v>
      </c>
      <c r="L7" s="237">
        <v>37943</v>
      </c>
      <c r="M7" s="211">
        <v>0</v>
      </c>
      <c r="N7" s="213">
        <v>0</v>
      </c>
      <c r="O7" s="236">
        <v>0</v>
      </c>
      <c r="P7" s="214">
        <v>501</v>
      </c>
      <c r="Q7" s="212">
        <v>1727</v>
      </c>
      <c r="R7" s="212">
        <v>10595</v>
      </c>
      <c r="S7" s="212">
        <v>15102</v>
      </c>
      <c r="T7" s="213">
        <v>9644</v>
      </c>
      <c r="U7" s="236">
        <v>37569</v>
      </c>
      <c r="V7" s="238">
        <v>37569</v>
      </c>
      <c r="W7" s="216">
        <v>0</v>
      </c>
      <c r="X7" s="213">
        <v>0</v>
      </c>
      <c r="Y7" s="236">
        <v>0</v>
      </c>
      <c r="Z7" s="216">
        <v>3</v>
      </c>
      <c r="AA7" s="212">
        <v>17</v>
      </c>
      <c r="AB7" s="212">
        <v>77</v>
      </c>
      <c r="AC7" s="212">
        <v>138</v>
      </c>
      <c r="AD7" s="213">
        <v>139</v>
      </c>
      <c r="AE7" s="236">
        <v>374</v>
      </c>
      <c r="AF7" s="215">
        <v>374</v>
      </c>
      <c r="AG7" s="216">
        <v>0</v>
      </c>
      <c r="AH7" s="213">
        <v>0</v>
      </c>
      <c r="AI7" s="236">
        <v>0</v>
      </c>
      <c r="AJ7" s="216">
        <v>1645</v>
      </c>
      <c r="AK7" s="212">
        <v>3326</v>
      </c>
      <c r="AL7" s="212">
        <v>4854</v>
      </c>
      <c r="AM7" s="212">
        <v>5785</v>
      </c>
      <c r="AN7" s="213">
        <v>2929</v>
      </c>
      <c r="AO7" s="236">
        <v>18539</v>
      </c>
      <c r="AP7" s="215">
        <v>18539</v>
      </c>
      <c r="AQ7" s="216">
        <v>0</v>
      </c>
      <c r="AR7" s="213">
        <v>0</v>
      </c>
      <c r="AS7" s="236">
        <v>0</v>
      </c>
      <c r="AT7" s="214">
        <v>1625</v>
      </c>
      <c r="AU7" s="212">
        <v>3284</v>
      </c>
      <c r="AV7" s="212">
        <v>4775</v>
      </c>
      <c r="AW7" s="212">
        <v>5694</v>
      </c>
      <c r="AX7" s="213">
        <v>2840</v>
      </c>
      <c r="AY7" s="236">
        <v>18218</v>
      </c>
      <c r="AZ7" s="237">
        <v>18218</v>
      </c>
      <c r="BA7" s="211">
        <v>0</v>
      </c>
      <c r="BB7" s="213">
        <v>0</v>
      </c>
      <c r="BC7" s="213">
        <v>0</v>
      </c>
      <c r="BD7" s="214">
        <v>20</v>
      </c>
      <c r="BE7" s="212">
        <v>42</v>
      </c>
      <c r="BF7" s="212">
        <v>79</v>
      </c>
      <c r="BG7" s="212">
        <v>91</v>
      </c>
      <c r="BH7" s="213">
        <v>89</v>
      </c>
      <c r="BI7" s="236">
        <v>321</v>
      </c>
      <c r="BJ7" s="238">
        <v>321</v>
      </c>
      <c r="BK7" s="216">
        <v>0</v>
      </c>
      <c r="BL7" s="213">
        <v>0</v>
      </c>
      <c r="BM7" s="213">
        <v>0</v>
      </c>
      <c r="BN7" s="214">
        <v>0</v>
      </c>
      <c r="BO7" s="212">
        <v>0</v>
      </c>
      <c r="BP7" s="212">
        <v>0</v>
      </c>
      <c r="BQ7" s="212">
        <v>0</v>
      </c>
      <c r="BR7" s="213">
        <v>0</v>
      </c>
      <c r="BS7" s="236">
        <v>0</v>
      </c>
      <c r="BT7" s="237">
        <v>0</v>
      </c>
      <c r="BU7" s="211">
        <v>0</v>
      </c>
      <c r="BV7" s="213">
        <v>0</v>
      </c>
      <c r="BW7" s="213">
        <v>0</v>
      </c>
      <c r="BX7" s="214">
        <v>0</v>
      </c>
      <c r="BY7" s="212">
        <v>0</v>
      </c>
      <c r="BZ7" s="212">
        <v>0</v>
      </c>
      <c r="CA7" s="212">
        <v>0</v>
      </c>
      <c r="CB7" s="213">
        <v>0</v>
      </c>
      <c r="CC7" s="236">
        <v>0</v>
      </c>
      <c r="CD7" s="238">
        <v>0</v>
      </c>
      <c r="CE7" s="216">
        <v>0</v>
      </c>
      <c r="CF7" s="213">
        <v>0</v>
      </c>
      <c r="CG7" s="213">
        <v>0</v>
      </c>
      <c r="CH7" s="214">
        <v>0</v>
      </c>
      <c r="CI7" s="212">
        <v>0</v>
      </c>
      <c r="CJ7" s="212">
        <v>0</v>
      </c>
      <c r="CK7" s="212">
        <v>0</v>
      </c>
      <c r="CL7" s="213">
        <v>0</v>
      </c>
      <c r="CM7" s="236">
        <v>0</v>
      </c>
      <c r="CN7" s="238">
        <v>0</v>
      </c>
      <c r="CO7" s="216">
        <v>0</v>
      </c>
      <c r="CP7" s="213">
        <v>0</v>
      </c>
      <c r="CQ7" s="213">
        <v>0</v>
      </c>
      <c r="CR7" s="214">
        <v>12</v>
      </c>
      <c r="CS7" s="212">
        <v>24</v>
      </c>
      <c r="CT7" s="212">
        <v>61</v>
      </c>
      <c r="CU7" s="212">
        <v>380</v>
      </c>
      <c r="CV7" s="213">
        <v>512</v>
      </c>
      <c r="CW7" s="236">
        <v>989</v>
      </c>
      <c r="CX7" s="237">
        <v>989</v>
      </c>
      <c r="CY7" s="211">
        <v>0</v>
      </c>
      <c r="CZ7" s="213">
        <v>0</v>
      </c>
      <c r="DA7" s="213">
        <v>0</v>
      </c>
      <c r="DB7" s="214">
        <v>11</v>
      </c>
      <c r="DC7" s="212">
        <v>23</v>
      </c>
      <c r="DD7" s="212">
        <v>60</v>
      </c>
      <c r="DE7" s="212">
        <v>374</v>
      </c>
      <c r="DF7" s="213">
        <v>499</v>
      </c>
      <c r="DG7" s="236">
        <v>967</v>
      </c>
      <c r="DH7" s="238">
        <v>967</v>
      </c>
      <c r="DI7" s="216">
        <v>0</v>
      </c>
      <c r="DJ7" s="213">
        <v>0</v>
      </c>
      <c r="DK7" s="213">
        <v>0</v>
      </c>
      <c r="DL7" s="214">
        <v>1</v>
      </c>
      <c r="DM7" s="212">
        <v>1</v>
      </c>
      <c r="DN7" s="212">
        <v>1</v>
      </c>
      <c r="DO7" s="212">
        <v>6</v>
      </c>
      <c r="DP7" s="213">
        <v>13</v>
      </c>
      <c r="DQ7" s="236">
        <v>22</v>
      </c>
      <c r="DR7" s="238">
        <v>22</v>
      </c>
      <c r="DS7" s="216">
        <v>0</v>
      </c>
      <c r="DT7" s="213">
        <v>0</v>
      </c>
      <c r="DU7" s="213">
        <v>0</v>
      </c>
      <c r="DV7" s="214">
        <v>2160</v>
      </c>
      <c r="DW7" s="212">
        <v>5093</v>
      </c>
      <c r="DX7" s="212">
        <v>15566</v>
      </c>
      <c r="DY7" s="212">
        <v>21378</v>
      </c>
      <c r="DZ7" s="213">
        <v>13206</v>
      </c>
      <c r="EA7" s="236">
        <v>57403</v>
      </c>
      <c r="EB7" s="238">
        <v>57403</v>
      </c>
      <c r="EC7" s="239"/>
    </row>
    <row r="8" spans="2:133" ht="21" customHeight="1" x14ac:dyDescent="0.2">
      <c r="B8" s="95" t="s">
        <v>5</v>
      </c>
      <c r="C8" s="217">
        <v>0</v>
      </c>
      <c r="D8" s="219">
        <v>0</v>
      </c>
      <c r="E8" s="219">
        <v>0</v>
      </c>
      <c r="F8" s="220">
        <v>291</v>
      </c>
      <c r="G8" s="218">
        <v>1179</v>
      </c>
      <c r="H8" s="218">
        <v>4743</v>
      </c>
      <c r="I8" s="218">
        <v>6387</v>
      </c>
      <c r="J8" s="219">
        <v>4124</v>
      </c>
      <c r="K8" s="240">
        <v>16724</v>
      </c>
      <c r="L8" s="241">
        <v>16724</v>
      </c>
      <c r="M8" s="217">
        <v>0</v>
      </c>
      <c r="N8" s="219">
        <v>0</v>
      </c>
      <c r="O8" s="240">
        <v>0</v>
      </c>
      <c r="P8" s="220">
        <v>291</v>
      </c>
      <c r="Q8" s="218">
        <v>1169</v>
      </c>
      <c r="R8" s="218">
        <v>4702</v>
      </c>
      <c r="S8" s="218">
        <v>6331</v>
      </c>
      <c r="T8" s="219">
        <v>4050</v>
      </c>
      <c r="U8" s="240">
        <v>16543</v>
      </c>
      <c r="V8" s="242">
        <v>16543</v>
      </c>
      <c r="W8" s="222">
        <v>0</v>
      </c>
      <c r="X8" s="219">
        <v>0</v>
      </c>
      <c r="Y8" s="240">
        <v>0</v>
      </c>
      <c r="Z8" s="222">
        <v>0</v>
      </c>
      <c r="AA8" s="218">
        <v>10</v>
      </c>
      <c r="AB8" s="218">
        <v>41</v>
      </c>
      <c r="AC8" s="218">
        <v>56</v>
      </c>
      <c r="AD8" s="219">
        <v>74</v>
      </c>
      <c r="AE8" s="240">
        <v>181</v>
      </c>
      <c r="AF8" s="221">
        <v>181</v>
      </c>
      <c r="AG8" s="222">
        <v>0</v>
      </c>
      <c r="AH8" s="219">
        <v>0</v>
      </c>
      <c r="AI8" s="240">
        <v>0</v>
      </c>
      <c r="AJ8" s="222">
        <v>557</v>
      </c>
      <c r="AK8" s="218">
        <v>1542</v>
      </c>
      <c r="AL8" s="218">
        <v>2137</v>
      </c>
      <c r="AM8" s="218">
        <v>2606</v>
      </c>
      <c r="AN8" s="219">
        <v>1398</v>
      </c>
      <c r="AO8" s="240">
        <v>8240</v>
      </c>
      <c r="AP8" s="221">
        <v>8240</v>
      </c>
      <c r="AQ8" s="222">
        <v>0</v>
      </c>
      <c r="AR8" s="219">
        <v>0</v>
      </c>
      <c r="AS8" s="240">
        <v>0</v>
      </c>
      <c r="AT8" s="220">
        <v>556</v>
      </c>
      <c r="AU8" s="218">
        <v>1525</v>
      </c>
      <c r="AV8" s="218">
        <v>2113</v>
      </c>
      <c r="AW8" s="218">
        <v>2570</v>
      </c>
      <c r="AX8" s="219">
        <v>1355</v>
      </c>
      <c r="AY8" s="240">
        <v>8119</v>
      </c>
      <c r="AZ8" s="241">
        <v>8119</v>
      </c>
      <c r="BA8" s="217">
        <v>0</v>
      </c>
      <c r="BB8" s="219">
        <v>0</v>
      </c>
      <c r="BC8" s="219">
        <v>0</v>
      </c>
      <c r="BD8" s="220">
        <v>1</v>
      </c>
      <c r="BE8" s="218">
        <v>17</v>
      </c>
      <c r="BF8" s="218">
        <v>24</v>
      </c>
      <c r="BG8" s="218">
        <v>36</v>
      </c>
      <c r="BH8" s="219">
        <v>43</v>
      </c>
      <c r="BI8" s="240">
        <v>121</v>
      </c>
      <c r="BJ8" s="242">
        <v>121</v>
      </c>
      <c r="BK8" s="222">
        <v>0</v>
      </c>
      <c r="BL8" s="219">
        <v>0</v>
      </c>
      <c r="BM8" s="219">
        <v>0</v>
      </c>
      <c r="BN8" s="220">
        <v>0</v>
      </c>
      <c r="BO8" s="218">
        <v>0</v>
      </c>
      <c r="BP8" s="218">
        <v>0</v>
      </c>
      <c r="BQ8" s="218">
        <v>0</v>
      </c>
      <c r="BR8" s="219">
        <v>0</v>
      </c>
      <c r="BS8" s="240">
        <v>0</v>
      </c>
      <c r="BT8" s="241">
        <v>0</v>
      </c>
      <c r="BU8" s="217">
        <v>0</v>
      </c>
      <c r="BV8" s="219">
        <v>0</v>
      </c>
      <c r="BW8" s="219">
        <v>0</v>
      </c>
      <c r="BX8" s="220">
        <v>0</v>
      </c>
      <c r="BY8" s="218">
        <v>0</v>
      </c>
      <c r="BZ8" s="218">
        <v>0</v>
      </c>
      <c r="CA8" s="218">
        <v>0</v>
      </c>
      <c r="CB8" s="219">
        <v>0</v>
      </c>
      <c r="CC8" s="240">
        <v>0</v>
      </c>
      <c r="CD8" s="242">
        <v>0</v>
      </c>
      <c r="CE8" s="222">
        <v>0</v>
      </c>
      <c r="CF8" s="219">
        <v>0</v>
      </c>
      <c r="CG8" s="219">
        <v>0</v>
      </c>
      <c r="CH8" s="220">
        <v>0</v>
      </c>
      <c r="CI8" s="218">
        <v>0</v>
      </c>
      <c r="CJ8" s="218">
        <v>0</v>
      </c>
      <c r="CK8" s="218">
        <v>0</v>
      </c>
      <c r="CL8" s="219">
        <v>0</v>
      </c>
      <c r="CM8" s="240">
        <v>0</v>
      </c>
      <c r="CN8" s="242">
        <v>0</v>
      </c>
      <c r="CO8" s="222">
        <v>0</v>
      </c>
      <c r="CP8" s="219">
        <v>0</v>
      </c>
      <c r="CQ8" s="219">
        <v>0</v>
      </c>
      <c r="CR8" s="220">
        <v>2</v>
      </c>
      <c r="CS8" s="218">
        <v>3</v>
      </c>
      <c r="CT8" s="218">
        <v>12</v>
      </c>
      <c r="CU8" s="218">
        <v>110</v>
      </c>
      <c r="CV8" s="219">
        <v>133</v>
      </c>
      <c r="CW8" s="240">
        <v>260</v>
      </c>
      <c r="CX8" s="241">
        <v>260</v>
      </c>
      <c r="CY8" s="217">
        <v>0</v>
      </c>
      <c r="CZ8" s="219">
        <v>0</v>
      </c>
      <c r="DA8" s="219">
        <v>0</v>
      </c>
      <c r="DB8" s="220">
        <v>2</v>
      </c>
      <c r="DC8" s="218">
        <v>3</v>
      </c>
      <c r="DD8" s="218">
        <v>12</v>
      </c>
      <c r="DE8" s="218">
        <v>108</v>
      </c>
      <c r="DF8" s="219">
        <v>131</v>
      </c>
      <c r="DG8" s="240">
        <v>256</v>
      </c>
      <c r="DH8" s="242">
        <v>256</v>
      </c>
      <c r="DI8" s="222">
        <v>0</v>
      </c>
      <c r="DJ8" s="219">
        <v>0</v>
      </c>
      <c r="DK8" s="219">
        <v>0</v>
      </c>
      <c r="DL8" s="220">
        <v>0</v>
      </c>
      <c r="DM8" s="218">
        <v>0</v>
      </c>
      <c r="DN8" s="218">
        <v>0</v>
      </c>
      <c r="DO8" s="218">
        <v>2</v>
      </c>
      <c r="DP8" s="219">
        <v>2</v>
      </c>
      <c r="DQ8" s="240">
        <v>4</v>
      </c>
      <c r="DR8" s="242">
        <v>4</v>
      </c>
      <c r="DS8" s="222">
        <v>0</v>
      </c>
      <c r="DT8" s="219">
        <v>0</v>
      </c>
      <c r="DU8" s="219">
        <v>0</v>
      </c>
      <c r="DV8" s="220">
        <v>850</v>
      </c>
      <c r="DW8" s="218">
        <v>2724</v>
      </c>
      <c r="DX8" s="218">
        <v>6892</v>
      </c>
      <c r="DY8" s="218">
        <v>9103</v>
      </c>
      <c r="DZ8" s="219">
        <v>5655</v>
      </c>
      <c r="EA8" s="240">
        <v>25224</v>
      </c>
      <c r="EB8" s="242">
        <v>25224</v>
      </c>
      <c r="EC8" s="239"/>
    </row>
    <row r="9" spans="2:133" ht="21" customHeight="1" x14ac:dyDescent="0.2">
      <c r="B9" s="106" t="s">
        <v>6</v>
      </c>
      <c r="C9" s="217">
        <v>0</v>
      </c>
      <c r="D9" s="219">
        <v>0</v>
      </c>
      <c r="E9" s="219">
        <v>0</v>
      </c>
      <c r="F9" s="220">
        <v>106</v>
      </c>
      <c r="G9" s="218">
        <v>224</v>
      </c>
      <c r="H9" s="218">
        <v>1347</v>
      </c>
      <c r="I9" s="218">
        <v>1797</v>
      </c>
      <c r="J9" s="219">
        <v>1295</v>
      </c>
      <c r="K9" s="240">
        <v>4769</v>
      </c>
      <c r="L9" s="241">
        <v>4769</v>
      </c>
      <c r="M9" s="217">
        <v>0</v>
      </c>
      <c r="N9" s="219">
        <v>0</v>
      </c>
      <c r="O9" s="240">
        <v>0</v>
      </c>
      <c r="P9" s="220">
        <v>105</v>
      </c>
      <c r="Q9" s="218">
        <v>222</v>
      </c>
      <c r="R9" s="218">
        <v>1335</v>
      </c>
      <c r="S9" s="218">
        <v>1785</v>
      </c>
      <c r="T9" s="219">
        <v>1277</v>
      </c>
      <c r="U9" s="240">
        <v>4724</v>
      </c>
      <c r="V9" s="242">
        <v>4724</v>
      </c>
      <c r="W9" s="222">
        <v>0</v>
      </c>
      <c r="X9" s="219">
        <v>0</v>
      </c>
      <c r="Y9" s="240">
        <v>0</v>
      </c>
      <c r="Z9" s="222">
        <v>1</v>
      </c>
      <c r="AA9" s="218">
        <v>2</v>
      </c>
      <c r="AB9" s="218">
        <v>12</v>
      </c>
      <c r="AC9" s="218">
        <v>12</v>
      </c>
      <c r="AD9" s="219">
        <v>18</v>
      </c>
      <c r="AE9" s="240">
        <v>45</v>
      </c>
      <c r="AF9" s="221">
        <v>45</v>
      </c>
      <c r="AG9" s="222">
        <v>0</v>
      </c>
      <c r="AH9" s="219">
        <v>0</v>
      </c>
      <c r="AI9" s="240">
        <v>0</v>
      </c>
      <c r="AJ9" s="222">
        <v>250</v>
      </c>
      <c r="AK9" s="218">
        <v>302</v>
      </c>
      <c r="AL9" s="218">
        <v>538</v>
      </c>
      <c r="AM9" s="218">
        <v>623</v>
      </c>
      <c r="AN9" s="219">
        <v>350</v>
      </c>
      <c r="AO9" s="240">
        <v>2063</v>
      </c>
      <c r="AP9" s="221">
        <v>2063</v>
      </c>
      <c r="AQ9" s="222">
        <v>0</v>
      </c>
      <c r="AR9" s="219">
        <v>0</v>
      </c>
      <c r="AS9" s="240">
        <v>0</v>
      </c>
      <c r="AT9" s="220">
        <v>244</v>
      </c>
      <c r="AU9" s="218">
        <v>298</v>
      </c>
      <c r="AV9" s="218">
        <v>521</v>
      </c>
      <c r="AW9" s="218">
        <v>611</v>
      </c>
      <c r="AX9" s="219">
        <v>331</v>
      </c>
      <c r="AY9" s="240">
        <v>2005</v>
      </c>
      <c r="AZ9" s="241">
        <v>2005</v>
      </c>
      <c r="BA9" s="217">
        <v>0</v>
      </c>
      <c r="BB9" s="219">
        <v>0</v>
      </c>
      <c r="BC9" s="219">
        <v>0</v>
      </c>
      <c r="BD9" s="220">
        <v>6</v>
      </c>
      <c r="BE9" s="218">
        <v>4</v>
      </c>
      <c r="BF9" s="218">
        <v>17</v>
      </c>
      <c r="BG9" s="218">
        <v>12</v>
      </c>
      <c r="BH9" s="219">
        <v>19</v>
      </c>
      <c r="BI9" s="240">
        <v>58</v>
      </c>
      <c r="BJ9" s="242">
        <v>58</v>
      </c>
      <c r="BK9" s="222">
        <v>0</v>
      </c>
      <c r="BL9" s="219">
        <v>0</v>
      </c>
      <c r="BM9" s="219">
        <v>0</v>
      </c>
      <c r="BN9" s="220">
        <v>0</v>
      </c>
      <c r="BO9" s="218">
        <v>0</v>
      </c>
      <c r="BP9" s="218">
        <v>0</v>
      </c>
      <c r="BQ9" s="218">
        <v>0</v>
      </c>
      <c r="BR9" s="219">
        <v>0</v>
      </c>
      <c r="BS9" s="240">
        <v>0</v>
      </c>
      <c r="BT9" s="241">
        <v>0</v>
      </c>
      <c r="BU9" s="217">
        <v>0</v>
      </c>
      <c r="BV9" s="219">
        <v>0</v>
      </c>
      <c r="BW9" s="219">
        <v>0</v>
      </c>
      <c r="BX9" s="220">
        <v>0</v>
      </c>
      <c r="BY9" s="218">
        <v>0</v>
      </c>
      <c r="BZ9" s="218">
        <v>0</v>
      </c>
      <c r="CA9" s="218">
        <v>0</v>
      </c>
      <c r="CB9" s="219">
        <v>0</v>
      </c>
      <c r="CC9" s="240">
        <v>0</v>
      </c>
      <c r="CD9" s="242">
        <v>0</v>
      </c>
      <c r="CE9" s="222">
        <v>0</v>
      </c>
      <c r="CF9" s="219">
        <v>0</v>
      </c>
      <c r="CG9" s="219">
        <v>0</v>
      </c>
      <c r="CH9" s="220">
        <v>0</v>
      </c>
      <c r="CI9" s="218">
        <v>0</v>
      </c>
      <c r="CJ9" s="218">
        <v>0</v>
      </c>
      <c r="CK9" s="218">
        <v>0</v>
      </c>
      <c r="CL9" s="219">
        <v>0</v>
      </c>
      <c r="CM9" s="240">
        <v>0</v>
      </c>
      <c r="CN9" s="242">
        <v>0</v>
      </c>
      <c r="CO9" s="222">
        <v>0</v>
      </c>
      <c r="CP9" s="219">
        <v>0</v>
      </c>
      <c r="CQ9" s="219">
        <v>0</v>
      </c>
      <c r="CR9" s="220">
        <v>0</v>
      </c>
      <c r="CS9" s="218">
        <v>0</v>
      </c>
      <c r="CT9" s="218">
        <v>3</v>
      </c>
      <c r="CU9" s="218">
        <v>37</v>
      </c>
      <c r="CV9" s="219">
        <v>57</v>
      </c>
      <c r="CW9" s="240">
        <v>97</v>
      </c>
      <c r="CX9" s="241">
        <v>97</v>
      </c>
      <c r="CY9" s="217">
        <v>0</v>
      </c>
      <c r="CZ9" s="219">
        <v>0</v>
      </c>
      <c r="DA9" s="219">
        <v>0</v>
      </c>
      <c r="DB9" s="220">
        <v>0</v>
      </c>
      <c r="DC9" s="218">
        <v>0</v>
      </c>
      <c r="DD9" s="218">
        <v>3</v>
      </c>
      <c r="DE9" s="218">
        <v>36</v>
      </c>
      <c r="DF9" s="219">
        <v>55</v>
      </c>
      <c r="DG9" s="240">
        <v>94</v>
      </c>
      <c r="DH9" s="242">
        <v>94</v>
      </c>
      <c r="DI9" s="222">
        <v>0</v>
      </c>
      <c r="DJ9" s="219">
        <v>0</v>
      </c>
      <c r="DK9" s="219">
        <v>0</v>
      </c>
      <c r="DL9" s="220">
        <v>0</v>
      </c>
      <c r="DM9" s="218">
        <v>0</v>
      </c>
      <c r="DN9" s="218">
        <v>0</v>
      </c>
      <c r="DO9" s="218">
        <v>1</v>
      </c>
      <c r="DP9" s="219">
        <v>2</v>
      </c>
      <c r="DQ9" s="240">
        <v>3</v>
      </c>
      <c r="DR9" s="242">
        <v>3</v>
      </c>
      <c r="DS9" s="222">
        <v>0</v>
      </c>
      <c r="DT9" s="219">
        <v>0</v>
      </c>
      <c r="DU9" s="219">
        <v>0</v>
      </c>
      <c r="DV9" s="220">
        <v>356</v>
      </c>
      <c r="DW9" s="218">
        <v>526</v>
      </c>
      <c r="DX9" s="218">
        <v>1888</v>
      </c>
      <c r="DY9" s="218">
        <v>2457</v>
      </c>
      <c r="DZ9" s="219">
        <v>1702</v>
      </c>
      <c r="EA9" s="240">
        <v>6929</v>
      </c>
      <c r="EB9" s="242">
        <v>6929</v>
      </c>
      <c r="EC9" s="239"/>
    </row>
    <row r="10" spans="2:133" ht="21" customHeight="1" x14ac:dyDescent="0.2">
      <c r="B10" s="106" t="s">
        <v>14</v>
      </c>
      <c r="C10" s="217">
        <v>0</v>
      </c>
      <c r="D10" s="219">
        <v>0</v>
      </c>
      <c r="E10" s="219">
        <v>0</v>
      </c>
      <c r="F10" s="220">
        <v>9</v>
      </c>
      <c r="G10" s="218">
        <v>38</v>
      </c>
      <c r="H10" s="218">
        <v>883</v>
      </c>
      <c r="I10" s="218">
        <v>1262</v>
      </c>
      <c r="J10" s="219">
        <v>754</v>
      </c>
      <c r="K10" s="240">
        <v>2946</v>
      </c>
      <c r="L10" s="241">
        <v>2946</v>
      </c>
      <c r="M10" s="217">
        <v>0</v>
      </c>
      <c r="N10" s="219">
        <v>0</v>
      </c>
      <c r="O10" s="240">
        <v>0</v>
      </c>
      <c r="P10" s="220">
        <v>9</v>
      </c>
      <c r="Q10" s="218">
        <v>38</v>
      </c>
      <c r="R10" s="218">
        <v>877</v>
      </c>
      <c r="S10" s="218">
        <v>1250</v>
      </c>
      <c r="T10" s="219">
        <v>747</v>
      </c>
      <c r="U10" s="240">
        <v>2921</v>
      </c>
      <c r="V10" s="242">
        <v>2921</v>
      </c>
      <c r="W10" s="222">
        <v>0</v>
      </c>
      <c r="X10" s="219">
        <v>0</v>
      </c>
      <c r="Y10" s="240">
        <v>0</v>
      </c>
      <c r="Z10" s="222">
        <v>0</v>
      </c>
      <c r="AA10" s="218">
        <v>0</v>
      </c>
      <c r="AB10" s="218">
        <v>6</v>
      </c>
      <c r="AC10" s="218">
        <v>12</v>
      </c>
      <c r="AD10" s="219">
        <v>7</v>
      </c>
      <c r="AE10" s="240">
        <v>25</v>
      </c>
      <c r="AF10" s="221">
        <v>25</v>
      </c>
      <c r="AG10" s="222">
        <v>0</v>
      </c>
      <c r="AH10" s="219">
        <v>0</v>
      </c>
      <c r="AI10" s="240">
        <v>0</v>
      </c>
      <c r="AJ10" s="222">
        <v>76</v>
      </c>
      <c r="AK10" s="218">
        <v>205</v>
      </c>
      <c r="AL10" s="218">
        <v>308</v>
      </c>
      <c r="AM10" s="218">
        <v>400</v>
      </c>
      <c r="AN10" s="219">
        <v>166</v>
      </c>
      <c r="AO10" s="240">
        <v>1155</v>
      </c>
      <c r="AP10" s="221">
        <v>1155</v>
      </c>
      <c r="AQ10" s="222">
        <v>0</v>
      </c>
      <c r="AR10" s="219">
        <v>0</v>
      </c>
      <c r="AS10" s="240">
        <v>0</v>
      </c>
      <c r="AT10" s="220">
        <v>76</v>
      </c>
      <c r="AU10" s="218">
        <v>199</v>
      </c>
      <c r="AV10" s="218">
        <v>301</v>
      </c>
      <c r="AW10" s="218">
        <v>392</v>
      </c>
      <c r="AX10" s="219">
        <v>163</v>
      </c>
      <c r="AY10" s="240">
        <v>1131</v>
      </c>
      <c r="AZ10" s="241">
        <v>1131</v>
      </c>
      <c r="BA10" s="217">
        <v>0</v>
      </c>
      <c r="BB10" s="219">
        <v>0</v>
      </c>
      <c r="BC10" s="219">
        <v>0</v>
      </c>
      <c r="BD10" s="220">
        <v>0</v>
      </c>
      <c r="BE10" s="218">
        <v>6</v>
      </c>
      <c r="BF10" s="218">
        <v>7</v>
      </c>
      <c r="BG10" s="218">
        <v>8</v>
      </c>
      <c r="BH10" s="219">
        <v>3</v>
      </c>
      <c r="BI10" s="240">
        <v>24</v>
      </c>
      <c r="BJ10" s="242">
        <v>24</v>
      </c>
      <c r="BK10" s="222">
        <v>0</v>
      </c>
      <c r="BL10" s="219">
        <v>0</v>
      </c>
      <c r="BM10" s="219">
        <v>0</v>
      </c>
      <c r="BN10" s="220">
        <v>0</v>
      </c>
      <c r="BO10" s="218">
        <v>0</v>
      </c>
      <c r="BP10" s="218">
        <v>0</v>
      </c>
      <c r="BQ10" s="218">
        <v>0</v>
      </c>
      <c r="BR10" s="219">
        <v>0</v>
      </c>
      <c r="BS10" s="240">
        <v>0</v>
      </c>
      <c r="BT10" s="241">
        <v>0</v>
      </c>
      <c r="BU10" s="217">
        <v>0</v>
      </c>
      <c r="BV10" s="219">
        <v>0</v>
      </c>
      <c r="BW10" s="219">
        <v>0</v>
      </c>
      <c r="BX10" s="220">
        <v>0</v>
      </c>
      <c r="BY10" s="218">
        <v>0</v>
      </c>
      <c r="BZ10" s="218">
        <v>0</v>
      </c>
      <c r="CA10" s="218">
        <v>0</v>
      </c>
      <c r="CB10" s="219">
        <v>0</v>
      </c>
      <c r="CC10" s="240">
        <v>0</v>
      </c>
      <c r="CD10" s="242">
        <v>0</v>
      </c>
      <c r="CE10" s="222">
        <v>0</v>
      </c>
      <c r="CF10" s="219">
        <v>0</v>
      </c>
      <c r="CG10" s="219">
        <v>0</v>
      </c>
      <c r="CH10" s="220">
        <v>0</v>
      </c>
      <c r="CI10" s="218">
        <v>0</v>
      </c>
      <c r="CJ10" s="218">
        <v>0</v>
      </c>
      <c r="CK10" s="218">
        <v>0</v>
      </c>
      <c r="CL10" s="219">
        <v>0</v>
      </c>
      <c r="CM10" s="240">
        <v>0</v>
      </c>
      <c r="CN10" s="242">
        <v>0</v>
      </c>
      <c r="CO10" s="222">
        <v>0</v>
      </c>
      <c r="CP10" s="219">
        <v>0</v>
      </c>
      <c r="CQ10" s="219">
        <v>0</v>
      </c>
      <c r="CR10" s="220">
        <v>1</v>
      </c>
      <c r="CS10" s="218">
        <v>0</v>
      </c>
      <c r="CT10" s="218">
        <v>13</v>
      </c>
      <c r="CU10" s="218">
        <v>107</v>
      </c>
      <c r="CV10" s="219">
        <v>99</v>
      </c>
      <c r="CW10" s="240">
        <v>220</v>
      </c>
      <c r="CX10" s="241">
        <v>220</v>
      </c>
      <c r="CY10" s="217">
        <v>0</v>
      </c>
      <c r="CZ10" s="219">
        <v>0</v>
      </c>
      <c r="DA10" s="219">
        <v>0</v>
      </c>
      <c r="DB10" s="220">
        <v>1</v>
      </c>
      <c r="DC10" s="218">
        <v>0</v>
      </c>
      <c r="DD10" s="218">
        <v>12</v>
      </c>
      <c r="DE10" s="218">
        <v>107</v>
      </c>
      <c r="DF10" s="219">
        <v>96</v>
      </c>
      <c r="DG10" s="240">
        <v>216</v>
      </c>
      <c r="DH10" s="242">
        <v>216</v>
      </c>
      <c r="DI10" s="222">
        <v>0</v>
      </c>
      <c r="DJ10" s="219">
        <v>0</v>
      </c>
      <c r="DK10" s="219">
        <v>0</v>
      </c>
      <c r="DL10" s="220">
        <v>0</v>
      </c>
      <c r="DM10" s="218">
        <v>0</v>
      </c>
      <c r="DN10" s="218">
        <v>1</v>
      </c>
      <c r="DO10" s="218">
        <v>0</v>
      </c>
      <c r="DP10" s="219">
        <v>3</v>
      </c>
      <c r="DQ10" s="240">
        <v>4</v>
      </c>
      <c r="DR10" s="242">
        <v>4</v>
      </c>
      <c r="DS10" s="222">
        <v>0</v>
      </c>
      <c r="DT10" s="219">
        <v>0</v>
      </c>
      <c r="DU10" s="219">
        <v>0</v>
      </c>
      <c r="DV10" s="220">
        <v>86</v>
      </c>
      <c r="DW10" s="218">
        <v>243</v>
      </c>
      <c r="DX10" s="218">
        <v>1200</v>
      </c>
      <c r="DY10" s="218">
        <v>1766</v>
      </c>
      <c r="DZ10" s="219">
        <v>1014</v>
      </c>
      <c r="EA10" s="240">
        <v>4309</v>
      </c>
      <c r="EB10" s="242">
        <v>4309</v>
      </c>
      <c r="EC10" s="239"/>
    </row>
    <row r="11" spans="2:133" ht="21" customHeight="1" x14ac:dyDescent="0.2">
      <c r="B11" s="106" t="s">
        <v>7</v>
      </c>
      <c r="C11" s="217">
        <v>0</v>
      </c>
      <c r="D11" s="219">
        <v>0</v>
      </c>
      <c r="E11" s="219">
        <v>0</v>
      </c>
      <c r="F11" s="220">
        <v>24</v>
      </c>
      <c r="G11" s="218">
        <v>46</v>
      </c>
      <c r="H11" s="218">
        <v>647</v>
      </c>
      <c r="I11" s="218">
        <v>940</v>
      </c>
      <c r="J11" s="219">
        <v>546</v>
      </c>
      <c r="K11" s="240">
        <v>2203</v>
      </c>
      <c r="L11" s="241">
        <v>2203</v>
      </c>
      <c r="M11" s="217">
        <v>0</v>
      </c>
      <c r="N11" s="219">
        <v>0</v>
      </c>
      <c r="O11" s="240">
        <v>0</v>
      </c>
      <c r="P11" s="220">
        <v>23</v>
      </c>
      <c r="Q11" s="218">
        <v>44</v>
      </c>
      <c r="R11" s="218">
        <v>642</v>
      </c>
      <c r="S11" s="218">
        <v>925</v>
      </c>
      <c r="T11" s="219">
        <v>541</v>
      </c>
      <c r="U11" s="240">
        <v>2175</v>
      </c>
      <c r="V11" s="242">
        <v>2175</v>
      </c>
      <c r="W11" s="222">
        <v>0</v>
      </c>
      <c r="X11" s="219">
        <v>0</v>
      </c>
      <c r="Y11" s="240">
        <v>0</v>
      </c>
      <c r="Z11" s="222">
        <v>1</v>
      </c>
      <c r="AA11" s="218">
        <v>2</v>
      </c>
      <c r="AB11" s="218">
        <v>5</v>
      </c>
      <c r="AC11" s="218">
        <v>15</v>
      </c>
      <c r="AD11" s="219">
        <v>5</v>
      </c>
      <c r="AE11" s="240">
        <v>28</v>
      </c>
      <c r="AF11" s="221">
        <v>28</v>
      </c>
      <c r="AG11" s="222">
        <v>0</v>
      </c>
      <c r="AH11" s="219">
        <v>0</v>
      </c>
      <c r="AI11" s="240">
        <v>0</v>
      </c>
      <c r="AJ11" s="222">
        <v>183</v>
      </c>
      <c r="AK11" s="218">
        <v>180</v>
      </c>
      <c r="AL11" s="218">
        <v>274</v>
      </c>
      <c r="AM11" s="218">
        <v>292</v>
      </c>
      <c r="AN11" s="219">
        <v>105</v>
      </c>
      <c r="AO11" s="240">
        <v>1034</v>
      </c>
      <c r="AP11" s="221">
        <v>1034</v>
      </c>
      <c r="AQ11" s="222">
        <v>0</v>
      </c>
      <c r="AR11" s="219">
        <v>0</v>
      </c>
      <c r="AS11" s="240">
        <v>0</v>
      </c>
      <c r="AT11" s="220">
        <v>181</v>
      </c>
      <c r="AU11" s="218">
        <v>177</v>
      </c>
      <c r="AV11" s="218">
        <v>269</v>
      </c>
      <c r="AW11" s="218">
        <v>284</v>
      </c>
      <c r="AX11" s="219">
        <v>105</v>
      </c>
      <c r="AY11" s="240">
        <v>1016</v>
      </c>
      <c r="AZ11" s="241">
        <v>1016</v>
      </c>
      <c r="BA11" s="217">
        <v>0</v>
      </c>
      <c r="BB11" s="219">
        <v>0</v>
      </c>
      <c r="BC11" s="219">
        <v>0</v>
      </c>
      <c r="BD11" s="220">
        <v>2</v>
      </c>
      <c r="BE11" s="218">
        <v>3</v>
      </c>
      <c r="BF11" s="218">
        <v>5</v>
      </c>
      <c r="BG11" s="218">
        <v>8</v>
      </c>
      <c r="BH11" s="219">
        <v>0</v>
      </c>
      <c r="BI11" s="240">
        <v>18</v>
      </c>
      <c r="BJ11" s="242">
        <v>18</v>
      </c>
      <c r="BK11" s="222">
        <v>0</v>
      </c>
      <c r="BL11" s="219">
        <v>0</v>
      </c>
      <c r="BM11" s="219">
        <v>0</v>
      </c>
      <c r="BN11" s="220">
        <v>0</v>
      </c>
      <c r="BO11" s="218">
        <v>0</v>
      </c>
      <c r="BP11" s="218">
        <v>0</v>
      </c>
      <c r="BQ11" s="218">
        <v>0</v>
      </c>
      <c r="BR11" s="219">
        <v>0</v>
      </c>
      <c r="BS11" s="240">
        <v>0</v>
      </c>
      <c r="BT11" s="241">
        <v>0</v>
      </c>
      <c r="BU11" s="217">
        <v>0</v>
      </c>
      <c r="BV11" s="219">
        <v>0</v>
      </c>
      <c r="BW11" s="219">
        <v>0</v>
      </c>
      <c r="BX11" s="220">
        <v>0</v>
      </c>
      <c r="BY11" s="218">
        <v>0</v>
      </c>
      <c r="BZ11" s="218">
        <v>0</v>
      </c>
      <c r="CA11" s="218">
        <v>0</v>
      </c>
      <c r="CB11" s="219">
        <v>0</v>
      </c>
      <c r="CC11" s="240">
        <v>0</v>
      </c>
      <c r="CD11" s="242">
        <v>0</v>
      </c>
      <c r="CE11" s="222">
        <v>0</v>
      </c>
      <c r="CF11" s="219">
        <v>0</v>
      </c>
      <c r="CG11" s="219">
        <v>0</v>
      </c>
      <c r="CH11" s="220">
        <v>0</v>
      </c>
      <c r="CI11" s="218">
        <v>0</v>
      </c>
      <c r="CJ11" s="218">
        <v>0</v>
      </c>
      <c r="CK11" s="218">
        <v>0</v>
      </c>
      <c r="CL11" s="219">
        <v>0</v>
      </c>
      <c r="CM11" s="240">
        <v>0</v>
      </c>
      <c r="CN11" s="242">
        <v>0</v>
      </c>
      <c r="CO11" s="222">
        <v>0</v>
      </c>
      <c r="CP11" s="219">
        <v>0</v>
      </c>
      <c r="CQ11" s="219">
        <v>0</v>
      </c>
      <c r="CR11" s="220">
        <v>0</v>
      </c>
      <c r="CS11" s="218">
        <v>0</v>
      </c>
      <c r="CT11" s="218">
        <v>3</v>
      </c>
      <c r="CU11" s="218">
        <v>4</v>
      </c>
      <c r="CV11" s="219">
        <v>3</v>
      </c>
      <c r="CW11" s="240">
        <v>10</v>
      </c>
      <c r="CX11" s="241">
        <v>10</v>
      </c>
      <c r="CY11" s="217">
        <v>0</v>
      </c>
      <c r="CZ11" s="219">
        <v>0</v>
      </c>
      <c r="DA11" s="219">
        <v>0</v>
      </c>
      <c r="DB11" s="220">
        <v>0</v>
      </c>
      <c r="DC11" s="218">
        <v>0</v>
      </c>
      <c r="DD11" s="218">
        <v>3</v>
      </c>
      <c r="DE11" s="218">
        <v>4</v>
      </c>
      <c r="DF11" s="219">
        <v>3</v>
      </c>
      <c r="DG11" s="240">
        <v>10</v>
      </c>
      <c r="DH11" s="242">
        <v>10</v>
      </c>
      <c r="DI11" s="222">
        <v>0</v>
      </c>
      <c r="DJ11" s="219">
        <v>0</v>
      </c>
      <c r="DK11" s="219">
        <v>0</v>
      </c>
      <c r="DL11" s="220">
        <v>0</v>
      </c>
      <c r="DM11" s="218">
        <v>0</v>
      </c>
      <c r="DN11" s="218">
        <v>0</v>
      </c>
      <c r="DO11" s="218">
        <v>0</v>
      </c>
      <c r="DP11" s="219">
        <v>0</v>
      </c>
      <c r="DQ11" s="240">
        <v>0</v>
      </c>
      <c r="DR11" s="242">
        <v>0</v>
      </c>
      <c r="DS11" s="222">
        <v>0</v>
      </c>
      <c r="DT11" s="219">
        <v>0</v>
      </c>
      <c r="DU11" s="219">
        <v>0</v>
      </c>
      <c r="DV11" s="220">
        <v>207</v>
      </c>
      <c r="DW11" s="218">
        <v>226</v>
      </c>
      <c r="DX11" s="218">
        <v>919</v>
      </c>
      <c r="DY11" s="218">
        <v>1232</v>
      </c>
      <c r="DZ11" s="219">
        <v>653</v>
      </c>
      <c r="EA11" s="240">
        <v>3237</v>
      </c>
      <c r="EB11" s="242">
        <v>3237</v>
      </c>
      <c r="EC11" s="239"/>
    </row>
    <row r="12" spans="2:133" ht="21" customHeight="1" x14ac:dyDescent="0.2">
      <c r="B12" s="106" t="s">
        <v>8</v>
      </c>
      <c r="C12" s="217">
        <v>0</v>
      </c>
      <c r="D12" s="219">
        <v>0</v>
      </c>
      <c r="E12" s="219">
        <v>0</v>
      </c>
      <c r="F12" s="220">
        <v>9</v>
      </c>
      <c r="G12" s="218">
        <v>53</v>
      </c>
      <c r="H12" s="218">
        <v>398</v>
      </c>
      <c r="I12" s="218">
        <v>458</v>
      </c>
      <c r="J12" s="219">
        <v>265</v>
      </c>
      <c r="K12" s="240">
        <v>1183</v>
      </c>
      <c r="L12" s="241">
        <v>1183</v>
      </c>
      <c r="M12" s="217">
        <v>0</v>
      </c>
      <c r="N12" s="219">
        <v>0</v>
      </c>
      <c r="O12" s="240">
        <v>0</v>
      </c>
      <c r="P12" s="220">
        <v>9</v>
      </c>
      <c r="Q12" s="218">
        <v>52</v>
      </c>
      <c r="R12" s="218">
        <v>397</v>
      </c>
      <c r="S12" s="218">
        <v>454</v>
      </c>
      <c r="T12" s="219">
        <v>262</v>
      </c>
      <c r="U12" s="240">
        <v>1174</v>
      </c>
      <c r="V12" s="242">
        <v>1174</v>
      </c>
      <c r="W12" s="222">
        <v>0</v>
      </c>
      <c r="X12" s="219">
        <v>0</v>
      </c>
      <c r="Y12" s="240">
        <v>0</v>
      </c>
      <c r="Z12" s="222">
        <v>0</v>
      </c>
      <c r="AA12" s="218">
        <v>1</v>
      </c>
      <c r="AB12" s="218">
        <v>1</v>
      </c>
      <c r="AC12" s="218">
        <v>4</v>
      </c>
      <c r="AD12" s="219">
        <v>3</v>
      </c>
      <c r="AE12" s="240">
        <v>9</v>
      </c>
      <c r="AF12" s="221">
        <v>9</v>
      </c>
      <c r="AG12" s="222">
        <v>0</v>
      </c>
      <c r="AH12" s="219">
        <v>0</v>
      </c>
      <c r="AI12" s="240">
        <v>0</v>
      </c>
      <c r="AJ12" s="222">
        <v>42</v>
      </c>
      <c r="AK12" s="218">
        <v>73</v>
      </c>
      <c r="AL12" s="218">
        <v>135</v>
      </c>
      <c r="AM12" s="218">
        <v>159</v>
      </c>
      <c r="AN12" s="219">
        <v>85</v>
      </c>
      <c r="AO12" s="240">
        <v>494</v>
      </c>
      <c r="AP12" s="221">
        <v>494</v>
      </c>
      <c r="AQ12" s="222">
        <v>0</v>
      </c>
      <c r="AR12" s="219">
        <v>0</v>
      </c>
      <c r="AS12" s="240">
        <v>0</v>
      </c>
      <c r="AT12" s="220">
        <v>41</v>
      </c>
      <c r="AU12" s="218">
        <v>73</v>
      </c>
      <c r="AV12" s="218">
        <v>132</v>
      </c>
      <c r="AW12" s="218">
        <v>158</v>
      </c>
      <c r="AX12" s="219">
        <v>83</v>
      </c>
      <c r="AY12" s="240">
        <v>487</v>
      </c>
      <c r="AZ12" s="241">
        <v>487</v>
      </c>
      <c r="BA12" s="217">
        <v>0</v>
      </c>
      <c r="BB12" s="219">
        <v>0</v>
      </c>
      <c r="BC12" s="219">
        <v>0</v>
      </c>
      <c r="BD12" s="220">
        <v>1</v>
      </c>
      <c r="BE12" s="218">
        <v>0</v>
      </c>
      <c r="BF12" s="218">
        <v>3</v>
      </c>
      <c r="BG12" s="218">
        <v>1</v>
      </c>
      <c r="BH12" s="219">
        <v>2</v>
      </c>
      <c r="BI12" s="240">
        <v>7</v>
      </c>
      <c r="BJ12" s="242">
        <v>7</v>
      </c>
      <c r="BK12" s="222">
        <v>0</v>
      </c>
      <c r="BL12" s="219">
        <v>0</v>
      </c>
      <c r="BM12" s="219">
        <v>0</v>
      </c>
      <c r="BN12" s="220">
        <v>0</v>
      </c>
      <c r="BO12" s="218">
        <v>0</v>
      </c>
      <c r="BP12" s="218">
        <v>0</v>
      </c>
      <c r="BQ12" s="218">
        <v>0</v>
      </c>
      <c r="BR12" s="219">
        <v>0</v>
      </c>
      <c r="BS12" s="240">
        <v>0</v>
      </c>
      <c r="BT12" s="241">
        <v>0</v>
      </c>
      <c r="BU12" s="217">
        <v>0</v>
      </c>
      <c r="BV12" s="219">
        <v>0</v>
      </c>
      <c r="BW12" s="219">
        <v>0</v>
      </c>
      <c r="BX12" s="220">
        <v>0</v>
      </c>
      <c r="BY12" s="218">
        <v>0</v>
      </c>
      <c r="BZ12" s="218">
        <v>0</v>
      </c>
      <c r="CA12" s="218">
        <v>0</v>
      </c>
      <c r="CB12" s="219">
        <v>0</v>
      </c>
      <c r="CC12" s="240">
        <v>0</v>
      </c>
      <c r="CD12" s="242">
        <v>0</v>
      </c>
      <c r="CE12" s="222">
        <v>0</v>
      </c>
      <c r="CF12" s="219">
        <v>0</v>
      </c>
      <c r="CG12" s="219">
        <v>0</v>
      </c>
      <c r="CH12" s="220">
        <v>0</v>
      </c>
      <c r="CI12" s="218">
        <v>0</v>
      </c>
      <c r="CJ12" s="218">
        <v>0</v>
      </c>
      <c r="CK12" s="218">
        <v>0</v>
      </c>
      <c r="CL12" s="219">
        <v>0</v>
      </c>
      <c r="CM12" s="240">
        <v>0</v>
      </c>
      <c r="CN12" s="242">
        <v>0</v>
      </c>
      <c r="CO12" s="222">
        <v>0</v>
      </c>
      <c r="CP12" s="219">
        <v>0</v>
      </c>
      <c r="CQ12" s="219">
        <v>0</v>
      </c>
      <c r="CR12" s="220">
        <v>0</v>
      </c>
      <c r="CS12" s="218">
        <v>1</v>
      </c>
      <c r="CT12" s="218">
        <v>1</v>
      </c>
      <c r="CU12" s="218">
        <v>7</v>
      </c>
      <c r="CV12" s="219">
        <v>8</v>
      </c>
      <c r="CW12" s="240">
        <v>17</v>
      </c>
      <c r="CX12" s="241">
        <v>17</v>
      </c>
      <c r="CY12" s="217">
        <v>0</v>
      </c>
      <c r="CZ12" s="219">
        <v>0</v>
      </c>
      <c r="DA12" s="219">
        <v>0</v>
      </c>
      <c r="DB12" s="220">
        <v>0</v>
      </c>
      <c r="DC12" s="218">
        <v>0</v>
      </c>
      <c r="DD12" s="218">
        <v>1</v>
      </c>
      <c r="DE12" s="218">
        <v>7</v>
      </c>
      <c r="DF12" s="219">
        <v>8</v>
      </c>
      <c r="DG12" s="240">
        <v>16</v>
      </c>
      <c r="DH12" s="242">
        <v>16</v>
      </c>
      <c r="DI12" s="222">
        <v>0</v>
      </c>
      <c r="DJ12" s="219">
        <v>0</v>
      </c>
      <c r="DK12" s="219">
        <v>0</v>
      </c>
      <c r="DL12" s="220">
        <v>0</v>
      </c>
      <c r="DM12" s="218">
        <v>1</v>
      </c>
      <c r="DN12" s="218">
        <v>0</v>
      </c>
      <c r="DO12" s="218">
        <v>0</v>
      </c>
      <c r="DP12" s="219">
        <v>0</v>
      </c>
      <c r="DQ12" s="240">
        <v>1</v>
      </c>
      <c r="DR12" s="242">
        <v>1</v>
      </c>
      <c r="DS12" s="222">
        <v>0</v>
      </c>
      <c r="DT12" s="219">
        <v>0</v>
      </c>
      <c r="DU12" s="219">
        <v>0</v>
      </c>
      <c r="DV12" s="220">
        <v>51</v>
      </c>
      <c r="DW12" s="218">
        <v>127</v>
      </c>
      <c r="DX12" s="218">
        <v>534</v>
      </c>
      <c r="DY12" s="218">
        <v>624</v>
      </c>
      <c r="DZ12" s="219">
        <v>358</v>
      </c>
      <c r="EA12" s="240">
        <v>1694</v>
      </c>
      <c r="EB12" s="242">
        <v>1694</v>
      </c>
      <c r="EC12" s="239"/>
    </row>
    <row r="13" spans="2:133" ht="21" customHeight="1" x14ac:dyDescent="0.2">
      <c r="B13" s="106" t="s">
        <v>9</v>
      </c>
      <c r="C13" s="217">
        <v>0</v>
      </c>
      <c r="D13" s="219">
        <v>0</v>
      </c>
      <c r="E13" s="219">
        <v>0</v>
      </c>
      <c r="F13" s="220">
        <v>1</v>
      </c>
      <c r="G13" s="218">
        <v>7</v>
      </c>
      <c r="H13" s="218">
        <v>218</v>
      </c>
      <c r="I13" s="218">
        <v>349</v>
      </c>
      <c r="J13" s="219">
        <v>265</v>
      </c>
      <c r="K13" s="240">
        <v>840</v>
      </c>
      <c r="L13" s="241">
        <v>840</v>
      </c>
      <c r="M13" s="217">
        <v>0</v>
      </c>
      <c r="N13" s="219">
        <v>0</v>
      </c>
      <c r="O13" s="240">
        <v>0</v>
      </c>
      <c r="P13" s="220">
        <v>1</v>
      </c>
      <c r="Q13" s="218">
        <v>7</v>
      </c>
      <c r="R13" s="218">
        <v>218</v>
      </c>
      <c r="S13" s="218">
        <v>345</v>
      </c>
      <c r="T13" s="219">
        <v>264</v>
      </c>
      <c r="U13" s="240">
        <v>835</v>
      </c>
      <c r="V13" s="242">
        <v>835</v>
      </c>
      <c r="W13" s="222">
        <v>0</v>
      </c>
      <c r="X13" s="219">
        <v>0</v>
      </c>
      <c r="Y13" s="240">
        <v>0</v>
      </c>
      <c r="Z13" s="222">
        <v>0</v>
      </c>
      <c r="AA13" s="218">
        <v>0</v>
      </c>
      <c r="AB13" s="218">
        <v>0</v>
      </c>
      <c r="AC13" s="218">
        <v>4</v>
      </c>
      <c r="AD13" s="219">
        <v>1</v>
      </c>
      <c r="AE13" s="240">
        <v>5</v>
      </c>
      <c r="AF13" s="221">
        <v>5</v>
      </c>
      <c r="AG13" s="222">
        <v>0</v>
      </c>
      <c r="AH13" s="219">
        <v>0</v>
      </c>
      <c r="AI13" s="240">
        <v>0</v>
      </c>
      <c r="AJ13" s="222">
        <v>35</v>
      </c>
      <c r="AK13" s="218">
        <v>62</v>
      </c>
      <c r="AL13" s="218">
        <v>119</v>
      </c>
      <c r="AM13" s="218">
        <v>115</v>
      </c>
      <c r="AN13" s="219">
        <v>74</v>
      </c>
      <c r="AO13" s="240">
        <v>405</v>
      </c>
      <c r="AP13" s="221">
        <v>405</v>
      </c>
      <c r="AQ13" s="222">
        <v>0</v>
      </c>
      <c r="AR13" s="219">
        <v>0</v>
      </c>
      <c r="AS13" s="240">
        <v>0</v>
      </c>
      <c r="AT13" s="220">
        <v>35</v>
      </c>
      <c r="AU13" s="218">
        <v>62</v>
      </c>
      <c r="AV13" s="218">
        <v>116</v>
      </c>
      <c r="AW13" s="218">
        <v>114</v>
      </c>
      <c r="AX13" s="219">
        <v>74</v>
      </c>
      <c r="AY13" s="240">
        <v>401</v>
      </c>
      <c r="AZ13" s="241">
        <v>401</v>
      </c>
      <c r="BA13" s="217">
        <v>0</v>
      </c>
      <c r="BB13" s="219">
        <v>0</v>
      </c>
      <c r="BC13" s="219">
        <v>0</v>
      </c>
      <c r="BD13" s="220">
        <v>0</v>
      </c>
      <c r="BE13" s="218">
        <v>0</v>
      </c>
      <c r="BF13" s="218">
        <v>3</v>
      </c>
      <c r="BG13" s="218">
        <v>1</v>
      </c>
      <c r="BH13" s="219">
        <v>0</v>
      </c>
      <c r="BI13" s="240">
        <v>4</v>
      </c>
      <c r="BJ13" s="242">
        <v>4</v>
      </c>
      <c r="BK13" s="222">
        <v>0</v>
      </c>
      <c r="BL13" s="219">
        <v>0</v>
      </c>
      <c r="BM13" s="219">
        <v>0</v>
      </c>
      <c r="BN13" s="220">
        <v>0</v>
      </c>
      <c r="BO13" s="218">
        <v>0</v>
      </c>
      <c r="BP13" s="218">
        <v>0</v>
      </c>
      <c r="BQ13" s="218">
        <v>0</v>
      </c>
      <c r="BR13" s="219">
        <v>0</v>
      </c>
      <c r="BS13" s="240">
        <v>0</v>
      </c>
      <c r="BT13" s="241">
        <v>0</v>
      </c>
      <c r="BU13" s="217">
        <v>0</v>
      </c>
      <c r="BV13" s="219">
        <v>0</v>
      </c>
      <c r="BW13" s="219">
        <v>0</v>
      </c>
      <c r="BX13" s="220">
        <v>0</v>
      </c>
      <c r="BY13" s="218">
        <v>0</v>
      </c>
      <c r="BZ13" s="218">
        <v>0</v>
      </c>
      <c r="CA13" s="218">
        <v>0</v>
      </c>
      <c r="CB13" s="219">
        <v>0</v>
      </c>
      <c r="CC13" s="240">
        <v>0</v>
      </c>
      <c r="CD13" s="242">
        <v>0</v>
      </c>
      <c r="CE13" s="222">
        <v>0</v>
      </c>
      <c r="CF13" s="219">
        <v>0</v>
      </c>
      <c r="CG13" s="219">
        <v>0</v>
      </c>
      <c r="CH13" s="220">
        <v>0</v>
      </c>
      <c r="CI13" s="218">
        <v>0</v>
      </c>
      <c r="CJ13" s="218">
        <v>0</v>
      </c>
      <c r="CK13" s="218">
        <v>0</v>
      </c>
      <c r="CL13" s="219">
        <v>0</v>
      </c>
      <c r="CM13" s="240">
        <v>0</v>
      </c>
      <c r="CN13" s="242">
        <v>0</v>
      </c>
      <c r="CO13" s="222">
        <v>0</v>
      </c>
      <c r="CP13" s="219">
        <v>0</v>
      </c>
      <c r="CQ13" s="219">
        <v>0</v>
      </c>
      <c r="CR13" s="220">
        <v>0</v>
      </c>
      <c r="CS13" s="218">
        <v>1</v>
      </c>
      <c r="CT13" s="218">
        <v>0</v>
      </c>
      <c r="CU13" s="218">
        <v>2</v>
      </c>
      <c r="CV13" s="219">
        <v>8</v>
      </c>
      <c r="CW13" s="240">
        <v>11</v>
      </c>
      <c r="CX13" s="241">
        <v>11</v>
      </c>
      <c r="CY13" s="217">
        <v>0</v>
      </c>
      <c r="CZ13" s="219">
        <v>0</v>
      </c>
      <c r="DA13" s="219">
        <v>0</v>
      </c>
      <c r="DB13" s="220">
        <v>0</v>
      </c>
      <c r="DC13" s="218">
        <v>1</v>
      </c>
      <c r="DD13" s="218">
        <v>0</v>
      </c>
      <c r="DE13" s="218">
        <v>2</v>
      </c>
      <c r="DF13" s="219">
        <v>8</v>
      </c>
      <c r="DG13" s="240">
        <v>11</v>
      </c>
      <c r="DH13" s="242">
        <v>11</v>
      </c>
      <c r="DI13" s="222">
        <v>0</v>
      </c>
      <c r="DJ13" s="219">
        <v>0</v>
      </c>
      <c r="DK13" s="219">
        <v>0</v>
      </c>
      <c r="DL13" s="220">
        <v>0</v>
      </c>
      <c r="DM13" s="218">
        <v>0</v>
      </c>
      <c r="DN13" s="218">
        <v>0</v>
      </c>
      <c r="DO13" s="218">
        <v>0</v>
      </c>
      <c r="DP13" s="219">
        <v>0</v>
      </c>
      <c r="DQ13" s="240">
        <v>0</v>
      </c>
      <c r="DR13" s="242">
        <v>0</v>
      </c>
      <c r="DS13" s="222">
        <v>0</v>
      </c>
      <c r="DT13" s="219">
        <v>0</v>
      </c>
      <c r="DU13" s="219">
        <v>0</v>
      </c>
      <c r="DV13" s="220">
        <v>36</v>
      </c>
      <c r="DW13" s="218">
        <v>70</v>
      </c>
      <c r="DX13" s="218">
        <v>336</v>
      </c>
      <c r="DY13" s="218">
        <v>461</v>
      </c>
      <c r="DZ13" s="219">
        <v>345</v>
      </c>
      <c r="EA13" s="240">
        <v>1248</v>
      </c>
      <c r="EB13" s="242">
        <v>1248</v>
      </c>
      <c r="EC13" s="239"/>
    </row>
    <row r="14" spans="2:133" ht="21" customHeight="1" x14ac:dyDescent="0.2">
      <c r="B14" s="106" t="s">
        <v>10</v>
      </c>
      <c r="C14" s="217">
        <v>0</v>
      </c>
      <c r="D14" s="219">
        <v>0</v>
      </c>
      <c r="E14" s="219">
        <v>0</v>
      </c>
      <c r="F14" s="220">
        <v>16</v>
      </c>
      <c r="G14" s="218">
        <v>46</v>
      </c>
      <c r="H14" s="218">
        <v>318</v>
      </c>
      <c r="I14" s="218">
        <v>629</v>
      </c>
      <c r="J14" s="219">
        <v>406</v>
      </c>
      <c r="K14" s="240">
        <v>1415</v>
      </c>
      <c r="L14" s="241">
        <v>1415</v>
      </c>
      <c r="M14" s="217">
        <v>0</v>
      </c>
      <c r="N14" s="219">
        <v>0</v>
      </c>
      <c r="O14" s="240">
        <v>0</v>
      </c>
      <c r="P14" s="220">
        <v>16</v>
      </c>
      <c r="Q14" s="218">
        <v>45</v>
      </c>
      <c r="R14" s="218">
        <v>314</v>
      </c>
      <c r="S14" s="218">
        <v>622</v>
      </c>
      <c r="T14" s="219">
        <v>403</v>
      </c>
      <c r="U14" s="240">
        <v>1400</v>
      </c>
      <c r="V14" s="242">
        <v>1400</v>
      </c>
      <c r="W14" s="222">
        <v>0</v>
      </c>
      <c r="X14" s="219">
        <v>0</v>
      </c>
      <c r="Y14" s="240">
        <v>0</v>
      </c>
      <c r="Z14" s="222">
        <v>0</v>
      </c>
      <c r="AA14" s="218">
        <v>1</v>
      </c>
      <c r="AB14" s="218">
        <v>4</v>
      </c>
      <c r="AC14" s="218">
        <v>7</v>
      </c>
      <c r="AD14" s="219">
        <v>3</v>
      </c>
      <c r="AE14" s="240">
        <v>15</v>
      </c>
      <c r="AF14" s="221">
        <v>15</v>
      </c>
      <c r="AG14" s="222">
        <v>0</v>
      </c>
      <c r="AH14" s="219">
        <v>0</v>
      </c>
      <c r="AI14" s="240">
        <v>0</v>
      </c>
      <c r="AJ14" s="222">
        <v>85</v>
      </c>
      <c r="AK14" s="218">
        <v>109</v>
      </c>
      <c r="AL14" s="218">
        <v>116</v>
      </c>
      <c r="AM14" s="218">
        <v>197</v>
      </c>
      <c r="AN14" s="219">
        <v>91</v>
      </c>
      <c r="AO14" s="240">
        <v>598</v>
      </c>
      <c r="AP14" s="221">
        <v>598</v>
      </c>
      <c r="AQ14" s="222">
        <v>0</v>
      </c>
      <c r="AR14" s="219">
        <v>0</v>
      </c>
      <c r="AS14" s="240">
        <v>0</v>
      </c>
      <c r="AT14" s="220">
        <v>82</v>
      </c>
      <c r="AU14" s="218">
        <v>108</v>
      </c>
      <c r="AV14" s="218">
        <v>113</v>
      </c>
      <c r="AW14" s="218">
        <v>196</v>
      </c>
      <c r="AX14" s="219">
        <v>90</v>
      </c>
      <c r="AY14" s="240">
        <v>589</v>
      </c>
      <c r="AZ14" s="241">
        <v>589</v>
      </c>
      <c r="BA14" s="217">
        <v>0</v>
      </c>
      <c r="BB14" s="219">
        <v>0</v>
      </c>
      <c r="BC14" s="219">
        <v>0</v>
      </c>
      <c r="BD14" s="220">
        <v>3</v>
      </c>
      <c r="BE14" s="218">
        <v>1</v>
      </c>
      <c r="BF14" s="218">
        <v>3</v>
      </c>
      <c r="BG14" s="218">
        <v>1</v>
      </c>
      <c r="BH14" s="219">
        <v>1</v>
      </c>
      <c r="BI14" s="240">
        <v>9</v>
      </c>
      <c r="BJ14" s="242">
        <v>9</v>
      </c>
      <c r="BK14" s="222">
        <v>0</v>
      </c>
      <c r="BL14" s="219">
        <v>0</v>
      </c>
      <c r="BM14" s="219">
        <v>0</v>
      </c>
      <c r="BN14" s="220">
        <v>0</v>
      </c>
      <c r="BO14" s="218">
        <v>0</v>
      </c>
      <c r="BP14" s="218">
        <v>0</v>
      </c>
      <c r="BQ14" s="218">
        <v>0</v>
      </c>
      <c r="BR14" s="219">
        <v>0</v>
      </c>
      <c r="BS14" s="240">
        <v>0</v>
      </c>
      <c r="BT14" s="241">
        <v>0</v>
      </c>
      <c r="BU14" s="217">
        <v>0</v>
      </c>
      <c r="BV14" s="219">
        <v>0</v>
      </c>
      <c r="BW14" s="219">
        <v>0</v>
      </c>
      <c r="BX14" s="220">
        <v>0</v>
      </c>
      <c r="BY14" s="218">
        <v>0</v>
      </c>
      <c r="BZ14" s="218">
        <v>0</v>
      </c>
      <c r="CA14" s="218">
        <v>0</v>
      </c>
      <c r="CB14" s="219">
        <v>0</v>
      </c>
      <c r="CC14" s="240">
        <v>0</v>
      </c>
      <c r="CD14" s="242">
        <v>0</v>
      </c>
      <c r="CE14" s="222">
        <v>0</v>
      </c>
      <c r="CF14" s="219">
        <v>0</v>
      </c>
      <c r="CG14" s="219">
        <v>0</v>
      </c>
      <c r="CH14" s="220">
        <v>0</v>
      </c>
      <c r="CI14" s="218">
        <v>0</v>
      </c>
      <c r="CJ14" s="218">
        <v>0</v>
      </c>
      <c r="CK14" s="218">
        <v>0</v>
      </c>
      <c r="CL14" s="219">
        <v>0</v>
      </c>
      <c r="CM14" s="240">
        <v>0</v>
      </c>
      <c r="CN14" s="242">
        <v>0</v>
      </c>
      <c r="CO14" s="222">
        <v>0</v>
      </c>
      <c r="CP14" s="219">
        <v>0</v>
      </c>
      <c r="CQ14" s="219">
        <v>0</v>
      </c>
      <c r="CR14" s="220">
        <v>0</v>
      </c>
      <c r="CS14" s="218">
        <v>0</v>
      </c>
      <c r="CT14" s="218">
        <v>2</v>
      </c>
      <c r="CU14" s="218">
        <v>5</v>
      </c>
      <c r="CV14" s="219">
        <v>26</v>
      </c>
      <c r="CW14" s="240">
        <v>33</v>
      </c>
      <c r="CX14" s="241">
        <v>33</v>
      </c>
      <c r="CY14" s="217">
        <v>0</v>
      </c>
      <c r="CZ14" s="219">
        <v>0</v>
      </c>
      <c r="DA14" s="219">
        <v>0</v>
      </c>
      <c r="DB14" s="220">
        <v>0</v>
      </c>
      <c r="DC14" s="218">
        <v>0</v>
      </c>
      <c r="DD14" s="218">
        <v>2</v>
      </c>
      <c r="DE14" s="218">
        <v>5</v>
      </c>
      <c r="DF14" s="219">
        <v>26</v>
      </c>
      <c r="DG14" s="240">
        <v>33</v>
      </c>
      <c r="DH14" s="242">
        <v>33</v>
      </c>
      <c r="DI14" s="222">
        <v>0</v>
      </c>
      <c r="DJ14" s="219">
        <v>0</v>
      </c>
      <c r="DK14" s="219">
        <v>0</v>
      </c>
      <c r="DL14" s="220">
        <v>0</v>
      </c>
      <c r="DM14" s="218">
        <v>0</v>
      </c>
      <c r="DN14" s="218">
        <v>0</v>
      </c>
      <c r="DO14" s="218">
        <v>0</v>
      </c>
      <c r="DP14" s="219">
        <v>0</v>
      </c>
      <c r="DQ14" s="240">
        <v>0</v>
      </c>
      <c r="DR14" s="242">
        <v>0</v>
      </c>
      <c r="DS14" s="222">
        <v>0</v>
      </c>
      <c r="DT14" s="219">
        <v>0</v>
      </c>
      <c r="DU14" s="219">
        <v>0</v>
      </c>
      <c r="DV14" s="220">
        <v>101</v>
      </c>
      <c r="DW14" s="218">
        <v>155</v>
      </c>
      <c r="DX14" s="218">
        <v>434</v>
      </c>
      <c r="DY14" s="218">
        <v>828</v>
      </c>
      <c r="DZ14" s="219">
        <v>521</v>
      </c>
      <c r="EA14" s="240">
        <v>2039</v>
      </c>
      <c r="EB14" s="242">
        <v>2039</v>
      </c>
      <c r="EC14" s="239"/>
    </row>
    <row r="15" spans="2:133" ht="21" customHeight="1" x14ac:dyDescent="0.2">
      <c r="B15" s="106" t="s">
        <v>11</v>
      </c>
      <c r="C15" s="217">
        <v>0</v>
      </c>
      <c r="D15" s="219">
        <v>0</v>
      </c>
      <c r="E15" s="219">
        <v>0</v>
      </c>
      <c r="F15" s="220">
        <v>3</v>
      </c>
      <c r="G15" s="218">
        <v>6</v>
      </c>
      <c r="H15" s="218">
        <v>195</v>
      </c>
      <c r="I15" s="218">
        <v>382</v>
      </c>
      <c r="J15" s="219">
        <v>219</v>
      </c>
      <c r="K15" s="240">
        <v>805</v>
      </c>
      <c r="L15" s="241">
        <v>805</v>
      </c>
      <c r="M15" s="217">
        <v>0</v>
      </c>
      <c r="N15" s="219">
        <v>0</v>
      </c>
      <c r="O15" s="240">
        <v>0</v>
      </c>
      <c r="P15" s="220">
        <v>3</v>
      </c>
      <c r="Q15" s="218">
        <v>6</v>
      </c>
      <c r="R15" s="218">
        <v>194</v>
      </c>
      <c r="S15" s="218">
        <v>380</v>
      </c>
      <c r="T15" s="219">
        <v>219</v>
      </c>
      <c r="U15" s="240">
        <v>802</v>
      </c>
      <c r="V15" s="242">
        <v>802</v>
      </c>
      <c r="W15" s="222">
        <v>0</v>
      </c>
      <c r="X15" s="219">
        <v>0</v>
      </c>
      <c r="Y15" s="240">
        <v>0</v>
      </c>
      <c r="Z15" s="222">
        <v>0</v>
      </c>
      <c r="AA15" s="218">
        <v>0</v>
      </c>
      <c r="AB15" s="218">
        <v>1</v>
      </c>
      <c r="AC15" s="218">
        <v>2</v>
      </c>
      <c r="AD15" s="219">
        <v>0</v>
      </c>
      <c r="AE15" s="240">
        <v>3</v>
      </c>
      <c r="AF15" s="221">
        <v>3</v>
      </c>
      <c r="AG15" s="222">
        <v>0</v>
      </c>
      <c r="AH15" s="219">
        <v>0</v>
      </c>
      <c r="AI15" s="240">
        <v>0</v>
      </c>
      <c r="AJ15" s="222">
        <v>41</v>
      </c>
      <c r="AK15" s="218">
        <v>90</v>
      </c>
      <c r="AL15" s="218">
        <v>139</v>
      </c>
      <c r="AM15" s="218">
        <v>166</v>
      </c>
      <c r="AN15" s="219">
        <v>88</v>
      </c>
      <c r="AO15" s="240">
        <v>524</v>
      </c>
      <c r="AP15" s="221">
        <v>524</v>
      </c>
      <c r="AQ15" s="222">
        <v>0</v>
      </c>
      <c r="AR15" s="219">
        <v>0</v>
      </c>
      <c r="AS15" s="240">
        <v>0</v>
      </c>
      <c r="AT15" s="220">
        <v>41</v>
      </c>
      <c r="AU15" s="218">
        <v>89</v>
      </c>
      <c r="AV15" s="218">
        <v>136</v>
      </c>
      <c r="AW15" s="218">
        <v>164</v>
      </c>
      <c r="AX15" s="219">
        <v>86</v>
      </c>
      <c r="AY15" s="240">
        <v>516</v>
      </c>
      <c r="AZ15" s="241">
        <v>516</v>
      </c>
      <c r="BA15" s="217">
        <v>0</v>
      </c>
      <c r="BB15" s="219">
        <v>0</v>
      </c>
      <c r="BC15" s="219">
        <v>0</v>
      </c>
      <c r="BD15" s="220">
        <v>0</v>
      </c>
      <c r="BE15" s="218">
        <v>1</v>
      </c>
      <c r="BF15" s="218">
        <v>3</v>
      </c>
      <c r="BG15" s="218">
        <v>2</v>
      </c>
      <c r="BH15" s="219">
        <v>2</v>
      </c>
      <c r="BI15" s="240">
        <v>8</v>
      </c>
      <c r="BJ15" s="242">
        <v>8</v>
      </c>
      <c r="BK15" s="222">
        <v>0</v>
      </c>
      <c r="BL15" s="219">
        <v>0</v>
      </c>
      <c r="BM15" s="219">
        <v>0</v>
      </c>
      <c r="BN15" s="220">
        <v>0</v>
      </c>
      <c r="BO15" s="218">
        <v>0</v>
      </c>
      <c r="BP15" s="218">
        <v>0</v>
      </c>
      <c r="BQ15" s="218">
        <v>0</v>
      </c>
      <c r="BR15" s="219">
        <v>0</v>
      </c>
      <c r="BS15" s="240">
        <v>0</v>
      </c>
      <c r="BT15" s="241">
        <v>0</v>
      </c>
      <c r="BU15" s="217">
        <v>0</v>
      </c>
      <c r="BV15" s="219">
        <v>0</v>
      </c>
      <c r="BW15" s="219">
        <v>0</v>
      </c>
      <c r="BX15" s="220">
        <v>0</v>
      </c>
      <c r="BY15" s="218">
        <v>0</v>
      </c>
      <c r="BZ15" s="218">
        <v>0</v>
      </c>
      <c r="CA15" s="218">
        <v>0</v>
      </c>
      <c r="CB15" s="219">
        <v>0</v>
      </c>
      <c r="CC15" s="240">
        <v>0</v>
      </c>
      <c r="CD15" s="242">
        <v>0</v>
      </c>
      <c r="CE15" s="222">
        <v>0</v>
      </c>
      <c r="CF15" s="219">
        <v>0</v>
      </c>
      <c r="CG15" s="219">
        <v>0</v>
      </c>
      <c r="CH15" s="220">
        <v>0</v>
      </c>
      <c r="CI15" s="218">
        <v>0</v>
      </c>
      <c r="CJ15" s="218">
        <v>0</v>
      </c>
      <c r="CK15" s="218">
        <v>0</v>
      </c>
      <c r="CL15" s="219">
        <v>0</v>
      </c>
      <c r="CM15" s="240">
        <v>0</v>
      </c>
      <c r="CN15" s="242">
        <v>0</v>
      </c>
      <c r="CO15" s="222">
        <v>0</v>
      </c>
      <c r="CP15" s="219">
        <v>0</v>
      </c>
      <c r="CQ15" s="219">
        <v>0</v>
      </c>
      <c r="CR15" s="220">
        <v>2</v>
      </c>
      <c r="CS15" s="218">
        <v>7</v>
      </c>
      <c r="CT15" s="218">
        <v>7</v>
      </c>
      <c r="CU15" s="218">
        <v>11</v>
      </c>
      <c r="CV15" s="219">
        <v>38</v>
      </c>
      <c r="CW15" s="240">
        <v>65</v>
      </c>
      <c r="CX15" s="241">
        <v>65</v>
      </c>
      <c r="CY15" s="217">
        <v>0</v>
      </c>
      <c r="CZ15" s="219">
        <v>0</v>
      </c>
      <c r="DA15" s="219">
        <v>0</v>
      </c>
      <c r="DB15" s="220">
        <v>2</v>
      </c>
      <c r="DC15" s="218">
        <v>7</v>
      </c>
      <c r="DD15" s="218">
        <v>7</v>
      </c>
      <c r="DE15" s="218">
        <v>11</v>
      </c>
      <c r="DF15" s="219">
        <v>37</v>
      </c>
      <c r="DG15" s="240">
        <v>64</v>
      </c>
      <c r="DH15" s="242">
        <v>64</v>
      </c>
      <c r="DI15" s="222">
        <v>0</v>
      </c>
      <c r="DJ15" s="219">
        <v>0</v>
      </c>
      <c r="DK15" s="219">
        <v>0</v>
      </c>
      <c r="DL15" s="220">
        <v>0</v>
      </c>
      <c r="DM15" s="218">
        <v>0</v>
      </c>
      <c r="DN15" s="218">
        <v>0</v>
      </c>
      <c r="DO15" s="218">
        <v>0</v>
      </c>
      <c r="DP15" s="219">
        <v>1</v>
      </c>
      <c r="DQ15" s="240">
        <v>1</v>
      </c>
      <c r="DR15" s="242">
        <v>1</v>
      </c>
      <c r="DS15" s="222">
        <v>0</v>
      </c>
      <c r="DT15" s="219">
        <v>0</v>
      </c>
      <c r="DU15" s="219">
        <v>0</v>
      </c>
      <c r="DV15" s="220">
        <v>45</v>
      </c>
      <c r="DW15" s="218">
        <v>103</v>
      </c>
      <c r="DX15" s="218">
        <v>339</v>
      </c>
      <c r="DY15" s="218">
        <v>558</v>
      </c>
      <c r="DZ15" s="219">
        <v>343</v>
      </c>
      <c r="EA15" s="240">
        <v>1388</v>
      </c>
      <c r="EB15" s="242">
        <v>1388</v>
      </c>
      <c r="EC15" s="239"/>
    </row>
    <row r="16" spans="2:133" ht="21" customHeight="1" x14ac:dyDescent="0.2">
      <c r="B16" s="106" t="s">
        <v>12</v>
      </c>
      <c r="C16" s="217">
        <v>0</v>
      </c>
      <c r="D16" s="219">
        <v>0</v>
      </c>
      <c r="E16" s="219">
        <v>0</v>
      </c>
      <c r="F16" s="220">
        <v>2</v>
      </c>
      <c r="G16" s="218">
        <v>12</v>
      </c>
      <c r="H16" s="218">
        <v>197</v>
      </c>
      <c r="I16" s="218">
        <v>354</v>
      </c>
      <c r="J16" s="219">
        <v>207</v>
      </c>
      <c r="K16" s="240">
        <v>772</v>
      </c>
      <c r="L16" s="241">
        <v>772</v>
      </c>
      <c r="M16" s="217">
        <v>0</v>
      </c>
      <c r="N16" s="219">
        <v>0</v>
      </c>
      <c r="O16" s="240">
        <v>0</v>
      </c>
      <c r="P16" s="220">
        <v>2</v>
      </c>
      <c r="Q16" s="218">
        <v>12</v>
      </c>
      <c r="R16" s="218">
        <v>197</v>
      </c>
      <c r="S16" s="218">
        <v>354</v>
      </c>
      <c r="T16" s="219">
        <v>204</v>
      </c>
      <c r="U16" s="240">
        <v>769</v>
      </c>
      <c r="V16" s="242">
        <v>769</v>
      </c>
      <c r="W16" s="222">
        <v>0</v>
      </c>
      <c r="X16" s="219">
        <v>0</v>
      </c>
      <c r="Y16" s="240">
        <v>0</v>
      </c>
      <c r="Z16" s="222">
        <v>0</v>
      </c>
      <c r="AA16" s="218">
        <v>0</v>
      </c>
      <c r="AB16" s="218">
        <v>0</v>
      </c>
      <c r="AC16" s="218">
        <v>0</v>
      </c>
      <c r="AD16" s="219">
        <v>3</v>
      </c>
      <c r="AE16" s="240">
        <v>3</v>
      </c>
      <c r="AF16" s="221">
        <v>3</v>
      </c>
      <c r="AG16" s="222">
        <v>0</v>
      </c>
      <c r="AH16" s="219">
        <v>0</v>
      </c>
      <c r="AI16" s="240">
        <v>0</v>
      </c>
      <c r="AJ16" s="222">
        <v>34</v>
      </c>
      <c r="AK16" s="218">
        <v>92</v>
      </c>
      <c r="AL16" s="218">
        <v>165</v>
      </c>
      <c r="AM16" s="218">
        <v>174</v>
      </c>
      <c r="AN16" s="219">
        <v>68</v>
      </c>
      <c r="AO16" s="240">
        <v>533</v>
      </c>
      <c r="AP16" s="221">
        <v>533</v>
      </c>
      <c r="AQ16" s="222">
        <v>0</v>
      </c>
      <c r="AR16" s="219">
        <v>0</v>
      </c>
      <c r="AS16" s="240">
        <v>0</v>
      </c>
      <c r="AT16" s="220">
        <v>34</v>
      </c>
      <c r="AU16" s="218">
        <v>92</v>
      </c>
      <c r="AV16" s="218">
        <v>163</v>
      </c>
      <c r="AW16" s="218">
        <v>171</v>
      </c>
      <c r="AX16" s="219">
        <v>67</v>
      </c>
      <c r="AY16" s="240">
        <v>527</v>
      </c>
      <c r="AZ16" s="241">
        <v>527</v>
      </c>
      <c r="BA16" s="217">
        <v>0</v>
      </c>
      <c r="BB16" s="219">
        <v>0</v>
      </c>
      <c r="BC16" s="219">
        <v>0</v>
      </c>
      <c r="BD16" s="220">
        <v>0</v>
      </c>
      <c r="BE16" s="218">
        <v>0</v>
      </c>
      <c r="BF16" s="218">
        <v>2</v>
      </c>
      <c r="BG16" s="218">
        <v>3</v>
      </c>
      <c r="BH16" s="219">
        <v>1</v>
      </c>
      <c r="BI16" s="240">
        <v>6</v>
      </c>
      <c r="BJ16" s="242">
        <v>6</v>
      </c>
      <c r="BK16" s="222">
        <v>0</v>
      </c>
      <c r="BL16" s="219">
        <v>0</v>
      </c>
      <c r="BM16" s="219">
        <v>0</v>
      </c>
      <c r="BN16" s="220">
        <v>0</v>
      </c>
      <c r="BO16" s="218">
        <v>0</v>
      </c>
      <c r="BP16" s="218">
        <v>0</v>
      </c>
      <c r="BQ16" s="218">
        <v>0</v>
      </c>
      <c r="BR16" s="219">
        <v>0</v>
      </c>
      <c r="BS16" s="240">
        <v>0</v>
      </c>
      <c r="BT16" s="241">
        <v>0</v>
      </c>
      <c r="BU16" s="217">
        <v>0</v>
      </c>
      <c r="BV16" s="219">
        <v>0</v>
      </c>
      <c r="BW16" s="219">
        <v>0</v>
      </c>
      <c r="BX16" s="220">
        <v>0</v>
      </c>
      <c r="BY16" s="218">
        <v>0</v>
      </c>
      <c r="BZ16" s="218">
        <v>0</v>
      </c>
      <c r="CA16" s="218">
        <v>0</v>
      </c>
      <c r="CB16" s="219">
        <v>0</v>
      </c>
      <c r="CC16" s="240">
        <v>0</v>
      </c>
      <c r="CD16" s="242">
        <v>0</v>
      </c>
      <c r="CE16" s="222">
        <v>0</v>
      </c>
      <c r="CF16" s="219">
        <v>0</v>
      </c>
      <c r="CG16" s="219">
        <v>0</v>
      </c>
      <c r="CH16" s="220">
        <v>0</v>
      </c>
      <c r="CI16" s="218">
        <v>0</v>
      </c>
      <c r="CJ16" s="218">
        <v>0</v>
      </c>
      <c r="CK16" s="218">
        <v>0</v>
      </c>
      <c r="CL16" s="219">
        <v>0</v>
      </c>
      <c r="CM16" s="240">
        <v>0</v>
      </c>
      <c r="CN16" s="242">
        <v>0</v>
      </c>
      <c r="CO16" s="222">
        <v>0</v>
      </c>
      <c r="CP16" s="219">
        <v>0</v>
      </c>
      <c r="CQ16" s="219">
        <v>0</v>
      </c>
      <c r="CR16" s="220">
        <v>0</v>
      </c>
      <c r="CS16" s="218">
        <v>0</v>
      </c>
      <c r="CT16" s="218">
        <v>3</v>
      </c>
      <c r="CU16" s="218">
        <v>15</v>
      </c>
      <c r="CV16" s="219">
        <v>11</v>
      </c>
      <c r="CW16" s="240">
        <v>29</v>
      </c>
      <c r="CX16" s="241">
        <v>29</v>
      </c>
      <c r="CY16" s="217">
        <v>0</v>
      </c>
      <c r="CZ16" s="219">
        <v>0</v>
      </c>
      <c r="DA16" s="219">
        <v>0</v>
      </c>
      <c r="DB16" s="220">
        <v>0</v>
      </c>
      <c r="DC16" s="218">
        <v>0</v>
      </c>
      <c r="DD16" s="218">
        <v>3</v>
      </c>
      <c r="DE16" s="218">
        <v>15</v>
      </c>
      <c r="DF16" s="219">
        <v>11</v>
      </c>
      <c r="DG16" s="240">
        <v>29</v>
      </c>
      <c r="DH16" s="242">
        <v>29</v>
      </c>
      <c r="DI16" s="222">
        <v>0</v>
      </c>
      <c r="DJ16" s="219">
        <v>0</v>
      </c>
      <c r="DK16" s="219">
        <v>0</v>
      </c>
      <c r="DL16" s="220">
        <v>0</v>
      </c>
      <c r="DM16" s="218">
        <v>0</v>
      </c>
      <c r="DN16" s="218">
        <v>0</v>
      </c>
      <c r="DO16" s="218">
        <v>0</v>
      </c>
      <c r="DP16" s="219">
        <v>0</v>
      </c>
      <c r="DQ16" s="240">
        <v>0</v>
      </c>
      <c r="DR16" s="242">
        <v>0</v>
      </c>
      <c r="DS16" s="222">
        <v>0</v>
      </c>
      <c r="DT16" s="219">
        <v>0</v>
      </c>
      <c r="DU16" s="219">
        <v>0</v>
      </c>
      <c r="DV16" s="220">
        <v>36</v>
      </c>
      <c r="DW16" s="218">
        <v>104</v>
      </c>
      <c r="DX16" s="218">
        <v>362</v>
      </c>
      <c r="DY16" s="218">
        <v>541</v>
      </c>
      <c r="DZ16" s="219">
        <v>284</v>
      </c>
      <c r="EA16" s="240">
        <v>1327</v>
      </c>
      <c r="EB16" s="242">
        <v>1327</v>
      </c>
      <c r="EC16" s="239"/>
    </row>
    <row r="17" spans="2:133" ht="21" customHeight="1" x14ac:dyDescent="0.2">
      <c r="B17" s="106" t="s">
        <v>13</v>
      </c>
      <c r="C17" s="217">
        <v>0</v>
      </c>
      <c r="D17" s="219">
        <v>0</v>
      </c>
      <c r="E17" s="219">
        <v>0</v>
      </c>
      <c r="F17" s="220">
        <v>2</v>
      </c>
      <c r="G17" s="218">
        <v>1</v>
      </c>
      <c r="H17" s="218">
        <v>64</v>
      </c>
      <c r="I17" s="218">
        <v>135</v>
      </c>
      <c r="J17" s="219">
        <v>116</v>
      </c>
      <c r="K17" s="240">
        <v>318</v>
      </c>
      <c r="L17" s="241">
        <v>318</v>
      </c>
      <c r="M17" s="217">
        <v>0</v>
      </c>
      <c r="N17" s="219">
        <v>0</v>
      </c>
      <c r="O17" s="240">
        <v>0</v>
      </c>
      <c r="P17" s="220">
        <v>2</v>
      </c>
      <c r="Q17" s="218">
        <v>1</v>
      </c>
      <c r="R17" s="218">
        <v>64</v>
      </c>
      <c r="S17" s="218">
        <v>134</v>
      </c>
      <c r="T17" s="219">
        <v>115</v>
      </c>
      <c r="U17" s="240">
        <v>316</v>
      </c>
      <c r="V17" s="242">
        <v>316</v>
      </c>
      <c r="W17" s="222">
        <v>0</v>
      </c>
      <c r="X17" s="219">
        <v>0</v>
      </c>
      <c r="Y17" s="240">
        <v>0</v>
      </c>
      <c r="Z17" s="222">
        <v>0</v>
      </c>
      <c r="AA17" s="218">
        <v>0</v>
      </c>
      <c r="AB17" s="218">
        <v>0</v>
      </c>
      <c r="AC17" s="218">
        <v>1</v>
      </c>
      <c r="AD17" s="219">
        <v>1</v>
      </c>
      <c r="AE17" s="240">
        <v>2</v>
      </c>
      <c r="AF17" s="221">
        <v>2</v>
      </c>
      <c r="AG17" s="222">
        <v>0</v>
      </c>
      <c r="AH17" s="219">
        <v>0</v>
      </c>
      <c r="AI17" s="240">
        <v>0</v>
      </c>
      <c r="AJ17" s="222">
        <v>7</v>
      </c>
      <c r="AK17" s="218">
        <v>14</v>
      </c>
      <c r="AL17" s="218">
        <v>30</v>
      </c>
      <c r="AM17" s="218">
        <v>39</v>
      </c>
      <c r="AN17" s="219">
        <v>22</v>
      </c>
      <c r="AO17" s="240">
        <v>112</v>
      </c>
      <c r="AP17" s="221">
        <v>112</v>
      </c>
      <c r="AQ17" s="222">
        <v>0</v>
      </c>
      <c r="AR17" s="219">
        <v>0</v>
      </c>
      <c r="AS17" s="240">
        <v>0</v>
      </c>
      <c r="AT17" s="220">
        <v>6</v>
      </c>
      <c r="AU17" s="218">
        <v>14</v>
      </c>
      <c r="AV17" s="218">
        <v>30</v>
      </c>
      <c r="AW17" s="218">
        <v>38</v>
      </c>
      <c r="AX17" s="219">
        <v>21</v>
      </c>
      <c r="AY17" s="240">
        <v>109</v>
      </c>
      <c r="AZ17" s="241">
        <v>109</v>
      </c>
      <c r="BA17" s="217">
        <v>0</v>
      </c>
      <c r="BB17" s="219">
        <v>0</v>
      </c>
      <c r="BC17" s="219">
        <v>0</v>
      </c>
      <c r="BD17" s="220">
        <v>1</v>
      </c>
      <c r="BE17" s="218">
        <v>0</v>
      </c>
      <c r="BF17" s="218">
        <v>0</v>
      </c>
      <c r="BG17" s="218">
        <v>1</v>
      </c>
      <c r="BH17" s="219">
        <v>1</v>
      </c>
      <c r="BI17" s="240">
        <v>3</v>
      </c>
      <c r="BJ17" s="242">
        <v>3</v>
      </c>
      <c r="BK17" s="222">
        <v>0</v>
      </c>
      <c r="BL17" s="219">
        <v>0</v>
      </c>
      <c r="BM17" s="219">
        <v>0</v>
      </c>
      <c r="BN17" s="220">
        <v>0</v>
      </c>
      <c r="BO17" s="218">
        <v>0</v>
      </c>
      <c r="BP17" s="218">
        <v>0</v>
      </c>
      <c r="BQ17" s="218">
        <v>0</v>
      </c>
      <c r="BR17" s="219">
        <v>0</v>
      </c>
      <c r="BS17" s="240">
        <v>0</v>
      </c>
      <c r="BT17" s="241">
        <v>0</v>
      </c>
      <c r="BU17" s="217">
        <v>0</v>
      </c>
      <c r="BV17" s="219">
        <v>0</v>
      </c>
      <c r="BW17" s="219">
        <v>0</v>
      </c>
      <c r="BX17" s="220">
        <v>0</v>
      </c>
      <c r="BY17" s="218">
        <v>0</v>
      </c>
      <c r="BZ17" s="218">
        <v>0</v>
      </c>
      <c r="CA17" s="218">
        <v>0</v>
      </c>
      <c r="CB17" s="219">
        <v>0</v>
      </c>
      <c r="CC17" s="240">
        <v>0</v>
      </c>
      <c r="CD17" s="242">
        <v>0</v>
      </c>
      <c r="CE17" s="222">
        <v>0</v>
      </c>
      <c r="CF17" s="219">
        <v>0</v>
      </c>
      <c r="CG17" s="219">
        <v>0</v>
      </c>
      <c r="CH17" s="220">
        <v>0</v>
      </c>
      <c r="CI17" s="218">
        <v>0</v>
      </c>
      <c r="CJ17" s="218">
        <v>0</v>
      </c>
      <c r="CK17" s="218">
        <v>0</v>
      </c>
      <c r="CL17" s="219">
        <v>0</v>
      </c>
      <c r="CM17" s="240">
        <v>0</v>
      </c>
      <c r="CN17" s="242">
        <v>0</v>
      </c>
      <c r="CO17" s="222">
        <v>0</v>
      </c>
      <c r="CP17" s="219">
        <v>0</v>
      </c>
      <c r="CQ17" s="219">
        <v>0</v>
      </c>
      <c r="CR17" s="220">
        <v>0</v>
      </c>
      <c r="CS17" s="218">
        <v>0</v>
      </c>
      <c r="CT17" s="218">
        <v>0</v>
      </c>
      <c r="CU17" s="218">
        <v>0</v>
      </c>
      <c r="CV17" s="219">
        <v>1</v>
      </c>
      <c r="CW17" s="240">
        <v>1</v>
      </c>
      <c r="CX17" s="241">
        <v>1</v>
      </c>
      <c r="CY17" s="217">
        <v>0</v>
      </c>
      <c r="CZ17" s="219">
        <v>0</v>
      </c>
      <c r="DA17" s="219">
        <v>0</v>
      </c>
      <c r="DB17" s="220">
        <v>0</v>
      </c>
      <c r="DC17" s="218">
        <v>0</v>
      </c>
      <c r="DD17" s="218">
        <v>0</v>
      </c>
      <c r="DE17" s="218">
        <v>0</v>
      </c>
      <c r="DF17" s="219">
        <v>1</v>
      </c>
      <c r="DG17" s="240">
        <v>1</v>
      </c>
      <c r="DH17" s="242">
        <v>1</v>
      </c>
      <c r="DI17" s="222">
        <v>0</v>
      </c>
      <c r="DJ17" s="219">
        <v>0</v>
      </c>
      <c r="DK17" s="219">
        <v>0</v>
      </c>
      <c r="DL17" s="220">
        <v>0</v>
      </c>
      <c r="DM17" s="218">
        <v>0</v>
      </c>
      <c r="DN17" s="218">
        <v>0</v>
      </c>
      <c r="DO17" s="218">
        <v>0</v>
      </c>
      <c r="DP17" s="219">
        <v>0</v>
      </c>
      <c r="DQ17" s="240">
        <v>0</v>
      </c>
      <c r="DR17" s="242">
        <v>0</v>
      </c>
      <c r="DS17" s="222">
        <v>0</v>
      </c>
      <c r="DT17" s="219">
        <v>0</v>
      </c>
      <c r="DU17" s="219">
        <v>0</v>
      </c>
      <c r="DV17" s="220">
        <v>9</v>
      </c>
      <c r="DW17" s="218">
        <v>15</v>
      </c>
      <c r="DX17" s="218">
        <v>94</v>
      </c>
      <c r="DY17" s="218">
        <v>174</v>
      </c>
      <c r="DZ17" s="219">
        <v>139</v>
      </c>
      <c r="EA17" s="240">
        <v>431</v>
      </c>
      <c r="EB17" s="242">
        <v>431</v>
      </c>
      <c r="EC17" s="239"/>
    </row>
    <row r="18" spans="2:133" ht="21" customHeight="1" x14ac:dyDescent="0.2">
      <c r="B18" s="106" t="s">
        <v>15</v>
      </c>
      <c r="C18" s="217">
        <v>0</v>
      </c>
      <c r="D18" s="219">
        <v>0</v>
      </c>
      <c r="E18" s="219">
        <v>0</v>
      </c>
      <c r="F18" s="220">
        <v>1</v>
      </c>
      <c r="G18" s="218">
        <v>1</v>
      </c>
      <c r="H18" s="218">
        <v>79</v>
      </c>
      <c r="I18" s="218">
        <v>157</v>
      </c>
      <c r="J18" s="219">
        <v>66</v>
      </c>
      <c r="K18" s="240">
        <v>304</v>
      </c>
      <c r="L18" s="241">
        <v>304</v>
      </c>
      <c r="M18" s="217">
        <v>0</v>
      </c>
      <c r="N18" s="219">
        <v>0</v>
      </c>
      <c r="O18" s="240">
        <v>0</v>
      </c>
      <c r="P18" s="220">
        <v>1</v>
      </c>
      <c r="Q18" s="218">
        <v>1</v>
      </c>
      <c r="R18" s="218">
        <v>79</v>
      </c>
      <c r="S18" s="218">
        <v>156</v>
      </c>
      <c r="T18" s="219">
        <v>63</v>
      </c>
      <c r="U18" s="240">
        <v>300</v>
      </c>
      <c r="V18" s="242">
        <v>300</v>
      </c>
      <c r="W18" s="222">
        <v>0</v>
      </c>
      <c r="X18" s="219">
        <v>0</v>
      </c>
      <c r="Y18" s="240">
        <v>0</v>
      </c>
      <c r="Z18" s="222">
        <v>0</v>
      </c>
      <c r="AA18" s="218">
        <v>0</v>
      </c>
      <c r="AB18" s="218">
        <v>0</v>
      </c>
      <c r="AC18" s="218">
        <v>1</v>
      </c>
      <c r="AD18" s="219">
        <v>3</v>
      </c>
      <c r="AE18" s="240">
        <v>4</v>
      </c>
      <c r="AF18" s="221">
        <v>4</v>
      </c>
      <c r="AG18" s="222">
        <v>0</v>
      </c>
      <c r="AH18" s="219">
        <v>0</v>
      </c>
      <c r="AI18" s="240">
        <v>0</v>
      </c>
      <c r="AJ18" s="222">
        <v>21</v>
      </c>
      <c r="AK18" s="218">
        <v>31</v>
      </c>
      <c r="AL18" s="218">
        <v>38</v>
      </c>
      <c r="AM18" s="218">
        <v>60</v>
      </c>
      <c r="AN18" s="219">
        <v>26</v>
      </c>
      <c r="AO18" s="240">
        <v>176</v>
      </c>
      <c r="AP18" s="221">
        <v>176</v>
      </c>
      <c r="AQ18" s="222">
        <v>0</v>
      </c>
      <c r="AR18" s="219">
        <v>0</v>
      </c>
      <c r="AS18" s="240">
        <v>0</v>
      </c>
      <c r="AT18" s="220">
        <v>21</v>
      </c>
      <c r="AU18" s="218">
        <v>31</v>
      </c>
      <c r="AV18" s="218">
        <v>38</v>
      </c>
      <c r="AW18" s="218">
        <v>58</v>
      </c>
      <c r="AX18" s="219">
        <v>24</v>
      </c>
      <c r="AY18" s="240">
        <v>172</v>
      </c>
      <c r="AZ18" s="241">
        <v>172</v>
      </c>
      <c r="BA18" s="217">
        <v>0</v>
      </c>
      <c r="BB18" s="219">
        <v>0</v>
      </c>
      <c r="BC18" s="219">
        <v>0</v>
      </c>
      <c r="BD18" s="220">
        <v>0</v>
      </c>
      <c r="BE18" s="218">
        <v>0</v>
      </c>
      <c r="BF18" s="218">
        <v>0</v>
      </c>
      <c r="BG18" s="218">
        <v>2</v>
      </c>
      <c r="BH18" s="219">
        <v>2</v>
      </c>
      <c r="BI18" s="240">
        <v>4</v>
      </c>
      <c r="BJ18" s="242">
        <v>4</v>
      </c>
      <c r="BK18" s="222">
        <v>0</v>
      </c>
      <c r="BL18" s="219">
        <v>0</v>
      </c>
      <c r="BM18" s="219">
        <v>0</v>
      </c>
      <c r="BN18" s="220">
        <v>0</v>
      </c>
      <c r="BO18" s="218">
        <v>0</v>
      </c>
      <c r="BP18" s="218">
        <v>0</v>
      </c>
      <c r="BQ18" s="218">
        <v>0</v>
      </c>
      <c r="BR18" s="219">
        <v>0</v>
      </c>
      <c r="BS18" s="240">
        <v>0</v>
      </c>
      <c r="BT18" s="241">
        <v>0</v>
      </c>
      <c r="BU18" s="217">
        <v>0</v>
      </c>
      <c r="BV18" s="219">
        <v>0</v>
      </c>
      <c r="BW18" s="219">
        <v>0</v>
      </c>
      <c r="BX18" s="220">
        <v>0</v>
      </c>
      <c r="BY18" s="218">
        <v>0</v>
      </c>
      <c r="BZ18" s="218">
        <v>0</v>
      </c>
      <c r="CA18" s="218">
        <v>0</v>
      </c>
      <c r="CB18" s="219">
        <v>0</v>
      </c>
      <c r="CC18" s="240">
        <v>0</v>
      </c>
      <c r="CD18" s="242">
        <v>0</v>
      </c>
      <c r="CE18" s="222">
        <v>0</v>
      </c>
      <c r="CF18" s="219">
        <v>0</v>
      </c>
      <c r="CG18" s="219">
        <v>0</v>
      </c>
      <c r="CH18" s="220">
        <v>0</v>
      </c>
      <c r="CI18" s="218">
        <v>0</v>
      </c>
      <c r="CJ18" s="218">
        <v>0</v>
      </c>
      <c r="CK18" s="218">
        <v>0</v>
      </c>
      <c r="CL18" s="219">
        <v>0</v>
      </c>
      <c r="CM18" s="240">
        <v>0</v>
      </c>
      <c r="CN18" s="242">
        <v>0</v>
      </c>
      <c r="CO18" s="222">
        <v>0</v>
      </c>
      <c r="CP18" s="219">
        <v>0</v>
      </c>
      <c r="CQ18" s="219">
        <v>0</v>
      </c>
      <c r="CR18" s="220">
        <v>0</v>
      </c>
      <c r="CS18" s="218">
        <v>0</v>
      </c>
      <c r="CT18" s="218">
        <v>0</v>
      </c>
      <c r="CU18" s="218">
        <v>0</v>
      </c>
      <c r="CV18" s="219">
        <v>0</v>
      </c>
      <c r="CW18" s="240">
        <v>0</v>
      </c>
      <c r="CX18" s="241">
        <v>0</v>
      </c>
      <c r="CY18" s="217">
        <v>0</v>
      </c>
      <c r="CZ18" s="219">
        <v>0</v>
      </c>
      <c r="DA18" s="219">
        <v>0</v>
      </c>
      <c r="DB18" s="220">
        <v>0</v>
      </c>
      <c r="DC18" s="218">
        <v>0</v>
      </c>
      <c r="DD18" s="218">
        <v>0</v>
      </c>
      <c r="DE18" s="218">
        <v>0</v>
      </c>
      <c r="DF18" s="219">
        <v>0</v>
      </c>
      <c r="DG18" s="240">
        <v>0</v>
      </c>
      <c r="DH18" s="242">
        <v>0</v>
      </c>
      <c r="DI18" s="222">
        <v>0</v>
      </c>
      <c r="DJ18" s="219">
        <v>0</v>
      </c>
      <c r="DK18" s="219">
        <v>0</v>
      </c>
      <c r="DL18" s="220">
        <v>0</v>
      </c>
      <c r="DM18" s="218">
        <v>0</v>
      </c>
      <c r="DN18" s="218">
        <v>0</v>
      </c>
      <c r="DO18" s="218">
        <v>0</v>
      </c>
      <c r="DP18" s="219">
        <v>0</v>
      </c>
      <c r="DQ18" s="240">
        <v>0</v>
      </c>
      <c r="DR18" s="242">
        <v>0</v>
      </c>
      <c r="DS18" s="222">
        <v>0</v>
      </c>
      <c r="DT18" s="219">
        <v>0</v>
      </c>
      <c r="DU18" s="219">
        <v>0</v>
      </c>
      <c r="DV18" s="220">
        <v>22</v>
      </c>
      <c r="DW18" s="218">
        <v>32</v>
      </c>
      <c r="DX18" s="218">
        <v>117</v>
      </c>
      <c r="DY18" s="218">
        <v>216</v>
      </c>
      <c r="DZ18" s="219">
        <v>92</v>
      </c>
      <c r="EA18" s="240">
        <v>479</v>
      </c>
      <c r="EB18" s="242">
        <v>479</v>
      </c>
      <c r="EC18" s="239"/>
    </row>
    <row r="19" spans="2:133" ht="21" customHeight="1" x14ac:dyDescent="0.2">
      <c r="B19" s="106" t="s">
        <v>16</v>
      </c>
      <c r="C19" s="217">
        <v>0</v>
      </c>
      <c r="D19" s="219">
        <v>0</v>
      </c>
      <c r="E19" s="219">
        <v>0</v>
      </c>
      <c r="F19" s="220">
        <v>6</v>
      </c>
      <c r="G19" s="218">
        <v>15</v>
      </c>
      <c r="H19" s="218">
        <v>228</v>
      </c>
      <c r="I19" s="218">
        <v>307</v>
      </c>
      <c r="J19" s="219">
        <v>177</v>
      </c>
      <c r="K19" s="240">
        <v>733</v>
      </c>
      <c r="L19" s="241">
        <v>733</v>
      </c>
      <c r="M19" s="217">
        <v>0</v>
      </c>
      <c r="N19" s="219">
        <v>0</v>
      </c>
      <c r="O19" s="240">
        <v>0</v>
      </c>
      <c r="P19" s="220">
        <v>6</v>
      </c>
      <c r="Q19" s="218">
        <v>14</v>
      </c>
      <c r="R19" s="218">
        <v>227</v>
      </c>
      <c r="S19" s="218">
        <v>306</v>
      </c>
      <c r="T19" s="219">
        <v>175</v>
      </c>
      <c r="U19" s="240">
        <v>728</v>
      </c>
      <c r="V19" s="242">
        <v>728</v>
      </c>
      <c r="W19" s="222">
        <v>0</v>
      </c>
      <c r="X19" s="219">
        <v>0</v>
      </c>
      <c r="Y19" s="240">
        <v>0</v>
      </c>
      <c r="Z19" s="222">
        <v>0</v>
      </c>
      <c r="AA19" s="218">
        <v>1</v>
      </c>
      <c r="AB19" s="218">
        <v>1</v>
      </c>
      <c r="AC19" s="218">
        <v>1</v>
      </c>
      <c r="AD19" s="219">
        <v>2</v>
      </c>
      <c r="AE19" s="240">
        <v>5</v>
      </c>
      <c r="AF19" s="221">
        <v>5</v>
      </c>
      <c r="AG19" s="222">
        <v>0</v>
      </c>
      <c r="AH19" s="219">
        <v>0</v>
      </c>
      <c r="AI19" s="240">
        <v>0</v>
      </c>
      <c r="AJ19" s="222">
        <v>63</v>
      </c>
      <c r="AK19" s="218">
        <v>86</v>
      </c>
      <c r="AL19" s="218">
        <v>133</v>
      </c>
      <c r="AM19" s="218">
        <v>146</v>
      </c>
      <c r="AN19" s="219">
        <v>68</v>
      </c>
      <c r="AO19" s="240">
        <v>496</v>
      </c>
      <c r="AP19" s="221">
        <v>496</v>
      </c>
      <c r="AQ19" s="222">
        <v>0</v>
      </c>
      <c r="AR19" s="219">
        <v>0</v>
      </c>
      <c r="AS19" s="240">
        <v>0</v>
      </c>
      <c r="AT19" s="220">
        <v>63</v>
      </c>
      <c r="AU19" s="218">
        <v>86</v>
      </c>
      <c r="AV19" s="218">
        <v>132</v>
      </c>
      <c r="AW19" s="218">
        <v>144</v>
      </c>
      <c r="AX19" s="219">
        <v>67</v>
      </c>
      <c r="AY19" s="240">
        <v>492</v>
      </c>
      <c r="AZ19" s="241">
        <v>492</v>
      </c>
      <c r="BA19" s="217">
        <v>0</v>
      </c>
      <c r="BB19" s="219">
        <v>0</v>
      </c>
      <c r="BC19" s="219">
        <v>0</v>
      </c>
      <c r="BD19" s="220">
        <v>0</v>
      </c>
      <c r="BE19" s="218">
        <v>0</v>
      </c>
      <c r="BF19" s="218">
        <v>1</v>
      </c>
      <c r="BG19" s="218">
        <v>2</v>
      </c>
      <c r="BH19" s="219">
        <v>1</v>
      </c>
      <c r="BI19" s="240">
        <v>4</v>
      </c>
      <c r="BJ19" s="242">
        <v>4</v>
      </c>
      <c r="BK19" s="222">
        <v>0</v>
      </c>
      <c r="BL19" s="219">
        <v>0</v>
      </c>
      <c r="BM19" s="219">
        <v>0</v>
      </c>
      <c r="BN19" s="220">
        <v>0</v>
      </c>
      <c r="BO19" s="218">
        <v>0</v>
      </c>
      <c r="BP19" s="218">
        <v>0</v>
      </c>
      <c r="BQ19" s="218">
        <v>0</v>
      </c>
      <c r="BR19" s="219">
        <v>0</v>
      </c>
      <c r="BS19" s="240">
        <v>0</v>
      </c>
      <c r="BT19" s="241">
        <v>0</v>
      </c>
      <c r="BU19" s="217">
        <v>0</v>
      </c>
      <c r="BV19" s="219">
        <v>0</v>
      </c>
      <c r="BW19" s="219">
        <v>0</v>
      </c>
      <c r="BX19" s="220">
        <v>0</v>
      </c>
      <c r="BY19" s="218">
        <v>0</v>
      </c>
      <c r="BZ19" s="218">
        <v>0</v>
      </c>
      <c r="CA19" s="218">
        <v>0</v>
      </c>
      <c r="CB19" s="219">
        <v>0</v>
      </c>
      <c r="CC19" s="240">
        <v>0</v>
      </c>
      <c r="CD19" s="242">
        <v>0</v>
      </c>
      <c r="CE19" s="222">
        <v>0</v>
      </c>
      <c r="CF19" s="219">
        <v>0</v>
      </c>
      <c r="CG19" s="219">
        <v>0</v>
      </c>
      <c r="CH19" s="220">
        <v>0</v>
      </c>
      <c r="CI19" s="218">
        <v>0</v>
      </c>
      <c r="CJ19" s="218">
        <v>0</v>
      </c>
      <c r="CK19" s="218">
        <v>0</v>
      </c>
      <c r="CL19" s="219">
        <v>0</v>
      </c>
      <c r="CM19" s="240">
        <v>0</v>
      </c>
      <c r="CN19" s="242">
        <v>0</v>
      </c>
      <c r="CO19" s="222">
        <v>0</v>
      </c>
      <c r="CP19" s="219">
        <v>0</v>
      </c>
      <c r="CQ19" s="219">
        <v>0</v>
      </c>
      <c r="CR19" s="220">
        <v>0</v>
      </c>
      <c r="CS19" s="218">
        <v>0</v>
      </c>
      <c r="CT19" s="218">
        <v>2</v>
      </c>
      <c r="CU19" s="218">
        <v>14</v>
      </c>
      <c r="CV19" s="219">
        <v>9</v>
      </c>
      <c r="CW19" s="240">
        <v>25</v>
      </c>
      <c r="CX19" s="241">
        <v>25</v>
      </c>
      <c r="CY19" s="217">
        <v>0</v>
      </c>
      <c r="CZ19" s="219">
        <v>0</v>
      </c>
      <c r="DA19" s="219">
        <v>0</v>
      </c>
      <c r="DB19" s="220">
        <v>0</v>
      </c>
      <c r="DC19" s="218">
        <v>0</v>
      </c>
      <c r="DD19" s="218">
        <v>2</v>
      </c>
      <c r="DE19" s="218">
        <v>14</v>
      </c>
      <c r="DF19" s="219">
        <v>9</v>
      </c>
      <c r="DG19" s="240">
        <v>25</v>
      </c>
      <c r="DH19" s="242">
        <v>25</v>
      </c>
      <c r="DI19" s="222">
        <v>0</v>
      </c>
      <c r="DJ19" s="219">
        <v>0</v>
      </c>
      <c r="DK19" s="219">
        <v>0</v>
      </c>
      <c r="DL19" s="220">
        <v>0</v>
      </c>
      <c r="DM19" s="218">
        <v>0</v>
      </c>
      <c r="DN19" s="218">
        <v>0</v>
      </c>
      <c r="DO19" s="218">
        <v>0</v>
      </c>
      <c r="DP19" s="219">
        <v>0</v>
      </c>
      <c r="DQ19" s="240">
        <v>0</v>
      </c>
      <c r="DR19" s="242">
        <v>0</v>
      </c>
      <c r="DS19" s="222">
        <v>0</v>
      </c>
      <c r="DT19" s="219">
        <v>0</v>
      </c>
      <c r="DU19" s="219">
        <v>0</v>
      </c>
      <c r="DV19" s="220">
        <v>69</v>
      </c>
      <c r="DW19" s="218">
        <v>101</v>
      </c>
      <c r="DX19" s="218">
        <v>362</v>
      </c>
      <c r="DY19" s="218">
        <v>465</v>
      </c>
      <c r="DZ19" s="219">
        <v>252</v>
      </c>
      <c r="EA19" s="240">
        <v>1249</v>
      </c>
      <c r="EB19" s="242">
        <v>1249</v>
      </c>
      <c r="EC19" s="239"/>
    </row>
    <row r="20" spans="2:133" ht="21" customHeight="1" x14ac:dyDescent="0.2">
      <c r="B20" s="106" t="s">
        <v>17</v>
      </c>
      <c r="C20" s="217">
        <v>0</v>
      </c>
      <c r="D20" s="219">
        <v>0</v>
      </c>
      <c r="E20" s="219">
        <v>0</v>
      </c>
      <c r="F20" s="220">
        <v>5</v>
      </c>
      <c r="G20" s="218">
        <v>14</v>
      </c>
      <c r="H20" s="218">
        <v>216</v>
      </c>
      <c r="I20" s="218">
        <v>293</v>
      </c>
      <c r="J20" s="219">
        <v>215</v>
      </c>
      <c r="K20" s="240">
        <v>743</v>
      </c>
      <c r="L20" s="241">
        <v>743</v>
      </c>
      <c r="M20" s="217">
        <v>0</v>
      </c>
      <c r="N20" s="219">
        <v>0</v>
      </c>
      <c r="O20" s="240">
        <v>0</v>
      </c>
      <c r="P20" s="220">
        <v>5</v>
      </c>
      <c r="Q20" s="218">
        <v>14</v>
      </c>
      <c r="R20" s="218">
        <v>216</v>
      </c>
      <c r="S20" s="218">
        <v>290</v>
      </c>
      <c r="T20" s="219">
        <v>211</v>
      </c>
      <c r="U20" s="240">
        <v>736</v>
      </c>
      <c r="V20" s="242">
        <v>736</v>
      </c>
      <c r="W20" s="222">
        <v>0</v>
      </c>
      <c r="X20" s="219">
        <v>0</v>
      </c>
      <c r="Y20" s="240">
        <v>0</v>
      </c>
      <c r="Z20" s="222">
        <v>0</v>
      </c>
      <c r="AA20" s="218">
        <v>0</v>
      </c>
      <c r="AB20" s="218">
        <v>0</v>
      </c>
      <c r="AC20" s="218">
        <v>3</v>
      </c>
      <c r="AD20" s="219">
        <v>4</v>
      </c>
      <c r="AE20" s="240">
        <v>7</v>
      </c>
      <c r="AF20" s="221">
        <v>7</v>
      </c>
      <c r="AG20" s="222">
        <v>0</v>
      </c>
      <c r="AH20" s="219">
        <v>0</v>
      </c>
      <c r="AI20" s="240">
        <v>0</v>
      </c>
      <c r="AJ20" s="222">
        <v>39</v>
      </c>
      <c r="AK20" s="218">
        <v>118</v>
      </c>
      <c r="AL20" s="218">
        <v>153</v>
      </c>
      <c r="AM20" s="218">
        <v>145</v>
      </c>
      <c r="AN20" s="219">
        <v>81</v>
      </c>
      <c r="AO20" s="240">
        <v>536</v>
      </c>
      <c r="AP20" s="221">
        <v>536</v>
      </c>
      <c r="AQ20" s="222">
        <v>0</v>
      </c>
      <c r="AR20" s="219">
        <v>0</v>
      </c>
      <c r="AS20" s="240">
        <v>0</v>
      </c>
      <c r="AT20" s="220">
        <v>38</v>
      </c>
      <c r="AU20" s="218">
        <v>115</v>
      </c>
      <c r="AV20" s="218">
        <v>151</v>
      </c>
      <c r="AW20" s="218">
        <v>143</v>
      </c>
      <c r="AX20" s="219">
        <v>78</v>
      </c>
      <c r="AY20" s="240">
        <v>525</v>
      </c>
      <c r="AZ20" s="241">
        <v>525</v>
      </c>
      <c r="BA20" s="217">
        <v>0</v>
      </c>
      <c r="BB20" s="219">
        <v>0</v>
      </c>
      <c r="BC20" s="219">
        <v>0</v>
      </c>
      <c r="BD20" s="220">
        <v>1</v>
      </c>
      <c r="BE20" s="218">
        <v>3</v>
      </c>
      <c r="BF20" s="218">
        <v>2</v>
      </c>
      <c r="BG20" s="218">
        <v>2</v>
      </c>
      <c r="BH20" s="219">
        <v>3</v>
      </c>
      <c r="BI20" s="240">
        <v>11</v>
      </c>
      <c r="BJ20" s="242">
        <v>11</v>
      </c>
      <c r="BK20" s="222">
        <v>0</v>
      </c>
      <c r="BL20" s="219">
        <v>0</v>
      </c>
      <c r="BM20" s="219">
        <v>0</v>
      </c>
      <c r="BN20" s="220">
        <v>0</v>
      </c>
      <c r="BO20" s="218">
        <v>0</v>
      </c>
      <c r="BP20" s="218">
        <v>0</v>
      </c>
      <c r="BQ20" s="218">
        <v>0</v>
      </c>
      <c r="BR20" s="219">
        <v>0</v>
      </c>
      <c r="BS20" s="240">
        <v>0</v>
      </c>
      <c r="BT20" s="241">
        <v>0</v>
      </c>
      <c r="BU20" s="217">
        <v>0</v>
      </c>
      <c r="BV20" s="219">
        <v>0</v>
      </c>
      <c r="BW20" s="219">
        <v>0</v>
      </c>
      <c r="BX20" s="220">
        <v>0</v>
      </c>
      <c r="BY20" s="218">
        <v>0</v>
      </c>
      <c r="BZ20" s="218">
        <v>0</v>
      </c>
      <c r="CA20" s="218">
        <v>0</v>
      </c>
      <c r="CB20" s="219">
        <v>0</v>
      </c>
      <c r="CC20" s="240">
        <v>0</v>
      </c>
      <c r="CD20" s="242">
        <v>0</v>
      </c>
      <c r="CE20" s="222">
        <v>0</v>
      </c>
      <c r="CF20" s="219">
        <v>0</v>
      </c>
      <c r="CG20" s="219">
        <v>0</v>
      </c>
      <c r="CH20" s="220">
        <v>0</v>
      </c>
      <c r="CI20" s="218">
        <v>0</v>
      </c>
      <c r="CJ20" s="218">
        <v>0</v>
      </c>
      <c r="CK20" s="218">
        <v>0</v>
      </c>
      <c r="CL20" s="219">
        <v>0</v>
      </c>
      <c r="CM20" s="240">
        <v>0</v>
      </c>
      <c r="CN20" s="242">
        <v>0</v>
      </c>
      <c r="CO20" s="222">
        <v>0</v>
      </c>
      <c r="CP20" s="219">
        <v>0</v>
      </c>
      <c r="CQ20" s="219">
        <v>0</v>
      </c>
      <c r="CR20" s="220">
        <v>0</v>
      </c>
      <c r="CS20" s="218">
        <v>0</v>
      </c>
      <c r="CT20" s="218">
        <v>0</v>
      </c>
      <c r="CU20" s="218">
        <v>7</v>
      </c>
      <c r="CV20" s="219">
        <v>16</v>
      </c>
      <c r="CW20" s="240">
        <v>23</v>
      </c>
      <c r="CX20" s="241">
        <v>23</v>
      </c>
      <c r="CY20" s="217">
        <v>0</v>
      </c>
      <c r="CZ20" s="219">
        <v>0</v>
      </c>
      <c r="DA20" s="219">
        <v>0</v>
      </c>
      <c r="DB20" s="220">
        <v>0</v>
      </c>
      <c r="DC20" s="218">
        <v>0</v>
      </c>
      <c r="DD20" s="218">
        <v>0</v>
      </c>
      <c r="DE20" s="218">
        <v>7</v>
      </c>
      <c r="DF20" s="219">
        <v>14</v>
      </c>
      <c r="DG20" s="240">
        <v>21</v>
      </c>
      <c r="DH20" s="242">
        <v>21</v>
      </c>
      <c r="DI20" s="222">
        <v>0</v>
      </c>
      <c r="DJ20" s="219">
        <v>0</v>
      </c>
      <c r="DK20" s="219">
        <v>0</v>
      </c>
      <c r="DL20" s="220">
        <v>0</v>
      </c>
      <c r="DM20" s="218">
        <v>0</v>
      </c>
      <c r="DN20" s="218">
        <v>0</v>
      </c>
      <c r="DO20" s="218">
        <v>0</v>
      </c>
      <c r="DP20" s="219">
        <v>2</v>
      </c>
      <c r="DQ20" s="240">
        <v>2</v>
      </c>
      <c r="DR20" s="242">
        <v>2</v>
      </c>
      <c r="DS20" s="222">
        <v>0</v>
      </c>
      <c r="DT20" s="219">
        <v>0</v>
      </c>
      <c r="DU20" s="219">
        <v>0</v>
      </c>
      <c r="DV20" s="220">
        <v>44</v>
      </c>
      <c r="DW20" s="218">
        <v>132</v>
      </c>
      <c r="DX20" s="218">
        <v>369</v>
      </c>
      <c r="DY20" s="218">
        <v>445</v>
      </c>
      <c r="DZ20" s="219">
        <v>312</v>
      </c>
      <c r="EA20" s="240">
        <v>1302</v>
      </c>
      <c r="EB20" s="242">
        <v>1302</v>
      </c>
      <c r="EC20" s="239"/>
    </row>
    <row r="21" spans="2:133" ht="21" customHeight="1" x14ac:dyDescent="0.2">
      <c r="B21" s="106" t="s">
        <v>18</v>
      </c>
      <c r="C21" s="217">
        <v>0</v>
      </c>
      <c r="D21" s="219">
        <v>0</v>
      </c>
      <c r="E21" s="219">
        <v>0</v>
      </c>
      <c r="F21" s="220">
        <v>5</v>
      </c>
      <c r="G21" s="218">
        <v>13</v>
      </c>
      <c r="H21" s="218">
        <v>199</v>
      </c>
      <c r="I21" s="218">
        <v>401</v>
      </c>
      <c r="J21" s="219">
        <v>250</v>
      </c>
      <c r="K21" s="240">
        <v>868</v>
      </c>
      <c r="L21" s="241">
        <v>868</v>
      </c>
      <c r="M21" s="217">
        <v>0</v>
      </c>
      <c r="N21" s="219">
        <v>0</v>
      </c>
      <c r="O21" s="240">
        <v>0</v>
      </c>
      <c r="P21" s="220">
        <v>5</v>
      </c>
      <c r="Q21" s="218">
        <v>13</v>
      </c>
      <c r="R21" s="218">
        <v>197</v>
      </c>
      <c r="S21" s="218">
        <v>394</v>
      </c>
      <c r="T21" s="219">
        <v>246</v>
      </c>
      <c r="U21" s="240">
        <v>855</v>
      </c>
      <c r="V21" s="242">
        <v>855</v>
      </c>
      <c r="W21" s="222">
        <v>0</v>
      </c>
      <c r="X21" s="219">
        <v>0</v>
      </c>
      <c r="Y21" s="240">
        <v>0</v>
      </c>
      <c r="Z21" s="222">
        <v>0</v>
      </c>
      <c r="AA21" s="218">
        <v>0</v>
      </c>
      <c r="AB21" s="218">
        <v>2</v>
      </c>
      <c r="AC21" s="218">
        <v>7</v>
      </c>
      <c r="AD21" s="219">
        <v>4</v>
      </c>
      <c r="AE21" s="240">
        <v>13</v>
      </c>
      <c r="AF21" s="221">
        <v>13</v>
      </c>
      <c r="AG21" s="222">
        <v>0</v>
      </c>
      <c r="AH21" s="219">
        <v>0</v>
      </c>
      <c r="AI21" s="240">
        <v>0</v>
      </c>
      <c r="AJ21" s="222">
        <v>24</v>
      </c>
      <c r="AK21" s="218">
        <v>69</v>
      </c>
      <c r="AL21" s="218">
        <v>111</v>
      </c>
      <c r="AM21" s="218">
        <v>109</v>
      </c>
      <c r="AN21" s="219">
        <v>71</v>
      </c>
      <c r="AO21" s="240">
        <v>384</v>
      </c>
      <c r="AP21" s="221">
        <v>384</v>
      </c>
      <c r="AQ21" s="222">
        <v>0</v>
      </c>
      <c r="AR21" s="219">
        <v>0</v>
      </c>
      <c r="AS21" s="240">
        <v>0</v>
      </c>
      <c r="AT21" s="220">
        <v>24</v>
      </c>
      <c r="AU21" s="218">
        <v>66</v>
      </c>
      <c r="AV21" s="218">
        <v>108</v>
      </c>
      <c r="AW21" s="218">
        <v>108</v>
      </c>
      <c r="AX21" s="219">
        <v>67</v>
      </c>
      <c r="AY21" s="240">
        <v>373</v>
      </c>
      <c r="AZ21" s="241">
        <v>373</v>
      </c>
      <c r="BA21" s="217">
        <v>0</v>
      </c>
      <c r="BB21" s="219">
        <v>0</v>
      </c>
      <c r="BC21" s="219">
        <v>0</v>
      </c>
      <c r="BD21" s="220">
        <v>0</v>
      </c>
      <c r="BE21" s="218">
        <v>3</v>
      </c>
      <c r="BF21" s="218">
        <v>3</v>
      </c>
      <c r="BG21" s="218">
        <v>1</v>
      </c>
      <c r="BH21" s="219">
        <v>4</v>
      </c>
      <c r="BI21" s="240">
        <v>11</v>
      </c>
      <c r="BJ21" s="242">
        <v>11</v>
      </c>
      <c r="BK21" s="222">
        <v>0</v>
      </c>
      <c r="BL21" s="219">
        <v>0</v>
      </c>
      <c r="BM21" s="219">
        <v>0</v>
      </c>
      <c r="BN21" s="220">
        <v>0</v>
      </c>
      <c r="BO21" s="218">
        <v>0</v>
      </c>
      <c r="BP21" s="218">
        <v>0</v>
      </c>
      <c r="BQ21" s="218">
        <v>0</v>
      </c>
      <c r="BR21" s="219">
        <v>0</v>
      </c>
      <c r="BS21" s="240">
        <v>0</v>
      </c>
      <c r="BT21" s="241">
        <v>0</v>
      </c>
      <c r="BU21" s="217">
        <v>0</v>
      </c>
      <c r="BV21" s="219">
        <v>0</v>
      </c>
      <c r="BW21" s="219">
        <v>0</v>
      </c>
      <c r="BX21" s="220">
        <v>0</v>
      </c>
      <c r="BY21" s="218">
        <v>0</v>
      </c>
      <c r="BZ21" s="218">
        <v>0</v>
      </c>
      <c r="CA21" s="218">
        <v>0</v>
      </c>
      <c r="CB21" s="219">
        <v>0</v>
      </c>
      <c r="CC21" s="240">
        <v>0</v>
      </c>
      <c r="CD21" s="242">
        <v>0</v>
      </c>
      <c r="CE21" s="222">
        <v>0</v>
      </c>
      <c r="CF21" s="219">
        <v>0</v>
      </c>
      <c r="CG21" s="219">
        <v>0</v>
      </c>
      <c r="CH21" s="220">
        <v>0</v>
      </c>
      <c r="CI21" s="218">
        <v>0</v>
      </c>
      <c r="CJ21" s="218">
        <v>0</v>
      </c>
      <c r="CK21" s="218">
        <v>0</v>
      </c>
      <c r="CL21" s="219">
        <v>0</v>
      </c>
      <c r="CM21" s="240">
        <v>0</v>
      </c>
      <c r="CN21" s="242">
        <v>0</v>
      </c>
      <c r="CO21" s="222">
        <v>0</v>
      </c>
      <c r="CP21" s="219">
        <v>0</v>
      </c>
      <c r="CQ21" s="219">
        <v>0</v>
      </c>
      <c r="CR21" s="220">
        <v>0</v>
      </c>
      <c r="CS21" s="218">
        <v>1</v>
      </c>
      <c r="CT21" s="218">
        <v>1</v>
      </c>
      <c r="CU21" s="218">
        <v>12</v>
      </c>
      <c r="CV21" s="219">
        <v>21</v>
      </c>
      <c r="CW21" s="240">
        <v>35</v>
      </c>
      <c r="CX21" s="241">
        <v>35</v>
      </c>
      <c r="CY21" s="217">
        <v>0</v>
      </c>
      <c r="CZ21" s="219">
        <v>0</v>
      </c>
      <c r="DA21" s="219">
        <v>0</v>
      </c>
      <c r="DB21" s="220">
        <v>0</v>
      </c>
      <c r="DC21" s="218">
        <v>1</v>
      </c>
      <c r="DD21" s="218">
        <v>1</v>
      </c>
      <c r="DE21" s="218">
        <v>11</v>
      </c>
      <c r="DF21" s="219">
        <v>21</v>
      </c>
      <c r="DG21" s="240">
        <v>34</v>
      </c>
      <c r="DH21" s="242">
        <v>34</v>
      </c>
      <c r="DI21" s="222">
        <v>0</v>
      </c>
      <c r="DJ21" s="219">
        <v>0</v>
      </c>
      <c r="DK21" s="219">
        <v>0</v>
      </c>
      <c r="DL21" s="220">
        <v>0</v>
      </c>
      <c r="DM21" s="218">
        <v>0</v>
      </c>
      <c r="DN21" s="218">
        <v>0</v>
      </c>
      <c r="DO21" s="218">
        <v>1</v>
      </c>
      <c r="DP21" s="219">
        <v>0</v>
      </c>
      <c r="DQ21" s="240">
        <v>1</v>
      </c>
      <c r="DR21" s="242">
        <v>1</v>
      </c>
      <c r="DS21" s="222">
        <v>0</v>
      </c>
      <c r="DT21" s="219">
        <v>0</v>
      </c>
      <c r="DU21" s="219">
        <v>0</v>
      </c>
      <c r="DV21" s="220">
        <v>29</v>
      </c>
      <c r="DW21" s="218">
        <v>82</v>
      </c>
      <c r="DX21" s="218">
        <v>310</v>
      </c>
      <c r="DY21" s="218">
        <v>520</v>
      </c>
      <c r="DZ21" s="219">
        <v>342</v>
      </c>
      <c r="EA21" s="240">
        <v>1283</v>
      </c>
      <c r="EB21" s="242">
        <v>1283</v>
      </c>
      <c r="EC21" s="239"/>
    </row>
    <row r="22" spans="2:133" ht="21" customHeight="1" x14ac:dyDescent="0.2">
      <c r="B22" s="106" t="s">
        <v>19</v>
      </c>
      <c r="C22" s="217">
        <v>0</v>
      </c>
      <c r="D22" s="219">
        <v>0</v>
      </c>
      <c r="E22" s="219">
        <v>0</v>
      </c>
      <c r="F22" s="220">
        <v>0</v>
      </c>
      <c r="G22" s="218">
        <v>6</v>
      </c>
      <c r="H22" s="218">
        <v>129</v>
      </c>
      <c r="I22" s="218">
        <v>131</v>
      </c>
      <c r="J22" s="219">
        <v>119</v>
      </c>
      <c r="K22" s="240">
        <v>385</v>
      </c>
      <c r="L22" s="241">
        <v>385</v>
      </c>
      <c r="M22" s="217">
        <v>0</v>
      </c>
      <c r="N22" s="219">
        <v>0</v>
      </c>
      <c r="O22" s="240">
        <v>0</v>
      </c>
      <c r="P22" s="220">
        <v>0</v>
      </c>
      <c r="Q22" s="218">
        <v>6</v>
      </c>
      <c r="R22" s="218">
        <v>127</v>
      </c>
      <c r="S22" s="218">
        <v>130</v>
      </c>
      <c r="T22" s="219">
        <v>118</v>
      </c>
      <c r="U22" s="240">
        <v>381</v>
      </c>
      <c r="V22" s="242">
        <v>381</v>
      </c>
      <c r="W22" s="222">
        <v>0</v>
      </c>
      <c r="X22" s="219">
        <v>0</v>
      </c>
      <c r="Y22" s="240">
        <v>0</v>
      </c>
      <c r="Z22" s="222">
        <v>0</v>
      </c>
      <c r="AA22" s="218">
        <v>0</v>
      </c>
      <c r="AB22" s="218">
        <v>2</v>
      </c>
      <c r="AC22" s="218">
        <v>1</v>
      </c>
      <c r="AD22" s="219">
        <v>1</v>
      </c>
      <c r="AE22" s="240">
        <v>4</v>
      </c>
      <c r="AF22" s="221">
        <v>4</v>
      </c>
      <c r="AG22" s="222">
        <v>0</v>
      </c>
      <c r="AH22" s="219">
        <v>0</v>
      </c>
      <c r="AI22" s="240">
        <v>0</v>
      </c>
      <c r="AJ22" s="222">
        <v>28</v>
      </c>
      <c r="AK22" s="218">
        <v>46</v>
      </c>
      <c r="AL22" s="218">
        <v>86</v>
      </c>
      <c r="AM22" s="218">
        <v>54</v>
      </c>
      <c r="AN22" s="219">
        <v>23</v>
      </c>
      <c r="AO22" s="240">
        <v>237</v>
      </c>
      <c r="AP22" s="221">
        <v>237</v>
      </c>
      <c r="AQ22" s="222">
        <v>0</v>
      </c>
      <c r="AR22" s="219">
        <v>0</v>
      </c>
      <c r="AS22" s="240">
        <v>0</v>
      </c>
      <c r="AT22" s="220">
        <v>27</v>
      </c>
      <c r="AU22" s="218">
        <v>45</v>
      </c>
      <c r="AV22" s="218">
        <v>85</v>
      </c>
      <c r="AW22" s="218">
        <v>53</v>
      </c>
      <c r="AX22" s="219">
        <v>23</v>
      </c>
      <c r="AY22" s="240">
        <v>233</v>
      </c>
      <c r="AZ22" s="241">
        <v>233</v>
      </c>
      <c r="BA22" s="217">
        <v>0</v>
      </c>
      <c r="BB22" s="219">
        <v>0</v>
      </c>
      <c r="BC22" s="219">
        <v>0</v>
      </c>
      <c r="BD22" s="220">
        <v>1</v>
      </c>
      <c r="BE22" s="218">
        <v>1</v>
      </c>
      <c r="BF22" s="218">
        <v>1</v>
      </c>
      <c r="BG22" s="218">
        <v>1</v>
      </c>
      <c r="BH22" s="219">
        <v>0</v>
      </c>
      <c r="BI22" s="240">
        <v>4</v>
      </c>
      <c r="BJ22" s="242">
        <v>4</v>
      </c>
      <c r="BK22" s="222">
        <v>0</v>
      </c>
      <c r="BL22" s="219">
        <v>0</v>
      </c>
      <c r="BM22" s="219">
        <v>0</v>
      </c>
      <c r="BN22" s="220">
        <v>0</v>
      </c>
      <c r="BO22" s="218">
        <v>0</v>
      </c>
      <c r="BP22" s="218">
        <v>0</v>
      </c>
      <c r="BQ22" s="218">
        <v>0</v>
      </c>
      <c r="BR22" s="219">
        <v>0</v>
      </c>
      <c r="BS22" s="240">
        <v>0</v>
      </c>
      <c r="BT22" s="241">
        <v>0</v>
      </c>
      <c r="BU22" s="217">
        <v>0</v>
      </c>
      <c r="BV22" s="219">
        <v>0</v>
      </c>
      <c r="BW22" s="219">
        <v>0</v>
      </c>
      <c r="BX22" s="220">
        <v>0</v>
      </c>
      <c r="BY22" s="218">
        <v>0</v>
      </c>
      <c r="BZ22" s="218">
        <v>0</v>
      </c>
      <c r="CA22" s="218">
        <v>0</v>
      </c>
      <c r="CB22" s="219">
        <v>0</v>
      </c>
      <c r="CC22" s="240">
        <v>0</v>
      </c>
      <c r="CD22" s="242">
        <v>0</v>
      </c>
      <c r="CE22" s="222">
        <v>0</v>
      </c>
      <c r="CF22" s="219">
        <v>0</v>
      </c>
      <c r="CG22" s="219">
        <v>0</v>
      </c>
      <c r="CH22" s="220">
        <v>0</v>
      </c>
      <c r="CI22" s="218">
        <v>0</v>
      </c>
      <c r="CJ22" s="218">
        <v>0</v>
      </c>
      <c r="CK22" s="218">
        <v>0</v>
      </c>
      <c r="CL22" s="219">
        <v>0</v>
      </c>
      <c r="CM22" s="240">
        <v>0</v>
      </c>
      <c r="CN22" s="242">
        <v>0</v>
      </c>
      <c r="CO22" s="222">
        <v>0</v>
      </c>
      <c r="CP22" s="219">
        <v>0</v>
      </c>
      <c r="CQ22" s="219">
        <v>0</v>
      </c>
      <c r="CR22" s="220">
        <v>0</v>
      </c>
      <c r="CS22" s="218">
        <v>0</v>
      </c>
      <c r="CT22" s="218">
        <v>0</v>
      </c>
      <c r="CU22" s="218">
        <v>3</v>
      </c>
      <c r="CV22" s="219">
        <v>5</v>
      </c>
      <c r="CW22" s="240">
        <v>8</v>
      </c>
      <c r="CX22" s="241">
        <v>8</v>
      </c>
      <c r="CY22" s="217">
        <v>0</v>
      </c>
      <c r="CZ22" s="219">
        <v>0</v>
      </c>
      <c r="DA22" s="219">
        <v>0</v>
      </c>
      <c r="DB22" s="220">
        <v>0</v>
      </c>
      <c r="DC22" s="218">
        <v>0</v>
      </c>
      <c r="DD22" s="218">
        <v>0</v>
      </c>
      <c r="DE22" s="218">
        <v>3</v>
      </c>
      <c r="DF22" s="219">
        <v>5</v>
      </c>
      <c r="DG22" s="240">
        <v>8</v>
      </c>
      <c r="DH22" s="242">
        <v>8</v>
      </c>
      <c r="DI22" s="222">
        <v>0</v>
      </c>
      <c r="DJ22" s="219">
        <v>0</v>
      </c>
      <c r="DK22" s="219">
        <v>0</v>
      </c>
      <c r="DL22" s="220">
        <v>0</v>
      </c>
      <c r="DM22" s="218">
        <v>0</v>
      </c>
      <c r="DN22" s="218">
        <v>0</v>
      </c>
      <c r="DO22" s="218">
        <v>0</v>
      </c>
      <c r="DP22" s="219">
        <v>0</v>
      </c>
      <c r="DQ22" s="240">
        <v>0</v>
      </c>
      <c r="DR22" s="242">
        <v>0</v>
      </c>
      <c r="DS22" s="222">
        <v>0</v>
      </c>
      <c r="DT22" s="219">
        <v>0</v>
      </c>
      <c r="DU22" s="219">
        <v>0</v>
      </c>
      <c r="DV22" s="220">
        <v>28</v>
      </c>
      <c r="DW22" s="218">
        <v>52</v>
      </c>
      <c r="DX22" s="218">
        <v>214</v>
      </c>
      <c r="DY22" s="218">
        <v>187</v>
      </c>
      <c r="DZ22" s="219">
        <v>146</v>
      </c>
      <c r="EA22" s="240">
        <v>627</v>
      </c>
      <c r="EB22" s="242">
        <v>627</v>
      </c>
      <c r="EC22" s="239"/>
    </row>
    <row r="23" spans="2:133" ht="21" customHeight="1" x14ac:dyDescent="0.2">
      <c r="B23" s="106" t="s">
        <v>20</v>
      </c>
      <c r="C23" s="217">
        <v>0</v>
      </c>
      <c r="D23" s="219">
        <v>0</v>
      </c>
      <c r="E23" s="219">
        <v>0</v>
      </c>
      <c r="F23" s="220">
        <v>6</v>
      </c>
      <c r="G23" s="218">
        <v>22</v>
      </c>
      <c r="H23" s="218">
        <v>146</v>
      </c>
      <c r="I23" s="218">
        <v>220</v>
      </c>
      <c r="J23" s="219">
        <v>108</v>
      </c>
      <c r="K23" s="240">
        <v>502</v>
      </c>
      <c r="L23" s="241">
        <v>502</v>
      </c>
      <c r="M23" s="217">
        <v>0</v>
      </c>
      <c r="N23" s="219">
        <v>0</v>
      </c>
      <c r="O23" s="240">
        <v>0</v>
      </c>
      <c r="P23" s="220">
        <v>6</v>
      </c>
      <c r="Q23" s="218">
        <v>22</v>
      </c>
      <c r="R23" s="218">
        <v>146</v>
      </c>
      <c r="S23" s="218">
        <v>217</v>
      </c>
      <c r="T23" s="219">
        <v>106</v>
      </c>
      <c r="U23" s="240">
        <v>497</v>
      </c>
      <c r="V23" s="242">
        <v>497</v>
      </c>
      <c r="W23" s="222">
        <v>0</v>
      </c>
      <c r="X23" s="219">
        <v>0</v>
      </c>
      <c r="Y23" s="240">
        <v>0</v>
      </c>
      <c r="Z23" s="222">
        <v>0</v>
      </c>
      <c r="AA23" s="218">
        <v>0</v>
      </c>
      <c r="AB23" s="218">
        <v>0</v>
      </c>
      <c r="AC23" s="218">
        <v>3</v>
      </c>
      <c r="AD23" s="219">
        <v>2</v>
      </c>
      <c r="AE23" s="240">
        <v>5</v>
      </c>
      <c r="AF23" s="221">
        <v>5</v>
      </c>
      <c r="AG23" s="222">
        <v>0</v>
      </c>
      <c r="AH23" s="219">
        <v>0</v>
      </c>
      <c r="AI23" s="240">
        <v>0</v>
      </c>
      <c r="AJ23" s="222">
        <v>11</v>
      </c>
      <c r="AK23" s="218">
        <v>33</v>
      </c>
      <c r="AL23" s="218">
        <v>37</v>
      </c>
      <c r="AM23" s="218">
        <v>54</v>
      </c>
      <c r="AN23" s="219">
        <v>24</v>
      </c>
      <c r="AO23" s="240">
        <v>159</v>
      </c>
      <c r="AP23" s="221">
        <v>159</v>
      </c>
      <c r="AQ23" s="222">
        <v>0</v>
      </c>
      <c r="AR23" s="219">
        <v>0</v>
      </c>
      <c r="AS23" s="240">
        <v>0</v>
      </c>
      <c r="AT23" s="220">
        <v>10</v>
      </c>
      <c r="AU23" s="218">
        <v>33</v>
      </c>
      <c r="AV23" s="218">
        <v>37</v>
      </c>
      <c r="AW23" s="218">
        <v>53</v>
      </c>
      <c r="AX23" s="219">
        <v>24</v>
      </c>
      <c r="AY23" s="240">
        <v>157</v>
      </c>
      <c r="AZ23" s="241">
        <v>157</v>
      </c>
      <c r="BA23" s="217">
        <v>0</v>
      </c>
      <c r="BB23" s="219">
        <v>0</v>
      </c>
      <c r="BC23" s="219">
        <v>0</v>
      </c>
      <c r="BD23" s="220">
        <v>1</v>
      </c>
      <c r="BE23" s="218">
        <v>0</v>
      </c>
      <c r="BF23" s="218">
        <v>0</v>
      </c>
      <c r="BG23" s="218">
        <v>1</v>
      </c>
      <c r="BH23" s="219">
        <v>0</v>
      </c>
      <c r="BI23" s="240">
        <v>2</v>
      </c>
      <c r="BJ23" s="242">
        <v>2</v>
      </c>
      <c r="BK23" s="222">
        <v>0</v>
      </c>
      <c r="BL23" s="219">
        <v>0</v>
      </c>
      <c r="BM23" s="219">
        <v>0</v>
      </c>
      <c r="BN23" s="220">
        <v>0</v>
      </c>
      <c r="BO23" s="218">
        <v>0</v>
      </c>
      <c r="BP23" s="218">
        <v>0</v>
      </c>
      <c r="BQ23" s="218">
        <v>0</v>
      </c>
      <c r="BR23" s="219">
        <v>0</v>
      </c>
      <c r="BS23" s="240">
        <v>0</v>
      </c>
      <c r="BT23" s="241">
        <v>0</v>
      </c>
      <c r="BU23" s="217">
        <v>0</v>
      </c>
      <c r="BV23" s="219">
        <v>0</v>
      </c>
      <c r="BW23" s="219">
        <v>0</v>
      </c>
      <c r="BX23" s="220">
        <v>0</v>
      </c>
      <c r="BY23" s="218">
        <v>0</v>
      </c>
      <c r="BZ23" s="218">
        <v>0</v>
      </c>
      <c r="CA23" s="218">
        <v>0</v>
      </c>
      <c r="CB23" s="219">
        <v>0</v>
      </c>
      <c r="CC23" s="240">
        <v>0</v>
      </c>
      <c r="CD23" s="242">
        <v>0</v>
      </c>
      <c r="CE23" s="222">
        <v>0</v>
      </c>
      <c r="CF23" s="219">
        <v>0</v>
      </c>
      <c r="CG23" s="219">
        <v>0</v>
      </c>
      <c r="CH23" s="220">
        <v>0</v>
      </c>
      <c r="CI23" s="218">
        <v>0</v>
      </c>
      <c r="CJ23" s="218">
        <v>0</v>
      </c>
      <c r="CK23" s="218">
        <v>0</v>
      </c>
      <c r="CL23" s="219">
        <v>0</v>
      </c>
      <c r="CM23" s="240">
        <v>0</v>
      </c>
      <c r="CN23" s="242">
        <v>0</v>
      </c>
      <c r="CO23" s="222">
        <v>0</v>
      </c>
      <c r="CP23" s="219">
        <v>0</v>
      </c>
      <c r="CQ23" s="219">
        <v>0</v>
      </c>
      <c r="CR23" s="220">
        <v>0</v>
      </c>
      <c r="CS23" s="218">
        <v>0</v>
      </c>
      <c r="CT23" s="218">
        <v>0</v>
      </c>
      <c r="CU23" s="218">
        <v>2</v>
      </c>
      <c r="CV23" s="219">
        <v>5</v>
      </c>
      <c r="CW23" s="240">
        <v>7</v>
      </c>
      <c r="CX23" s="241">
        <v>7</v>
      </c>
      <c r="CY23" s="217">
        <v>0</v>
      </c>
      <c r="CZ23" s="219">
        <v>0</v>
      </c>
      <c r="DA23" s="219">
        <v>0</v>
      </c>
      <c r="DB23" s="220">
        <v>0</v>
      </c>
      <c r="DC23" s="218">
        <v>0</v>
      </c>
      <c r="DD23" s="218">
        <v>0</v>
      </c>
      <c r="DE23" s="218">
        <v>2</v>
      </c>
      <c r="DF23" s="219">
        <v>5</v>
      </c>
      <c r="DG23" s="240">
        <v>7</v>
      </c>
      <c r="DH23" s="242">
        <v>7</v>
      </c>
      <c r="DI23" s="222">
        <v>0</v>
      </c>
      <c r="DJ23" s="219">
        <v>0</v>
      </c>
      <c r="DK23" s="219">
        <v>0</v>
      </c>
      <c r="DL23" s="220">
        <v>0</v>
      </c>
      <c r="DM23" s="218">
        <v>0</v>
      </c>
      <c r="DN23" s="218">
        <v>0</v>
      </c>
      <c r="DO23" s="218">
        <v>0</v>
      </c>
      <c r="DP23" s="219">
        <v>0</v>
      </c>
      <c r="DQ23" s="240">
        <v>0</v>
      </c>
      <c r="DR23" s="242">
        <v>0</v>
      </c>
      <c r="DS23" s="222">
        <v>0</v>
      </c>
      <c r="DT23" s="219">
        <v>0</v>
      </c>
      <c r="DU23" s="219">
        <v>0</v>
      </c>
      <c r="DV23" s="220">
        <v>17</v>
      </c>
      <c r="DW23" s="218">
        <v>55</v>
      </c>
      <c r="DX23" s="218">
        <v>183</v>
      </c>
      <c r="DY23" s="218">
        <v>275</v>
      </c>
      <c r="DZ23" s="219">
        <v>137</v>
      </c>
      <c r="EA23" s="240">
        <v>667</v>
      </c>
      <c r="EB23" s="242">
        <v>667</v>
      </c>
      <c r="EC23" s="239"/>
    </row>
    <row r="24" spans="2:133" ht="21" customHeight="1" x14ac:dyDescent="0.2">
      <c r="B24" s="106" t="s">
        <v>21</v>
      </c>
      <c r="C24" s="217">
        <v>0</v>
      </c>
      <c r="D24" s="219">
        <v>0</v>
      </c>
      <c r="E24" s="219">
        <v>0</v>
      </c>
      <c r="F24" s="220">
        <v>3</v>
      </c>
      <c r="G24" s="218">
        <v>13</v>
      </c>
      <c r="H24" s="218">
        <v>174</v>
      </c>
      <c r="I24" s="218">
        <v>198</v>
      </c>
      <c r="J24" s="219">
        <v>135</v>
      </c>
      <c r="K24" s="240">
        <v>523</v>
      </c>
      <c r="L24" s="241">
        <v>523</v>
      </c>
      <c r="M24" s="217">
        <v>0</v>
      </c>
      <c r="N24" s="219">
        <v>0</v>
      </c>
      <c r="O24" s="240">
        <v>0</v>
      </c>
      <c r="P24" s="220">
        <v>2</v>
      </c>
      <c r="Q24" s="218">
        <v>13</v>
      </c>
      <c r="R24" s="218">
        <v>174</v>
      </c>
      <c r="S24" s="218">
        <v>197</v>
      </c>
      <c r="T24" s="219">
        <v>135</v>
      </c>
      <c r="U24" s="240">
        <v>521</v>
      </c>
      <c r="V24" s="242">
        <v>521</v>
      </c>
      <c r="W24" s="222">
        <v>0</v>
      </c>
      <c r="X24" s="219">
        <v>0</v>
      </c>
      <c r="Y24" s="240">
        <v>0</v>
      </c>
      <c r="Z24" s="222">
        <v>1</v>
      </c>
      <c r="AA24" s="218">
        <v>0</v>
      </c>
      <c r="AB24" s="218">
        <v>0</v>
      </c>
      <c r="AC24" s="218">
        <v>1</v>
      </c>
      <c r="AD24" s="219">
        <v>0</v>
      </c>
      <c r="AE24" s="240">
        <v>2</v>
      </c>
      <c r="AF24" s="221">
        <v>2</v>
      </c>
      <c r="AG24" s="222">
        <v>0</v>
      </c>
      <c r="AH24" s="219">
        <v>0</v>
      </c>
      <c r="AI24" s="240">
        <v>0</v>
      </c>
      <c r="AJ24" s="222">
        <v>22</v>
      </c>
      <c r="AK24" s="218">
        <v>33</v>
      </c>
      <c r="AL24" s="218">
        <v>49</v>
      </c>
      <c r="AM24" s="218">
        <v>50</v>
      </c>
      <c r="AN24" s="219">
        <v>28</v>
      </c>
      <c r="AO24" s="240">
        <v>182</v>
      </c>
      <c r="AP24" s="221">
        <v>182</v>
      </c>
      <c r="AQ24" s="222">
        <v>0</v>
      </c>
      <c r="AR24" s="219">
        <v>0</v>
      </c>
      <c r="AS24" s="240">
        <v>0</v>
      </c>
      <c r="AT24" s="220">
        <v>22</v>
      </c>
      <c r="AU24" s="218">
        <v>33</v>
      </c>
      <c r="AV24" s="218">
        <v>47</v>
      </c>
      <c r="AW24" s="218">
        <v>47</v>
      </c>
      <c r="AX24" s="219">
        <v>25</v>
      </c>
      <c r="AY24" s="240">
        <v>174</v>
      </c>
      <c r="AZ24" s="241">
        <v>174</v>
      </c>
      <c r="BA24" s="217">
        <v>0</v>
      </c>
      <c r="BB24" s="219">
        <v>0</v>
      </c>
      <c r="BC24" s="219">
        <v>0</v>
      </c>
      <c r="BD24" s="220">
        <v>0</v>
      </c>
      <c r="BE24" s="218">
        <v>0</v>
      </c>
      <c r="BF24" s="218">
        <v>2</v>
      </c>
      <c r="BG24" s="218">
        <v>3</v>
      </c>
      <c r="BH24" s="219">
        <v>3</v>
      </c>
      <c r="BI24" s="240">
        <v>8</v>
      </c>
      <c r="BJ24" s="242">
        <v>8</v>
      </c>
      <c r="BK24" s="222">
        <v>0</v>
      </c>
      <c r="BL24" s="219">
        <v>0</v>
      </c>
      <c r="BM24" s="219">
        <v>0</v>
      </c>
      <c r="BN24" s="220">
        <v>0</v>
      </c>
      <c r="BO24" s="218">
        <v>0</v>
      </c>
      <c r="BP24" s="218">
        <v>0</v>
      </c>
      <c r="BQ24" s="218">
        <v>0</v>
      </c>
      <c r="BR24" s="219">
        <v>0</v>
      </c>
      <c r="BS24" s="240">
        <v>0</v>
      </c>
      <c r="BT24" s="241">
        <v>0</v>
      </c>
      <c r="BU24" s="217">
        <v>0</v>
      </c>
      <c r="BV24" s="219">
        <v>0</v>
      </c>
      <c r="BW24" s="219">
        <v>0</v>
      </c>
      <c r="BX24" s="220">
        <v>0</v>
      </c>
      <c r="BY24" s="218">
        <v>0</v>
      </c>
      <c r="BZ24" s="218">
        <v>0</v>
      </c>
      <c r="CA24" s="218">
        <v>0</v>
      </c>
      <c r="CB24" s="219">
        <v>0</v>
      </c>
      <c r="CC24" s="240">
        <v>0</v>
      </c>
      <c r="CD24" s="242">
        <v>0</v>
      </c>
      <c r="CE24" s="222">
        <v>0</v>
      </c>
      <c r="CF24" s="219">
        <v>0</v>
      </c>
      <c r="CG24" s="219">
        <v>0</v>
      </c>
      <c r="CH24" s="220">
        <v>0</v>
      </c>
      <c r="CI24" s="218">
        <v>0</v>
      </c>
      <c r="CJ24" s="218">
        <v>0</v>
      </c>
      <c r="CK24" s="218">
        <v>0</v>
      </c>
      <c r="CL24" s="219">
        <v>0</v>
      </c>
      <c r="CM24" s="240">
        <v>0</v>
      </c>
      <c r="CN24" s="242">
        <v>0</v>
      </c>
      <c r="CO24" s="222">
        <v>0</v>
      </c>
      <c r="CP24" s="219">
        <v>0</v>
      </c>
      <c r="CQ24" s="219">
        <v>0</v>
      </c>
      <c r="CR24" s="220">
        <v>0</v>
      </c>
      <c r="CS24" s="218">
        <v>0</v>
      </c>
      <c r="CT24" s="218">
        <v>1</v>
      </c>
      <c r="CU24" s="218">
        <v>14</v>
      </c>
      <c r="CV24" s="219">
        <v>15</v>
      </c>
      <c r="CW24" s="240">
        <v>30</v>
      </c>
      <c r="CX24" s="241">
        <v>30</v>
      </c>
      <c r="CY24" s="217">
        <v>0</v>
      </c>
      <c r="CZ24" s="219">
        <v>0</v>
      </c>
      <c r="DA24" s="219">
        <v>0</v>
      </c>
      <c r="DB24" s="220">
        <v>0</v>
      </c>
      <c r="DC24" s="218">
        <v>0</v>
      </c>
      <c r="DD24" s="218">
        <v>1</v>
      </c>
      <c r="DE24" s="218">
        <v>14</v>
      </c>
      <c r="DF24" s="219">
        <v>15</v>
      </c>
      <c r="DG24" s="240">
        <v>30</v>
      </c>
      <c r="DH24" s="242">
        <v>30</v>
      </c>
      <c r="DI24" s="222">
        <v>0</v>
      </c>
      <c r="DJ24" s="219">
        <v>0</v>
      </c>
      <c r="DK24" s="219">
        <v>0</v>
      </c>
      <c r="DL24" s="220">
        <v>0</v>
      </c>
      <c r="DM24" s="218">
        <v>0</v>
      </c>
      <c r="DN24" s="218">
        <v>0</v>
      </c>
      <c r="DO24" s="218">
        <v>0</v>
      </c>
      <c r="DP24" s="219">
        <v>0</v>
      </c>
      <c r="DQ24" s="240">
        <v>0</v>
      </c>
      <c r="DR24" s="242">
        <v>0</v>
      </c>
      <c r="DS24" s="222">
        <v>0</v>
      </c>
      <c r="DT24" s="219">
        <v>0</v>
      </c>
      <c r="DU24" s="219">
        <v>0</v>
      </c>
      <c r="DV24" s="220">
        <v>25</v>
      </c>
      <c r="DW24" s="218">
        <v>46</v>
      </c>
      <c r="DX24" s="218">
        <v>224</v>
      </c>
      <c r="DY24" s="218">
        <v>262</v>
      </c>
      <c r="DZ24" s="219">
        <v>178</v>
      </c>
      <c r="EA24" s="240">
        <v>735</v>
      </c>
      <c r="EB24" s="242">
        <v>735</v>
      </c>
      <c r="EC24" s="239"/>
    </row>
    <row r="25" spans="2:133" ht="21" customHeight="1" x14ac:dyDescent="0.2">
      <c r="B25" s="106" t="s">
        <v>22</v>
      </c>
      <c r="C25" s="217">
        <v>0</v>
      </c>
      <c r="D25" s="219">
        <v>0</v>
      </c>
      <c r="E25" s="219">
        <v>0</v>
      </c>
      <c r="F25" s="220">
        <v>2</v>
      </c>
      <c r="G25" s="218">
        <v>6</v>
      </c>
      <c r="H25" s="218">
        <v>41</v>
      </c>
      <c r="I25" s="218">
        <v>74</v>
      </c>
      <c r="J25" s="219">
        <v>32</v>
      </c>
      <c r="K25" s="240">
        <v>155</v>
      </c>
      <c r="L25" s="241">
        <v>155</v>
      </c>
      <c r="M25" s="217">
        <v>0</v>
      </c>
      <c r="N25" s="219">
        <v>0</v>
      </c>
      <c r="O25" s="240">
        <v>0</v>
      </c>
      <c r="P25" s="220">
        <v>2</v>
      </c>
      <c r="Q25" s="218">
        <v>6</v>
      </c>
      <c r="R25" s="218">
        <v>41</v>
      </c>
      <c r="S25" s="218">
        <v>74</v>
      </c>
      <c r="T25" s="219">
        <v>32</v>
      </c>
      <c r="U25" s="240">
        <v>155</v>
      </c>
      <c r="V25" s="242">
        <v>155</v>
      </c>
      <c r="W25" s="222">
        <v>0</v>
      </c>
      <c r="X25" s="219">
        <v>0</v>
      </c>
      <c r="Y25" s="240">
        <v>0</v>
      </c>
      <c r="Z25" s="222">
        <v>0</v>
      </c>
      <c r="AA25" s="218">
        <v>0</v>
      </c>
      <c r="AB25" s="218">
        <v>0</v>
      </c>
      <c r="AC25" s="218">
        <v>0</v>
      </c>
      <c r="AD25" s="219">
        <v>0</v>
      </c>
      <c r="AE25" s="240">
        <v>0</v>
      </c>
      <c r="AF25" s="221">
        <v>0</v>
      </c>
      <c r="AG25" s="222">
        <v>0</v>
      </c>
      <c r="AH25" s="219">
        <v>0</v>
      </c>
      <c r="AI25" s="240">
        <v>0</v>
      </c>
      <c r="AJ25" s="222">
        <v>10</v>
      </c>
      <c r="AK25" s="218">
        <v>18</v>
      </c>
      <c r="AL25" s="218">
        <v>25</v>
      </c>
      <c r="AM25" s="218">
        <v>49</v>
      </c>
      <c r="AN25" s="219">
        <v>16</v>
      </c>
      <c r="AO25" s="240">
        <v>118</v>
      </c>
      <c r="AP25" s="221">
        <v>118</v>
      </c>
      <c r="AQ25" s="222">
        <v>0</v>
      </c>
      <c r="AR25" s="219">
        <v>0</v>
      </c>
      <c r="AS25" s="240">
        <v>0</v>
      </c>
      <c r="AT25" s="220">
        <v>10</v>
      </c>
      <c r="AU25" s="218">
        <v>18</v>
      </c>
      <c r="AV25" s="218">
        <v>25</v>
      </c>
      <c r="AW25" s="218">
        <v>48</v>
      </c>
      <c r="AX25" s="219">
        <v>16</v>
      </c>
      <c r="AY25" s="240">
        <v>117</v>
      </c>
      <c r="AZ25" s="241">
        <v>117</v>
      </c>
      <c r="BA25" s="217">
        <v>0</v>
      </c>
      <c r="BB25" s="219">
        <v>0</v>
      </c>
      <c r="BC25" s="219">
        <v>0</v>
      </c>
      <c r="BD25" s="220">
        <v>0</v>
      </c>
      <c r="BE25" s="218">
        <v>0</v>
      </c>
      <c r="BF25" s="218">
        <v>0</v>
      </c>
      <c r="BG25" s="218">
        <v>1</v>
      </c>
      <c r="BH25" s="219">
        <v>0</v>
      </c>
      <c r="BI25" s="240">
        <v>1</v>
      </c>
      <c r="BJ25" s="242">
        <v>1</v>
      </c>
      <c r="BK25" s="222">
        <v>0</v>
      </c>
      <c r="BL25" s="219">
        <v>0</v>
      </c>
      <c r="BM25" s="219">
        <v>0</v>
      </c>
      <c r="BN25" s="220">
        <v>0</v>
      </c>
      <c r="BO25" s="218">
        <v>0</v>
      </c>
      <c r="BP25" s="218">
        <v>0</v>
      </c>
      <c r="BQ25" s="218">
        <v>0</v>
      </c>
      <c r="BR25" s="219">
        <v>0</v>
      </c>
      <c r="BS25" s="240">
        <v>0</v>
      </c>
      <c r="BT25" s="241">
        <v>0</v>
      </c>
      <c r="BU25" s="217">
        <v>0</v>
      </c>
      <c r="BV25" s="219">
        <v>0</v>
      </c>
      <c r="BW25" s="219">
        <v>0</v>
      </c>
      <c r="BX25" s="220">
        <v>0</v>
      </c>
      <c r="BY25" s="218">
        <v>0</v>
      </c>
      <c r="BZ25" s="218">
        <v>0</v>
      </c>
      <c r="CA25" s="218">
        <v>0</v>
      </c>
      <c r="CB25" s="219">
        <v>0</v>
      </c>
      <c r="CC25" s="240">
        <v>0</v>
      </c>
      <c r="CD25" s="242">
        <v>0</v>
      </c>
      <c r="CE25" s="222">
        <v>0</v>
      </c>
      <c r="CF25" s="219">
        <v>0</v>
      </c>
      <c r="CG25" s="219">
        <v>0</v>
      </c>
      <c r="CH25" s="220">
        <v>0</v>
      </c>
      <c r="CI25" s="218">
        <v>0</v>
      </c>
      <c r="CJ25" s="218">
        <v>0</v>
      </c>
      <c r="CK25" s="218">
        <v>0</v>
      </c>
      <c r="CL25" s="219">
        <v>0</v>
      </c>
      <c r="CM25" s="240">
        <v>0</v>
      </c>
      <c r="CN25" s="242">
        <v>0</v>
      </c>
      <c r="CO25" s="222">
        <v>0</v>
      </c>
      <c r="CP25" s="219">
        <v>0</v>
      </c>
      <c r="CQ25" s="219">
        <v>0</v>
      </c>
      <c r="CR25" s="220">
        <v>0</v>
      </c>
      <c r="CS25" s="218">
        <v>0</v>
      </c>
      <c r="CT25" s="218">
        <v>2</v>
      </c>
      <c r="CU25" s="218">
        <v>5</v>
      </c>
      <c r="CV25" s="219">
        <v>5</v>
      </c>
      <c r="CW25" s="240">
        <v>12</v>
      </c>
      <c r="CX25" s="241">
        <v>12</v>
      </c>
      <c r="CY25" s="217">
        <v>0</v>
      </c>
      <c r="CZ25" s="219">
        <v>0</v>
      </c>
      <c r="DA25" s="219">
        <v>0</v>
      </c>
      <c r="DB25" s="220">
        <v>0</v>
      </c>
      <c r="DC25" s="218">
        <v>0</v>
      </c>
      <c r="DD25" s="218">
        <v>2</v>
      </c>
      <c r="DE25" s="218">
        <v>5</v>
      </c>
      <c r="DF25" s="219">
        <v>3</v>
      </c>
      <c r="DG25" s="240">
        <v>10</v>
      </c>
      <c r="DH25" s="242">
        <v>10</v>
      </c>
      <c r="DI25" s="222">
        <v>0</v>
      </c>
      <c r="DJ25" s="219">
        <v>0</v>
      </c>
      <c r="DK25" s="219">
        <v>0</v>
      </c>
      <c r="DL25" s="220">
        <v>0</v>
      </c>
      <c r="DM25" s="218">
        <v>0</v>
      </c>
      <c r="DN25" s="218">
        <v>0</v>
      </c>
      <c r="DO25" s="218">
        <v>0</v>
      </c>
      <c r="DP25" s="219">
        <v>2</v>
      </c>
      <c r="DQ25" s="240">
        <v>2</v>
      </c>
      <c r="DR25" s="242">
        <v>2</v>
      </c>
      <c r="DS25" s="222">
        <v>0</v>
      </c>
      <c r="DT25" s="219">
        <v>0</v>
      </c>
      <c r="DU25" s="219">
        <v>0</v>
      </c>
      <c r="DV25" s="220">
        <v>12</v>
      </c>
      <c r="DW25" s="218">
        <v>24</v>
      </c>
      <c r="DX25" s="218">
        <v>68</v>
      </c>
      <c r="DY25" s="218">
        <v>128</v>
      </c>
      <c r="DZ25" s="219">
        <v>53</v>
      </c>
      <c r="EA25" s="240">
        <v>285</v>
      </c>
      <c r="EB25" s="242">
        <v>285</v>
      </c>
      <c r="EC25" s="239"/>
    </row>
    <row r="26" spans="2:133" ht="21" customHeight="1" x14ac:dyDescent="0.2">
      <c r="B26" s="106" t="s">
        <v>23</v>
      </c>
      <c r="C26" s="217">
        <v>0</v>
      </c>
      <c r="D26" s="219">
        <v>0</v>
      </c>
      <c r="E26" s="219">
        <v>0</v>
      </c>
      <c r="F26" s="220">
        <v>4</v>
      </c>
      <c r="G26" s="218">
        <v>12</v>
      </c>
      <c r="H26" s="218">
        <v>96</v>
      </c>
      <c r="I26" s="218">
        <v>156</v>
      </c>
      <c r="J26" s="219">
        <v>89</v>
      </c>
      <c r="K26" s="240">
        <v>357</v>
      </c>
      <c r="L26" s="241">
        <v>357</v>
      </c>
      <c r="M26" s="217">
        <v>0</v>
      </c>
      <c r="N26" s="219">
        <v>0</v>
      </c>
      <c r="O26" s="240">
        <v>0</v>
      </c>
      <c r="P26" s="220">
        <v>4</v>
      </c>
      <c r="Q26" s="218">
        <v>12</v>
      </c>
      <c r="R26" s="218">
        <v>96</v>
      </c>
      <c r="S26" s="218">
        <v>156</v>
      </c>
      <c r="T26" s="219">
        <v>88</v>
      </c>
      <c r="U26" s="240">
        <v>356</v>
      </c>
      <c r="V26" s="242">
        <v>356</v>
      </c>
      <c r="W26" s="222">
        <v>0</v>
      </c>
      <c r="X26" s="219">
        <v>0</v>
      </c>
      <c r="Y26" s="240">
        <v>0</v>
      </c>
      <c r="Z26" s="222">
        <v>0</v>
      </c>
      <c r="AA26" s="218">
        <v>0</v>
      </c>
      <c r="AB26" s="218">
        <v>0</v>
      </c>
      <c r="AC26" s="218">
        <v>0</v>
      </c>
      <c r="AD26" s="219">
        <v>1</v>
      </c>
      <c r="AE26" s="240">
        <v>1</v>
      </c>
      <c r="AF26" s="221">
        <v>1</v>
      </c>
      <c r="AG26" s="222">
        <v>0</v>
      </c>
      <c r="AH26" s="219">
        <v>0</v>
      </c>
      <c r="AI26" s="240">
        <v>0</v>
      </c>
      <c r="AJ26" s="222">
        <v>22</v>
      </c>
      <c r="AK26" s="218">
        <v>25</v>
      </c>
      <c r="AL26" s="218">
        <v>35</v>
      </c>
      <c r="AM26" s="218">
        <v>65</v>
      </c>
      <c r="AN26" s="219">
        <v>29</v>
      </c>
      <c r="AO26" s="240">
        <v>176</v>
      </c>
      <c r="AP26" s="221">
        <v>176</v>
      </c>
      <c r="AQ26" s="222">
        <v>0</v>
      </c>
      <c r="AR26" s="219">
        <v>0</v>
      </c>
      <c r="AS26" s="240">
        <v>0</v>
      </c>
      <c r="AT26" s="220">
        <v>21</v>
      </c>
      <c r="AU26" s="218">
        <v>25</v>
      </c>
      <c r="AV26" s="218">
        <v>35</v>
      </c>
      <c r="AW26" s="218">
        <v>64</v>
      </c>
      <c r="AX26" s="219">
        <v>28</v>
      </c>
      <c r="AY26" s="240">
        <v>173</v>
      </c>
      <c r="AZ26" s="241">
        <v>173</v>
      </c>
      <c r="BA26" s="217">
        <v>0</v>
      </c>
      <c r="BB26" s="219">
        <v>0</v>
      </c>
      <c r="BC26" s="219">
        <v>0</v>
      </c>
      <c r="BD26" s="220">
        <v>1</v>
      </c>
      <c r="BE26" s="218">
        <v>0</v>
      </c>
      <c r="BF26" s="218">
        <v>0</v>
      </c>
      <c r="BG26" s="218">
        <v>1</v>
      </c>
      <c r="BH26" s="219">
        <v>1</v>
      </c>
      <c r="BI26" s="240">
        <v>3</v>
      </c>
      <c r="BJ26" s="242">
        <v>3</v>
      </c>
      <c r="BK26" s="222">
        <v>0</v>
      </c>
      <c r="BL26" s="219">
        <v>0</v>
      </c>
      <c r="BM26" s="219">
        <v>0</v>
      </c>
      <c r="BN26" s="220">
        <v>0</v>
      </c>
      <c r="BO26" s="218">
        <v>0</v>
      </c>
      <c r="BP26" s="218">
        <v>0</v>
      </c>
      <c r="BQ26" s="218">
        <v>0</v>
      </c>
      <c r="BR26" s="219">
        <v>0</v>
      </c>
      <c r="BS26" s="240">
        <v>0</v>
      </c>
      <c r="BT26" s="241">
        <v>0</v>
      </c>
      <c r="BU26" s="217">
        <v>0</v>
      </c>
      <c r="BV26" s="219">
        <v>0</v>
      </c>
      <c r="BW26" s="219">
        <v>0</v>
      </c>
      <c r="BX26" s="220">
        <v>0</v>
      </c>
      <c r="BY26" s="218">
        <v>0</v>
      </c>
      <c r="BZ26" s="218">
        <v>0</v>
      </c>
      <c r="CA26" s="218">
        <v>0</v>
      </c>
      <c r="CB26" s="219">
        <v>0</v>
      </c>
      <c r="CC26" s="240">
        <v>0</v>
      </c>
      <c r="CD26" s="242">
        <v>0</v>
      </c>
      <c r="CE26" s="222">
        <v>0</v>
      </c>
      <c r="CF26" s="219">
        <v>0</v>
      </c>
      <c r="CG26" s="219">
        <v>0</v>
      </c>
      <c r="CH26" s="220">
        <v>0</v>
      </c>
      <c r="CI26" s="218">
        <v>0</v>
      </c>
      <c r="CJ26" s="218">
        <v>0</v>
      </c>
      <c r="CK26" s="218">
        <v>0</v>
      </c>
      <c r="CL26" s="219">
        <v>0</v>
      </c>
      <c r="CM26" s="240">
        <v>0</v>
      </c>
      <c r="CN26" s="242">
        <v>0</v>
      </c>
      <c r="CO26" s="222">
        <v>0</v>
      </c>
      <c r="CP26" s="219">
        <v>0</v>
      </c>
      <c r="CQ26" s="219">
        <v>0</v>
      </c>
      <c r="CR26" s="220">
        <v>0</v>
      </c>
      <c r="CS26" s="218">
        <v>0</v>
      </c>
      <c r="CT26" s="218">
        <v>0</v>
      </c>
      <c r="CU26" s="218">
        <v>3</v>
      </c>
      <c r="CV26" s="219">
        <v>8</v>
      </c>
      <c r="CW26" s="240">
        <v>11</v>
      </c>
      <c r="CX26" s="241">
        <v>11</v>
      </c>
      <c r="CY26" s="217">
        <v>0</v>
      </c>
      <c r="CZ26" s="219">
        <v>0</v>
      </c>
      <c r="DA26" s="219">
        <v>0</v>
      </c>
      <c r="DB26" s="220">
        <v>0</v>
      </c>
      <c r="DC26" s="218">
        <v>0</v>
      </c>
      <c r="DD26" s="218">
        <v>0</v>
      </c>
      <c r="DE26" s="218">
        <v>3</v>
      </c>
      <c r="DF26" s="219">
        <v>8</v>
      </c>
      <c r="DG26" s="240">
        <v>11</v>
      </c>
      <c r="DH26" s="242">
        <v>11</v>
      </c>
      <c r="DI26" s="222">
        <v>0</v>
      </c>
      <c r="DJ26" s="219">
        <v>0</v>
      </c>
      <c r="DK26" s="219">
        <v>0</v>
      </c>
      <c r="DL26" s="220">
        <v>0</v>
      </c>
      <c r="DM26" s="218">
        <v>0</v>
      </c>
      <c r="DN26" s="218">
        <v>0</v>
      </c>
      <c r="DO26" s="218">
        <v>0</v>
      </c>
      <c r="DP26" s="219">
        <v>0</v>
      </c>
      <c r="DQ26" s="240">
        <v>0</v>
      </c>
      <c r="DR26" s="242">
        <v>0</v>
      </c>
      <c r="DS26" s="222">
        <v>0</v>
      </c>
      <c r="DT26" s="219">
        <v>0</v>
      </c>
      <c r="DU26" s="219">
        <v>0</v>
      </c>
      <c r="DV26" s="220">
        <v>26</v>
      </c>
      <c r="DW26" s="218">
        <v>37</v>
      </c>
      <c r="DX26" s="218">
        <v>131</v>
      </c>
      <c r="DY26" s="218">
        <v>224</v>
      </c>
      <c r="DZ26" s="219">
        <v>126</v>
      </c>
      <c r="EA26" s="240">
        <v>544</v>
      </c>
      <c r="EB26" s="242">
        <v>544</v>
      </c>
      <c r="EC26" s="239"/>
    </row>
    <row r="27" spans="2:133" ht="21" customHeight="1" x14ac:dyDescent="0.2">
      <c r="B27" s="106" t="s">
        <v>24</v>
      </c>
      <c r="C27" s="217">
        <v>0</v>
      </c>
      <c r="D27" s="219">
        <v>0</v>
      </c>
      <c r="E27" s="219">
        <v>0</v>
      </c>
      <c r="F27" s="220">
        <v>0</v>
      </c>
      <c r="G27" s="218">
        <v>1</v>
      </c>
      <c r="H27" s="218">
        <v>31</v>
      </c>
      <c r="I27" s="218">
        <v>88</v>
      </c>
      <c r="J27" s="219">
        <v>54</v>
      </c>
      <c r="K27" s="240">
        <v>174</v>
      </c>
      <c r="L27" s="241">
        <v>174</v>
      </c>
      <c r="M27" s="217">
        <v>0</v>
      </c>
      <c r="N27" s="219">
        <v>0</v>
      </c>
      <c r="O27" s="240">
        <v>0</v>
      </c>
      <c r="P27" s="220">
        <v>0</v>
      </c>
      <c r="Q27" s="218">
        <v>1</v>
      </c>
      <c r="R27" s="218">
        <v>31</v>
      </c>
      <c r="S27" s="218">
        <v>88</v>
      </c>
      <c r="T27" s="219">
        <v>54</v>
      </c>
      <c r="U27" s="240">
        <v>174</v>
      </c>
      <c r="V27" s="242">
        <v>174</v>
      </c>
      <c r="W27" s="222">
        <v>0</v>
      </c>
      <c r="X27" s="219">
        <v>0</v>
      </c>
      <c r="Y27" s="240">
        <v>0</v>
      </c>
      <c r="Z27" s="222">
        <v>0</v>
      </c>
      <c r="AA27" s="218">
        <v>0</v>
      </c>
      <c r="AB27" s="218">
        <v>0</v>
      </c>
      <c r="AC27" s="218">
        <v>0</v>
      </c>
      <c r="AD27" s="219">
        <v>0</v>
      </c>
      <c r="AE27" s="240">
        <v>0</v>
      </c>
      <c r="AF27" s="221">
        <v>0</v>
      </c>
      <c r="AG27" s="222">
        <v>0</v>
      </c>
      <c r="AH27" s="219">
        <v>0</v>
      </c>
      <c r="AI27" s="240">
        <v>0</v>
      </c>
      <c r="AJ27" s="222">
        <v>8</v>
      </c>
      <c r="AK27" s="218">
        <v>15</v>
      </c>
      <c r="AL27" s="218">
        <v>25</v>
      </c>
      <c r="AM27" s="218">
        <v>35</v>
      </c>
      <c r="AN27" s="219">
        <v>10</v>
      </c>
      <c r="AO27" s="240">
        <v>93</v>
      </c>
      <c r="AP27" s="221">
        <v>93</v>
      </c>
      <c r="AQ27" s="222">
        <v>0</v>
      </c>
      <c r="AR27" s="219">
        <v>0</v>
      </c>
      <c r="AS27" s="240">
        <v>0</v>
      </c>
      <c r="AT27" s="220">
        <v>8</v>
      </c>
      <c r="AU27" s="218">
        <v>15</v>
      </c>
      <c r="AV27" s="218">
        <v>24</v>
      </c>
      <c r="AW27" s="218">
        <v>34</v>
      </c>
      <c r="AX27" s="219">
        <v>10</v>
      </c>
      <c r="AY27" s="240">
        <v>91</v>
      </c>
      <c r="AZ27" s="241">
        <v>91</v>
      </c>
      <c r="BA27" s="217">
        <v>0</v>
      </c>
      <c r="BB27" s="219">
        <v>0</v>
      </c>
      <c r="BC27" s="219">
        <v>0</v>
      </c>
      <c r="BD27" s="220">
        <v>0</v>
      </c>
      <c r="BE27" s="218">
        <v>0</v>
      </c>
      <c r="BF27" s="218">
        <v>1</v>
      </c>
      <c r="BG27" s="218">
        <v>1</v>
      </c>
      <c r="BH27" s="219">
        <v>0</v>
      </c>
      <c r="BI27" s="240">
        <v>2</v>
      </c>
      <c r="BJ27" s="242">
        <v>2</v>
      </c>
      <c r="BK27" s="222">
        <v>0</v>
      </c>
      <c r="BL27" s="219">
        <v>0</v>
      </c>
      <c r="BM27" s="219">
        <v>0</v>
      </c>
      <c r="BN27" s="220">
        <v>0</v>
      </c>
      <c r="BO27" s="218">
        <v>0</v>
      </c>
      <c r="BP27" s="218">
        <v>0</v>
      </c>
      <c r="BQ27" s="218">
        <v>0</v>
      </c>
      <c r="BR27" s="219">
        <v>0</v>
      </c>
      <c r="BS27" s="240">
        <v>0</v>
      </c>
      <c r="BT27" s="241">
        <v>0</v>
      </c>
      <c r="BU27" s="217">
        <v>0</v>
      </c>
      <c r="BV27" s="219">
        <v>0</v>
      </c>
      <c r="BW27" s="219">
        <v>0</v>
      </c>
      <c r="BX27" s="220">
        <v>0</v>
      </c>
      <c r="BY27" s="218">
        <v>0</v>
      </c>
      <c r="BZ27" s="218">
        <v>0</v>
      </c>
      <c r="CA27" s="218">
        <v>0</v>
      </c>
      <c r="CB27" s="219">
        <v>0</v>
      </c>
      <c r="CC27" s="240">
        <v>0</v>
      </c>
      <c r="CD27" s="242">
        <v>0</v>
      </c>
      <c r="CE27" s="222">
        <v>0</v>
      </c>
      <c r="CF27" s="219">
        <v>0</v>
      </c>
      <c r="CG27" s="219">
        <v>0</v>
      </c>
      <c r="CH27" s="220">
        <v>0</v>
      </c>
      <c r="CI27" s="218">
        <v>0</v>
      </c>
      <c r="CJ27" s="218">
        <v>0</v>
      </c>
      <c r="CK27" s="218">
        <v>0</v>
      </c>
      <c r="CL27" s="219">
        <v>0</v>
      </c>
      <c r="CM27" s="240">
        <v>0</v>
      </c>
      <c r="CN27" s="242">
        <v>0</v>
      </c>
      <c r="CO27" s="222">
        <v>0</v>
      </c>
      <c r="CP27" s="219">
        <v>0</v>
      </c>
      <c r="CQ27" s="219">
        <v>0</v>
      </c>
      <c r="CR27" s="220">
        <v>0</v>
      </c>
      <c r="CS27" s="218">
        <v>0</v>
      </c>
      <c r="CT27" s="218">
        <v>0</v>
      </c>
      <c r="CU27" s="218">
        <v>0</v>
      </c>
      <c r="CV27" s="219">
        <v>1</v>
      </c>
      <c r="CW27" s="240">
        <v>1</v>
      </c>
      <c r="CX27" s="241">
        <v>1</v>
      </c>
      <c r="CY27" s="217">
        <v>0</v>
      </c>
      <c r="CZ27" s="219">
        <v>0</v>
      </c>
      <c r="DA27" s="219">
        <v>0</v>
      </c>
      <c r="DB27" s="220">
        <v>0</v>
      </c>
      <c r="DC27" s="218">
        <v>0</v>
      </c>
      <c r="DD27" s="218">
        <v>0</v>
      </c>
      <c r="DE27" s="218">
        <v>0</v>
      </c>
      <c r="DF27" s="219">
        <v>1</v>
      </c>
      <c r="DG27" s="240">
        <v>1</v>
      </c>
      <c r="DH27" s="242">
        <v>1</v>
      </c>
      <c r="DI27" s="222">
        <v>0</v>
      </c>
      <c r="DJ27" s="219">
        <v>0</v>
      </c>
      <c r="DK27" s="219">
        <v>0</v>
      </c>
      <c r="DL27" s="220">
        <v>0</v>
      </c>
      <c r="DM27" s="218">
        <v>0</v>
      </c>
      <c r="DN27" s="218">
        <v>0</v>
      </c>
      <c r="DO27" s="218">
        <v>0</v>
      </c>
      <c r="DP27" s="219">
        <v>0</v>
      </c>
      <c r="DQ27" s="240">
        <v>0</v>
      </c>
      <c r="DR27" s="242">
        <v>0</v>
      </c>
      <c r="DS27" s="222">
        <v>0</v>
      </c>
      <c r="DT27" s="219">
        <v>0</v>
      </c>
      <c r="DU27" s="219">
        <v>0</v>
      </c>
      <c r="DV27" s="220">
        <v>8</v>
      </c>
      <c r="DW27" s="218">
        <v>16</v>
      </c>
      <c r="DX27" s="218">
        <v>56</v>
      </c>
      <c r="DY27" s="218">
        <v>122</v>
      </c>
      <c r="DZ27" s="219">
        <v>65</v>
      </c>
      <c r="EA27" s="240">
        <v>267</v>
      </c>
      <c r="EB27" s="242">
        <v>267</v>
      </c>
      <c r="EC27" s="239"/>
    </row>
    <row r="28" spans="2:133" ht="21" customHeight="1" x14ac:dyDescent="0.2">
      <c r="B28" s="106" t="s">
        <v>25</v>
      </c>
      <c r="C28" s="217">
        <v>0</v>
      </c>
      <c r="D28" s="219">
        <v>0</v>
      </c>
      <c r="E28" s="219">
        <v>0</v>
      </c>
      <c r="F28" s="220">
        <v>0</v>
      </c>
      <c r="G28" s="218">
        <v>4</v>
      </c>
      <c r="H28" s="218">
        <v>47</v>
      </c>
      <c r="I28" s="218">
        <v>64</v>
      </c>
      <c r="J28" s="219">
        <v>35</v>
      </c>
      <c r="K28" s="240">
        <v>150</v>
      </c>
      <c r="L28" s="241">
        <v>150</v>
      </c>
      <c r="M28" s="217">
        <v>0</v>
      </c>
      <c r="N28" s="219">
        <v>0</v>
      </c>
      <c r="O28" s="240">
        <v>0</v>
      </c>
      <c r="P28" s="220">
        <v>0</v>
      </c>
      <c r="Q28" s="218">
        <v>4</v>
      </c>
      <c r="R28" s="218">
        <v>47</v>
      </c>
      <c r="S28" s="218">
        <v>63</v>
      </c>
      <c r="T28" s="219">
        <v>31</v>
      </c>
      <c r="U28" s="240">
        <v>145</v>
      </c>
      <c r="V28" s="242">
        <v>145</v>
      </c>
      <c r="W28" s="222">
        <v>0</v>
      </c>
      <c r="X28" s="219">
        <v>0</v>
      </c>
      <c r="Y28" s="240">
        <v>0</v>
      </c>
      <c r="Z28" s="222">
        <v>0</v>
      </c>
      <c r="AA28" s="218">
        <v>0</v>
      </c>
      <c r="AB28" s="218">
        <v>0</v>
      </c>
      <c r="AC28" s="218">
        <v>1</v>
      </c>
      <c r="AD28" s="219">
        <v>4</v>
      </c>
      <c r="AE28" s="240">
        <v>5</v>
      </c>
      <c r="AF28" s="221">
        <v>5</v>
      </c>
      <c r="AG28" s="222">
        <v>0</v>
      </c>
      <c r="AH28" s="219">
        <v>0</v>
      </c>
      <c r="AI28" s="240">
        <v>0</v>
      </c>
      <c r="AJ28" s="222">
        <v>11</v>
      </c>
      <c r="AK28" s="218">
        <v>32</v>
      </c>
      <c r="AL28" s="218">
        <v>20</v>
      </c>
      <c r="AM28" s="218">
        <v>55</v>
      </c>
      <c r="AN28" s="219">
        <v>12</v>
      </c>
      <c r="AO28" s="240">
        <v>130</v>
      </c>
      <c r="AP28" s="221">
        <v>130</v>
      </c>
      <c r="AQ28" s="222">
        <v>0</v>
      </c>
      <c r="AR28" s="219">
        <v>0</v>
      </c>
      <c r="AS28" s="240">
        <v>0</v>
      </c>
      <c r="AT28" s="220">
        <v>10</v>
      </c>
      <c r="AU28" s="218">
        <v>32</v>
      </c>
      <c r="AV28" s="218">
        <v>20</v>
      </c>
      <c r="AW28" s="218">
        <v>55</v>
      </c>
      <c r="AX28" s="219">
        <v>12</v>
      </c>
      <c r="AY28" s="240">
        <v>129</v>
      </c>
      <c r="AZ28" s="241">
        <v>129</v>
      </c>
      <c r="BA28" s="217">
        <v>0</v>
      </c>
      <c r="BB28" s="219">
        <v>0</v>
      </c>
      <c r="BC28" s="219">
        <v>0</v>
      </c>
      <c r="BD28" s="220">
        <v>1</v>
      </c>
      <c r="BE28" s="218">
        <v>0</v>
      </c>
      <c r="BF28" s="218">
        <v>0</v>
      </c>
      <c r="BG28" s="218">
        <v>0</v>
      </c>
      <c r="BH28" s="219">
        <v>0</v>
      </c>
      <c r="BI28" s="240">
        <v>1</v>
      </c>
      <c r="BJ28" s="242">
        <v>1</v>
      </c>
      <c r="BK28" s="222">
        <v>0</v>
      </c>
      <c r="BL28" s="219">
        <v>0</v>
      </c>
      <c r="BM28" s="219">
        <v>0</v>
      </c>
      <c r="BN28" s="220">
        <v>0</v>
      </c>
      <c r="BO28" s="218">
        <v>0</v>
      </c>
      <c r="BP28" s="218">
        <v>0</v>
      </c>
      <c r="BQ28" s="218">
        <v>0</v>
      </c>
      <c r="BR28" s="219">
        <v>0</v>
      </c>
      <c r="BS28" s="240">
        <v>0</v>
      </c>
      <c r="BT28" s="241">
        <v>0</v>
      </c>
      <c r="BU28" s="217">
        <v>0</v>
      </c>
      <c r="BV28" s="219">
        <v>0</v>
      </c>
      <c r="BW28" s="219">
        <v>0</v>
      </c>
      <c r="BX28" s="220">
        <v>0</v>
      </c>
      <c r="BY28" s="218">
        <v>0</v>
      </c>
      <c r="BZ28" s="218">
        <v>0</v>
      </c>
      <c r="CA28" s="218">
        <v>0</v>
      </c>
      <c r="CB28" s="219">
        <v>0</v>
      </c>
      <c r="CC28" s="240">
        <v>0</v>
      </c>
      <c r="CD28" s="242">
        <v>0</v>
      </c>
      <c r="CE28" s="222">
        <v>0</v>
      </c>
      <c r="CF28" s="219">
        <v>0</v>
      </c>
      <c r="CG28" s="219">
        <v>0</v>
      </c>
      <c r="CH28" s="220">
        <v>0</v>
      </c>
      <c r="CI28" s="218">
        <v>0</v>
      </c>
      <c r="CJ28" s="218">
        <v>0</v>
      </c>
      <c r="CK28" s="218">
        <v>0</v>
      </c>
      <c r="CL28" s="219">
        <v>0</v>
      </c>
      <c r="CM28" s="240">
        <v>0</v>
      </c>
      <c r="CN28" s="242">
        <v>0</v>
      </c>
      <c r="CO28" s="222">
        <v>0</v>
      </c>
      <c r="CP28" s="219">
        <v>0</v>
      </c>
      <c r="CQ28" s="219">
        <v>0</v>
      </c>
      <c r="CR28" s="220">
        <v>0</v>
      </c>
      <c r="CS28" s="218">
        <v>0</v>
      </c>
      <c r="CT28" s="218">
        <v>0</v>
      </c>
      <c r="CU28" s="218">
        <v>0</v>
      </c>
      <c r="CV28" s="219">
        <v>2</v>
      </c>
      <c r="CW28" s="240">
        <v>2</v>
      </c>
      <c r="CX28" s="241">
        <v>2</v>
      </c>
      <c r="CY28" s="217">
        <v>0</v>
      </c>
      <c r="CZ28" s="219">
        <v>0</v>
      </c>
      <c r="DA28" s="219">
        <v>0</v>
      </c>
      <c r="DB28" s="220">
        <v>0</v>
      </c>
      <c r="DC28" s="218">
        <v>0</v>
      </c>
      <c r="DD28" s="218">
        <v>0</v>
      </c>
      <c r="DE28" s="218">
        <v>0</v>
      </c>
      <c r="DF28" s="219">
        <v>2</v>
      </c>
      <c r="DG28" s="240">
        <v>2</v>
      </c>
      <c r="DH28" s="242">
        <v>2</v>
      </c>
      <c r="DI28" s="222">
        <v>0</v>
      </c>
      <c r="DJ28" s="219">
        <v>0</v>
      </c>
      <c r="DK28" s="219">
        <v>0</v>
      </c>
      <c r="DL28" s="220">
        <v>0</v>
      </c>
      <c r="DM28" s="218">
        <v>0</v>
      </c>
      <c r="DN28" s="218">
        <v>0</v>
      </c>
      <c r="DO28" s="218">
        <v>0</v>
      </c>
      <c r="DP28" s="219">
        <v>0</v>
      </c>
      <c r="DQ28" s="240">
        <v>0</v>
      </c>
      <c r="DR28" s="242">
        <v>0</v>
      </c>
      <c r="DS28" s="222">
        <v>0</v>
      </c>
      <c r="DT28" s="219">
        <v>0</v>
      </c>
      <c r="DU28" s="219">
        <v>0</v>
      </c>
      <c r="DV28" s="220">
        <v>11</v>
      </c>
      <c r="DW28" s="218">
        <v>36</v>
      </c>
      <c r="DX28" s="218">
        <v>67</v>
      </c>
      <c r="DY28" s="218">
        <v>119</v>
      </c>
      <c r="DZ28" s="219">
        <v>49</v>
      </c>
      <c r="EA28" s="240">
        <v>282</v>
      </c>
      <c r="EB28" s="242">
        <v>282</v>
      </c>
      <c r="EC28" s="239"/>
    </row>
    <row r="29" spans="2:133" ht="21" customHeight="1" x14ac:dyDescent="0.2">
      <c r="B29" s="106" t="s">
        <v>26</v>
      </c>
      <c r="C29" s="217">
        <v>0</v>
      </c>
      <c r="D29" s="219">
        <v>0</v>
      </c>
      <c r="E29" s="219">
        <v>0</v>
      </c>
      <c r="F29" s="220">
        <v>1</v>
      </c>
      <c r="G29" s="218">
        <v>4</v>
      </c>
      <c r="H29" s="218">
        <v>31</v>
      </c>
      <c r="I29" s="218">
        <v>66</v>
      </c>
      <c r="J29" s="219">
        <v>50</v>
      </c>
      <c r="K29" s="240">
        <v>152</v>
      </c>
      <c r="L29" s="241">
        <v>152</v>
      </c>
      <c r="M29" s="217">
        <v>0</v>
      </c>
      <c r="N29" s="219">
        <v>0</v>
      </c>
      <c r="O29" s="240">
        <v>0</v>
      </c>
      <c r="P29" s="220">
        <v>1</v>
      </c>
      <c r="Q29" s="218">
        <v>4</v>
      </c>
      <c r="R29" s="218">
        <v>31</v>
      </c>
      <c r="S29" s="218">
        <v>64</v>
      </c>
      <c r="T29" s="219">
        <v>50</v>
      </c>
      <c r="U29" s="240">
        <v>150</v>
      </c>
      <c r="V29" s="242">
        <v>150</v>
      </c>
      <c r="W29" s="222">
        <v>0</v>
      </c>
      <c r="X29" s="219">
        <v>0</v>
      </c>
      <c r="Y29" s="240">
        <v>0</v>
      </c>
      <c r="Z29" s="222">
        <v>0</v>
      </c>
      <c r="AA29" s="218">
        <v>0</v>
      </c>
      <c r="AB29" s="218">
        <v>0</v>
      </c>
      <c r="AC29" s="218">
        <v>2</v>
      </c>
      <c r="AD29" s="219">
        <v>0</v>
      </c>
      <c r="AE29" s="240">
        <v>2</v>
      </c>
      <c r="AF29" s="221">
        <v>2</v>
      </c>
      <c r="AG29" s="222">
        <v>0</v>
      </c>
      <c r="AH29" s="219">
        <v>0</v>
      </c>
      <c r="AI29" s="240">
        <v>0</v>
      </c>
      <c r="AJ29" s="222">
        <v>3</v>
      </c>
      <c r="AK29" s="218">
        <v>13</v>
      </c>
      <c r="AL29" s="218">
        <v>28</v>
      </c>
      <c r="AM29" s="218">
        <v>20</v>
      </c>
      <c r="AN29" s="219">
        <v>14</v>
      </c>
      <c r="AO29" s="240">
        <v>78</v>
      </c>
      <c r="AP29" s="221">
        <v>78</v>
      </c>
      <c r="AQ29" s="222">
        <v>0</v>
      </c>
      <c r="AR29" s="219">
        <v>0</v>
      </c>
      <c r="AS29" s="240">
        <v>0</v>
      </c>
      <c r="AT29" s="220">
        <v>3</v>
      </c>
      <c r="AU29" s="218">
        <v>11</v>
      </c>
      <c r="AV29" s="218">
        <v>26</v>
      </c>
      <c r="AW29" s="218">
        <v>20</v>
      </c>
      <c r="AX29" s="219">
        <v>14</v>
      </c>
      <c r="AY29" s="240">
        <v>74</v>
      </c>
      <c r="AZ29" s="241">
        <v>74</v>
      </c>
      <c r="BA29" s="217">
        <v>0</v>
      </c>
      <c r="BB29" s="219">
        <v>0</v>
      </c>
      <c r="BC29" s="219">
        <v>0</v>
      </c>
      <c r="BD29" s="220">
        <v>0</v>
      </c>
      <c r="BE29" s="218">
        <v>2</v>
      </c>
      <c r="BF29" s="218">
        <v>2</v>
      </c>
      <c r="BG29" s="218">
        <v>0</v>
      </c>
      <c r="BH29" s="219">
        <v>0</v>
      </c>
      <c r="BI29" s="240">
        <v>4</v>
      </c>
      <c r="BJ29" s="242">
        <v>4</v>
      </c>
      <c r="BK29" s="222">
        <v>0</v>
      </c>
      <c r="BL29" s="219">
        <v>0</v>
      </c>
      <c r="BM29" s="219">
        <v>0</v>
      </c>
      <c r="BN29" s="220">
        <v>0</v>
      </c>
      <c r="BO29" s="218">
        <v>0</v>
      </c>
      <c r="BP29" s="218">
        <v>0</v>
      </c>
      <c r="BQ29" s="218">
        <v>0</v>
      </c>
      <c r="BR29" s="219">
        <v>0</v>
      </c>
      <c r="BS29" s="240">
        <v>0</v>
      </c>
      <c r="BT29" s="241">
        <v>0</v>
      </c>
      <c r="BU29" s="217">
        <v>0</v>
      </c>
      <c r="BV29" s="219">
        <v>0</v>
      </c>
      <c r="BW29" s="219">
        <v>0</v>
      </c>
      <c r="BX29" s="220">
        <v>0</v>
      </c>
      <c r="BY29" s="218">
        <v>0</v>
      </c>
      <c r="BZ29" s="218">
        <v>0</v>
      </c>
      <c r="CA29" s="218">
        <v>0</v>
      </c>
      <c r="CB29" s="219">
        <v>0</v>
      </c>
      <c r="CC29" s="240">
        <v>0</v>
      </c>
      <c r="CD29" s="242">
        <v>0</v>
      </c>
      <c r="CE29" s="222">
        <v>0</v>
      </c>
      <c r="CF29" s="219">
        <v>0</v>
      </c>
      <c r="CG29" s="219">
        <v>0</v>
      </c>
      <c r="CH29" s="220">
        <v>0</v>
      </c>
      <c r="CI29" s="218">
        <v>0</v>
      </c>
      <c r="CJ29" s="218">
        <v>0</v>
      </c>
      <c r="CK29" s="218">
        <v>0</v>
      </c>
      <c r="CL29" s="219">
        <v>0</v>
      </c>
      <c r="CM29" s="240">
        <v>0</v>
      </c>
      <c r="CN29" s="242">
        <v>0</v>
      </c>
      <c r="CO29" s="222">
        <v>0</v>
      </c>
      <c r="CP29" s="219">
        <v>0</v>
      </c>
      <c r="CQ29" s="219">
        <v>0</v>
      </c>
      <c r="CR29" s="220">
        <v>1</v>
      </c>
      <c r="CS29" s="218">
        <v>1</v>
      </c>
      <c r="CT29" s="218">
        <v>0</v>
      </c>
      <c r="CU29" s="218">
        <v>0</v>
      </c>
      <c r="CV29" s="219">
        <v>2</v>
      </c>
      <c r="CW29" s="240">
        <v>4</v>
      </c>
      <c r="CX29" s="241">
        <v>4</v>
      </c>
      <c r="CY29" s="217">
        <v>0</v>
      </c>
      <c r="CZ29" s="219">
        <v>0</v>
      </c>
      <c r="DA29" s="219">
        <v>0</v>
      </c>
      <c r="DB29" s="220">
        <v>1</v>
      </c>
      <c r="DC29" s="218">
        <v>1</v>
      </c>
      <c r="DD29" s="218">
        <v>0</v>
      </c>
      <c r="DE29" s="218">
        <v>0</v>
      </c>
      <c r="DF29" s="219">
        <v>2</v>
      </c>
      <c r="DG29" s="240">
        <v>4</v>
      </c>
      <c r="DH29" s="242">
        <v>4</v>
      </c>
      <c r="DI29" s="222">
        <v>0</v>
      </c>
      <c r="DJ29" s="219">
        <v>0</v>
      </c>
      <c r="DK29" s="219">
        <v>0</v>
      </c>
      <c r="DL29" s="220">
        <v>0</v>
      </c>
      <c r="DM29" s="218">
        <v>0</v>
      </c>
      <c r="DN29" s="218">
        <v>0</v>
      </c>
      <c r="DO29" s="218">
        <v>0</v>
      </c>
      <c r="DP29" s="219">
        <v>0</v>
      </c>
      <c r="DQ29" s="240">
        <v>0</v>
      </c>
      <c r="DR29" s="242">
        <v>0</v>
      </c>
      <c r="DS29" s="222">
        <v>0</v>
      </c>
      <c r="DT29" s="219">
        <v>0</v>
      </c>
      <c r="DU29" s="219">
        <v>0</v>
      </c>
      <c r="DV29" s="220">
        <v>5</v>
      </c>
      <c r="DW29" s="218">
        <v>18</v>
      </c>
      <c r="DX29" s="218">
        <v>59</v>
      </c>
      <c r="DY29" s="218">
        <v>85</v>
      </c>
      <c r="DZ29" s="219">
        <v>66</v>
      </c>
      <c r="EA29" s="240">
        <v>233</v>
      </c>
      <c r="EB29" s="242">
        <v>233</v>
      </c>
      <c r="EC29" s="239"/>
    </row>
    <row r="30" spans="2:133" ht="21" customHeight="1" x14ac:dyDescent="0.2">
      <c r="B30" s="106" t="s">
        <v>27</v>
      </c>
      <c r="C30" s="217">
        <v>0</v>
      </c>
      <c r="D30" s="219">
        <v>0</v>
      </c>
      <c r="E30" s="219">
        <v>0</v>
      </c>
      <c r="F30" s="220">
        <v>2</v>
      </c>
      <c r="G30" s="218">
        <v>2</v>
      </c>
      <c r="H30" s="218">
        <v>28</v>
      </c>
      <c r="I30" s="218">
        <v>63</v>
      </c>
      <c r="J30" s="219">
        <v>36</v>
      </c>
      <c r="K30" s="240">
        <v>131</v>
      </c>
      <c r="L30" s="241">
        <v>131</v>
      </c>
      <c r="M30" s="217">
        <v>0</v>
      </c>
      <c r="N30" s="219">
        <v>0</v>
      </c>
      <c r="O30" s="240">
        <v>0</v>
      </c>
      <c r="P30" s="220">
        <v>2</v>
      </c>
      <c r="Q30" s="218">
        <v>2</v>
      </c>
      <c r="R30" s="218">
        <v>27</v>
      </c>
      <c r="S30" s="218">
        <v>62</v>
      </c>
      <c r="T30" s="219">
        <v>36</v>
      </c>
      <c r="U30" s="240">
        <v>129</v>
      </c>
      <c r="V30" s="242">
        <v>129</v>
      </c>
      <c r="W30" s="222">
        <v>0</v>
      </c>
      <c r="X30" s="219">
        <v>0</v>
      </c>
      <c r="Y30" s="240">
        <v>0</v>
      </c>
      <c r="Z30" s="222">
        <v>0</v>
      </c>
      <c r="AA30" s="218">
        <v>0</v>
      </c>
      <c r="AB30" s="218">
        <v>1</v>
      </c>
      <c r="AC30" s="218">
        <v>1</v>
      </c>
      <c r="AD30" s="219">
        <v>0</v>
      </c>
      <c r="AE30" s="240">
        <v>2</v>
      </c>
      <c r="AF30" s="221">
        <v>2</v>
      </c>
      <c r="AG30" s="222">
        <v>0</v>
      </c>
      <c r="AH30" s="219">
        <v>0</v>
      </c>
      <c r="AI30" s="240">
        <v>0</v>
      </c>
      <c r="AJ30" s="222">
        <v>6</v>
      </c>
      <c r="AK30" s="218">
        <v>14</v>
      </c>
      <c r="AL30" s="218">
        <v>15</v>
      </c>
      <c r="AM30" s="218">
        <v>27</v>
      </c>
      <c r="AN30" s="219">
        <v>14</v>
      </c>
      <c r="AO30" s="240">
        <v>76</v>
      </c>
      <c r="AP30" s="221">
        <v>76</v>
      </c>
      <c r="AQ30" s="222">
        <v>0</v>
      </c>
      <c r="AR30" s="219">
        <v>0</v>
      </c>
      <c r="AS30" s="240">
        <v>0</v>
      </c>
      <c r="AT30" s="220">
        <v>5</v>
      </c>
      <c r="AU30" s="218">
        <v>13</v>
      </c>
      <c r="AV30" s="218">
        <v>15</v>
      </c>
      <c r="AW30" s="218">
        <v>27</v>
      </c>
      <c r="AX30" s="219">
        <v>13</v>
      </c>
      <c r="AY30" s="240">
        <v>73</v>
      </c>
      <c r="AZ30" s="241">
        <v>73</v>
      </c>
      <c r="BA30" s="217">
        <v>0</v>
      </c>
      <c r="BB30" s="219">
        <v>0</v>
      </c>
      <c r="BC30" s="219">
        <v>0</v>
      </c>
      <c r="BD30" s="220">
        <v>1</v>
      </c>
      <c r="BE30" s="218">
        <v>1</v>
      </c>
      <c r="BF30" s="218">
        <v>0</v>
      </c>
      <c r="BG30" s="218">
        <v>0</v>
      </c>
      <c r="BH30" s="219">
        <v>1</v>
      </c>
      <c r="BI30" s="240">
        <v>3</v>
      </c>
      <c r="BJ30" s="242">
        <v>3</v>
      </c>
      <c r="BK30" s="222">
        <v>0</v>
      </c>
      <c r="BL30" s="219">
        <v>0</v>
      </c>
      <c r="BM30" s="219">
        <v>0</v>
      </c>
      <c r="BN30" s="220">
        <v>0</v>
      </c>
      <c r="BO30" s="218">
        <v>0</v>
      </c>
      <c r="BP30" s="218">
        <v>0</v>
      </c>
      <c r="BQ30" s="218">
        <v>0</v>
      </c>
      <c r="BR30" s="219">
        <v>0</v>
      </c>
      <c r="BS30" s="240">
        <v>0</v>
      </c>
      <c r="BT30" s="241">
        <v>0</v>
      </c>
      <c r="BU30" s="217">
        <v>0</v>
      </c>
      <c r="BV30" s="219">
        <v>0</v>
      </c>
      <c r="BW30" s="219">
        <v>0</v>
      </c>
      <c r="BX30" s="220">
        <v>0</v>
      </c>
      <c r="BY30" s="218">
        <v>0</v>
      </c>
      <c r="BZ30" s="218">
        <v>0</v>
      </c>
      <c r="CA30" s="218">
        <v>0</v>
      </c>
      <c r="CB30" s="219">
        <v>0</v>
      </c>
      <c r="CC30" s="240">
        <v>0</v>
      </c>
      <c r="CD30" s="242">
        <v>0</v>
      </c>
      <c r="CE30" s="222">
        <v>0</v>
      </c>
      <c r="CF30" s="219">
        <v>0</v>
      </c>
      <c r="CG30" s="219">
        <v>0</v>
      </c>
      <c r="CH30" s="220">
        <v>0</v>
      </c>
      <c r="CI30" s="218">
        <v>0</v>
      </c>
      <c r="CJ30" s="218">
        <v>0</v>
      </c>
      <c r="CK30" s="218">
        <v>0</v>
      </c>
      <c r="CL30" s="219">
        <v>0</v>
      </c>
      <c r="CM30" s="240">
        <v>0</v>
      </c>
      <c r="CN30" s="242">
        <v>0</v>
      </c>
      <c r="CO30" s="222">
        <v>0</v>
      </c>
      <c r="CP30" s="219">
        <v>0</v>
      </c>
      <c r="CQ30" s="219">
        <v>0</v>
      </c>
      <c r="CR30" s="220">
        <v>0</v>
      </c>
      <c r="CS30" s="218">
        <v>0</v>
      </c>
      <c r="CT30" s="218">
        <v>0</v>
      </c>
      <c r="CU30" s="218">
        <v>1</v>
      </c>
      <c r="CV30" s="219">
        <v>3</v>
      </c>
      <c r="CW30" s="240">
        <v>4</v>
      </c>
      <c r="CX30" s="241">
        <v>4</v>
      </c>
      <c r="CY30" s="217">
        <v>0</v>
      </c>
      <c r="CZ30" s="219">
        <v>0</v>
      </c>
      <c r="DA30" s="219">
        <v>0</v>
      </c>
      <c r="DB30" s="220">
        <v>0</v>
      </c>
      <c r="DC30" s="218">
        <v>0</v>
      </c>
      <c r="DD30" s="218">
        <v>0</v>
      </c>
      <c r="DE30" s="218">
        <v>0</v>
      </c>
      <c r="DF30" s="219">
        <v>3</v>
      </c>
      <c r="DG30" s="240">
        <v>3</v>
      </c>
      <c r="DH30" s="242">
        <v>3</v>
      </c>
      <c r="DI30" s="222">
        <v>0</v>
      </c>
      <c r="DJ30" s="219">
        <v>0</v>
      </c>
      <c r="DK30" s="219">
        <v>0</v>
      </c>
      <c r="DL30" s="220">
        <v>0</v>
      </c>
      <c r="DM30" s="218">
        <v>0</v>
      </c>
      <c r="DN30" s="218">
        <v>0</v>
      </c>
      <c r="DO30" s="218">
        <v>1</v>
      </c>
      <c r="DP30" s="219">
        <v>0</v>
      </c>
      <c r="DQ30" s="240">
        <v>1</v>
      </c>
      <c r="DR30" s="242">
        <v>1</v>
      </c>
      <c r="DS30" s="222">
        <v>0</v>
      </c>
      <c r="DT30" s="219">
        <v>0</v>
      </c>
      <c r="DU30" s="219">
        <v>0</v>
      </c>
      <c r="DV30" s="220">
        <v>8</v>
      </c>
      <c r="DW30" s="218">
        <v>16</v>
      </c>
      <c r="DX30" s="218">
        <v>43</v>
      </c>
      <c r="DY30" s="218">
        <v>91</v>
      </c>
      <c r="DZ30" s="219">
        <v>52</v>
      </c>
      <c r="EA30" s="240">
        <v>210</v>
      </c>
      <c r="EB30" s="242">
        <v>210</v>
      </c>
      <c r="EC30" s="239"/>
    </row>
    <row r="31" spans="2:133" ht="21" customHeight="1" x14ac:dyDescent="0.2">
      <c r="B31" s="106" t="s">
        <v>28</v>
      </c>
      <c r="C31" s="217">
        <v>0</v>
      </c>
      <c r="D31" s="219">
        <v>0</v>
      </c>
      <c r="E31" s="219">
        <v>0</v>
      </c>
      <c r="F31" s="220">
        <v>0</v>
      </c>
      <c r="G31" s="218">
        <v>1</v>
      </c>
      <c r="H31" s="218">
        <v>12</v>
      </c>
      <c r="I31" s="218">
        <v>22</v>
      </c>
      <c r="J31" s="219">
        <v>19</v>
      </c>
      <c r="K31" s="240">
        <v>54</v>
      </c>
      <c r="L31" s="241">
        <v>54</v>
      </c>
      <c r="M31" s="217">
        <v>0</v>
      </c>
      <c r="N31" s="219">
        <v>0</v>
      </c>
      <c r="O31" s="240">
        <v>0</v>
      </c>
      <c r="P31" s="220">
        <v>0</v>
      </c>
      <c r="Q31" s="218">
        <v>1</v>
      </c>
      <c r="R31" s="218">
        <v>12</v>
      </c>
      <c r="S31" s="218">
        <v>22</v>
      </c>
      <c r="T31" s="219">
        <v>18</v>
      </c>
      <c r="U31" s="240">
        <v>53</v>
      </c>
      <c r="V31" s="242">
        <v>53</v>
      </c>
      <c r="W31" s="222">
        <v>0</v>
      </c>
      <c r="X31" s="219">
        <v>0</v>
      </c>
      <c r="Y31" s="240">
        <v>0</v>
      </c>
      <c r="Z31" s="222">
        <v>0</v>
      </c>
      <c r="AA31" s="218">
        <v>0</v>
      </c>
      <c r="AB31" s="218">
        <v>0</v>
      </c>
      <c r="AC31" s="218">
        <v>0</v>
      </c>
      <c r="AD31" s="219">
        <v>1</v>
      </c>
      <c r="AE31" s="240">
        <v>1</v>
      </c>
      <c r="AF31" s="221">
        <v>1</v>
      </c>
      <c r="AG31" s="222">
        <v>0</v>
      </c>
      <c r="AH31" s="219">
        <v>0</v>
      </c>
      <c r="AI31" s="240">
        <v>0</v>
      </c>
      <c r="AJ31" s="222">
        <v>3</v>
      </c>
      <c r="AK31" s="218">
        <v>8</v>
      </c>
      <c r="AL31" s="218">
        <v>8</v>
      </c>
      <c r="AM31" s="218">
        <v>8</v>
      </c>
      <c r="AN31" s="219">
        <v>3</v>
      </c>
      <c r="AO31" s="240">
        <v>30</v>
      </c>
      <c r="AP31" s="221">
        <v>30</v>
      </c>
      <c r="AQ31" s="222">
        <v>0</v>
      </c>
      <c r="AR31" s="219">
        <v>0</v>
      </c>
      <c r="AS31" s="240">
        <v>0</v>
      </c>
      <c r="AT31" s="220">
        <v>3</v>
      </c>
      <c r="AU31" s="218">
        <v>8</v>
      </c>
      <c r="AV31" s="218">
        <v>8</v>
      </c>
      <c r="AW31" s="218">
        <v>8</v>
      </c>
      <c r="AX31" s="219">
        <v>3</v>
      </c>
      <c r="AY31" s="240">
        <v>30</v>
      </c>
      <c r="AZ31" s="241">
        <v>30</v>
      </c>
      <c r="BA31" s="217">
        <v>0</v>
      </c>
      <c r="BB31" s="219">
        <v>0</v>
      </c>
      <c r="BC31" s="219">
        <v>0</v>
      </c>
      <c r="BD31" s="220">
        <v>0</v>
      </c>
      <c r="BE31" s="218">
        <v>0</v>
      </c>
      <c r="BF31" s="218">
        <v>0</v>
      </c>
      <c r="BG31" s="218">
        <v>0</v>
      </c>
      <c r="BH31" s="219">
        <v>0</v>
      </c>
      <c r="BI31" s="240">
        <v>0</v>
      </c>
      <c r="BJ31" s="242">
        <v>0</v>
      </c>
      <c r="BK31" s="222">
        <v>0</v>
      </c>
      <c r="BL31" s="219">
        <v>0</v>
      </c>
      <c r="BM31" s="219">
        <v>0</v>
      </c>
      <c r="BN31" s="220">
        <v>0</v>
      </c>
      <c r="BO31" s="218">
        <v>0</v>
      </c>
      <c r="BP31" s="218">
        <v>0</v>
      </c>
      <c r="BQ31" s="218">
        <v>0</v>
      </c>
      <c r="BR31" s="219">
        <v>0</v>
      </c>
      <c r="BS31" s="240">
        <v>0</v>
      </c>
      <c r="BT31" s="241">
        <v>0</v>
      </c>
      <c r="BU31" s="217">
        <v>0</v>
      </c>
      <c r="BV31" s="219">
        <v>0</v>
      </c>
      <c r="BW31" s="219">
        <v>0</v>
      </c>
      <c r="BX31" s="220">
        <v>0</v>
      </c>
      <c r="BY31" s="218">
        <v>0</v>
      </c>
      <c r="BZ31" s="218">
        <v>0</v>
      </c>
      <c r="CA31" s="218">
        <v>0</v>
      </c>
      <c r="CB31" s="219">
        <v>0</v>
      </c>
      <c r="CC31" s="240">
        <v>0</v>
      </c>
      <c r="CD31" s="242">
        <v>0</v>
      </c>
      <c r="CE31" s="222">
        <v>0</v>
      </c>
      <c r="CF31" s="219">
        <v>0</v>
      </c>
      <c r="CG31" s="219">
        <v>0</v>
      </c>
      <c r="CH31" s="220">
        <v>0</v>
      </c>
      <c r="CI31" s="218">
        <v>0</v>
      </c>
      <c r="CJ31" s="218">
        <v>0</v>
      </c>
      <c r="CK31" s="218">
        <v>0</v>
      </c>
      <c r="CL31" s="219">
        <v>0</v>
      </c>
      <c r="CM31" s="240">
        <v>0</v>
      </c>
      <c r="CN31" s="242">
        <v>0</v>
      </c>
      <c r="CO31" s="222">
        <v>0</v>
      </c>
      <c r="CP31" s="219">
        <v>0</v>
      </c>
      <c r="CQ31" s="219">
        <v>0</v>
      </c>
      <c r="CR31" s="220">
        <v>0</v>
      </c>
      <c r="CS31" s="218">
        <v>0</v>
      </c>
      <c r="CT31" s="218">
        <v>0</v>
      </c>
      <c r="CU31" s="218">
        <v>0</v>
      </c>
      <c r="CV31" s="219">
        <v>1</v>
      </c>
      <c r="CW31" s="240">
        <v>1</v>
      </c>
      <c r="CX31" s="241">
        <v>1</v>
      </c>
      <c r="CY31" s="217">
        <v>0</v>
      </c>
      <c r="CZ31" s="219">
        <v>0</v>
      </c>
      <c r="DA31" s="219">
        <v>0</v>
      </c>
      <c r="DB31" s="220">
        <v>0</v>
      </c>
      <c r="DC31" s="218">
        <v>0</v>
      </c>
      <c r="DD31" s="218">
        <v>0</v>
      </c>
      <c r="DE31" s="218">
        <v>0</v>
      </c>
      <c r="DF31" s="219">
        <v>1</v>
      </c>
      <c r="DG31" s="240">
        <v>1</v>
      </c>
      <c r="DH31" s="242">
        <v>1</v>
      </c>
      <c r="DI31" s="222">
        <v>0</v>
      </c>
      <c r="DJ31" s="219">
        <v>0</v>
      </c>
      <c r="DK31" s="219">
        <v>0</v>
      </c>
      <c r="DL31" s="220">
        <v>0</v>
      </c>
      <c r="DM31" s="218">
        <v>0</v>
      </c>
      <c r="DN31" s="218">
        <v>0</v>
      </c>
      <c r="DO31" s="218">
        <v>0</v>
      </c>
      <c r="DP31" s="219">
        <v>0</v>
      </c>
      <c r="DQ31" s="240">
        <v>0</v>
      </c>
      <c r="DR31" s="242">
        <v>0</v>
      </c>
      <c r="DS31" s="222">
        <v>0</v>
      </c>
      <c r="DT31" s="219">
        <v>0</v>
      </c>
      <c r="DU31" s="219">
        <v>0</v>
      </c>
      <c r="DV31" s="220">
        <v>3</v>
      </c>
      <c r="DW31" s="218">
        <v>9</v>
      </c>
      <c r="DX31" s="218">
        <v>20</v>
      </c>
      <c r="DY31" s="218">
        <v>30</v>
      </c>
      <c r="DZ31" s="219">
        <v>23</v>
      </c>
      <c r="EA31" s="240">
        <v>85</v>
      </c>
      <c r="EB31" s="242">
        <v>85</v>
      </c>
      <c r="EC31" s="239"/>
    </row>
    <row r="32" spans="2:133" ht="21" customHeight="1" x14ac:dyDescent="0.2">
      <c r="B32" s="106" t="s">
        <v>29</v>
      </c>
      <c r="C32" s="217">
        <v>0</v>
      </c>
      <c r="D32" s="219">
        <v>0</v>
      </c>
      <c r="E32" s="219">
        <v>0</v>
      </c>
      <c r="F32" s="220">
        <v>0</v>
      </c>
      <c r="G32" s="218">
        <v>2</v>
      </c>
      <c r="H32" s="218">
        <v>7</v>
      </c>
      <c r="I32" s="218">
        <v>23</v>
      </c>
      <c r="J32" s="219">
        <v>21</v>
      </c>
      <c r="K32" s="240">
        <v>53</v>
      </c>
      <c r="L32" s="241">
        <v>53</v>
      </c>
      <c r="M32" s="217">
        <v>0</v>
      </c>
      <c r="N32" s="219">
        <v>0</v>
      </c>
      <c r="O32" s="240">
        <v>0</v>
      </c>
      <c r="P32" s="220">
        <v>0</v>
      </c>
      <c r="Q32" s="218">
        <v>2</v>
      </c>
      <c r="R32" s="218">
        <v>7</v>
      </c>
      <c r="S32" s="218">
        <v>23</v>
      </c>
      <c r="T32" s="219">
        <v>21</v>
      </c>
      <c r="U32" s="240">
        <v>53</v>
      </c>
      <c r="V32" s="242">
        <v>53</v>
      </c>
      <c r="W32" s="222">
        <v>0</v>
      </c>
      <c r="X32" s="219">
        <v>0</v>
      </c>
      <c r="Y32" s="240">
        <v>0</v>
      </c>
      <c r="Z32" s="222">
        <v>0</v>
      </c>
      <c r="AA32" s="218">
        <v>0</v>
      </c>
      <c r="AB32" s="218">
        <v>0</v>
      </c>
      <c r="AC32" s="218">
        <v>0</v>
      </c>
      <c r="AD32" s="219">
        <v>0</v>
      </c>
      <c r="AE32" s="240">
        <v>0</v>
      </c>
      <c r="AF32" s="221">
        <v>0</v>
      </c>
      <c r="AG32" s="222">
        <v>0</v>
      </c>
      <c r="AH32" s="219">
        <v>0</v>
      </c>
      <c r="AI32" s="240">
        <v>0</v>
      </c>
      <c r="AJ32" s="222">
        <v>4</v>
      </c>
      <c r="AK32" s="218">
        <v>6</v>
      </c>
      <c r="AL32" s="218">
        <v>12</v>
      </c>
      <c r="AM32" s="218">
        <v>12</v>
      </c>
      <c r="AN32" s="219">
        <v>10</v>
      </c>
      <c r="AO32" s="240">
        <v>44</v>
      </c>
      <c r="AP32" s="221">
        <v>44</v>
      </c>
      <c r="AQ32" s="222">
        <v>0</v>
      </c>
      <c r="AR32" s="219">
        <v>0</v>
      </c>
      <c r="AS32" s="240">
        <v>0</v>
      </c>
      <c r="AT32" s="220">
        <v>4</v>
      </c>
      <c r="AU32" s="218">
        <v>6</v>
      </c>
      <c r="AV32" s="218">
        <v>12</v>
      </c>
      <c r="AW32" s="218">
        <v>12</v>
      </c>
      <c r="AX32" s="219">
        <v>9</v>
      </c>
      <c r="AY32" s="240">
        <v>43</v>
      </c>
      <c r="AZ32" s="241">
        <v>43</v>
      </c>
      <c r="BA32" s="217">
        <v>0</v>
      </c>
      <c r="BB32" s="219">
        <v>0</v>
      </c>
      <c r="BC32" s="219">
        <v>0</v>
      </c>
      <c r="BD32" s="220">
        <v>0</v>
      </c>
      <c r="BE32" s="218">
        <v>0</v>
      </c>
      <c r="BF32" s="218">
        <v>0</v>
      </c>
      <c r="BG32" s="218">
        <v>0</v>
      </c>
      <c r="BH32" s="219">
        <v>1</v>
      </c>
      <c r="BI32" s="240">
        <v>1</v>
      </c>
      <c r="BJ32" s="242">
        <v>1</v>
      </c>
      <c r="BK32" s="222">
        <v>0</v>
      </c>
      <c r="BL32" s="219">
        <v>0</v>
      </c>
      <c r="BM32" s="219">
        <v>0</v>
      </c>
      <c r="BN32" s="220">
        <v>0</v>
      </c>
      <c r="BO32" s="218">
        <v>0</v>
      </c>
      <c r="BP32" s="218">
        <v>0</v>
      </c>
      <c r="BQ32" s="218">
        <v>0</v>
      </c>
      <c r="BR32" s="219">
        <v>0</v>
      </c>
      <c r="BS32" s="240">
        <v>0</v>
      </c>
      <c r="BT32" s="241">
        <v>0</v>
      </c>
      <c r="BU32" s="217">
        <v>0</v>
      </c>
      <c r="BV32" s="219">
        <v>0</v>
      </c>
      <c r="BW32" s="219">
        <v>0</v>
      </c>
      <c r="BX32" s="220">
        <v>0</v>
      </c>
      <c r="BY32" s="218">
        <v>0</v>
      </c>
      <c r="BZ32" s="218">
        <v>0</v>
      </c>
      <c r="CA32" s="218">
        <v>0</v>
      </c>
      <c r="CB32" s="219">
        <v>0</v>
      </c>
      <c r="CC32" s="240">
        <v>0</v>
      </c>
      <c r="CD32" s="242">
        <v>0</v>
      </c>
      <c r="CE32" s="222">
        <v>0</v>
      </c>
      <c r="CF32" s="219">
        <v>0</v>
      </c>
      <c r="CG32" s="219">
        <v>0</v>
      </c>
      <c r="CH32" s="220">
        <v>0</v>
      </c>
      <c r="CI32" s="218">
        <v>0</v>
      </c>
      <c r="CJ32" s="218">
        <v>0</v>
      </c>
      <c r="CK32" s="218">
        <v>0</v>
      </c>
      <c r="CL32" s="219">
        <v>0</v>
      </c>
      <c r="CM32" s="240">
        <v>0</v>
      </c>
      <c r="CN32" s="242">
        <v>0</v>
      </c>
      <c r="CO32" s="222">
        <v>0</v>
      </c>
      <c r="CP32" s="219">
        <v>0</v>
      </c>
      <c r="CQ32" s="219">
        <v>0</v>
      </c>
      <c r="CR32" s="220">
        <v>0</v>
      </c>
      <c r="CS32" s="218">
        <v>0</v>
      </c>
      <c r="CT32" s="218">
        <v>0</v>
      </c>
      <c r="CU32" s="218">
        <v>0</v>
      </c>
      <c r="CV32" s="219">
        <v>0</v>
      </c>
      <c r="CW32" s="240">
        <v>0</v>
      </c>
      <c r="CX32" s="241">
        <v>0</v>
      </c>
      <c r="CY32" s="217">
        <v>0</v>
      </c>
      <c r="CZ32" s="219">
        <v>0</v>
      </c>
      <c r="DA32" s="219">
        <v>0</v>
      </c>
      <c r="DB32" s="220">
        <v>0</v>
      </c>
      <c r="DC32" s="218">
        <v>0</v>
      </c>
      <c r="DD32" s="218">
        <v>0</v>
      </c>
      <c r="DE32" s="218">
        <v>0</v>
      </c>
      <c r="DF32" s="219">
        <v>0</v>
      </c>
      <c r="DG32" s="240">
        <v>0</v>
      </c>
      <c r="DH32" s="242">
        <v>0</v>
      </c>
      <c r="DI32" s="222">
        <v>0</v>
      </c>
      <c r="DJ32" s="219">
        <v>0</v>
      </c>
      <c r="DK32" s="219">
        <v>0</v>
      </c>
      <c r="DL32" s="220">
        <v>0</v>
      </c>
      <c r="DM32" s="218">
        <v>0</v>
      </c>
      <c r="DN32" s="218">
        <v>0</v>
      </c>
      <c r="DO32" s="218">
        <v>0</v>
      </c>
      <c r="DP32" s="219">
        <v>0</v>
      </c>
      <c r="DQ32" s="240">
        <v>0</v>
      </c>
      <c r="DR32" s="242">
        <v>0</v>
      </c>
      <c r="DS32" s="222">
        <v>0</v>
      </c>
      <c r="DT32" s="219">
        <v>0</v>
      </c>
      <c r="DU32" s="219">
        <v>0</v>
      </c>
      <c r="DV32" s="220">
        <v>4</v>
      </c>
      <c r="DW32" s="218">
        <v>8</v>
      </c>
      <c r="DX32" s="218">
        <v>19</v>
      </c>
      <c r="DY32" s="218">
        <v>35</v>
      </c>
      <c r="DZ32" s="219">
        <v>31</v>
      </c>
      <c r="EA32" s="240">
        <v>97</v>
      </c>
      <c r="EB32" s="242">
        <v>97</v>
      </c>
      <c r="EC32" s="239"/>
    </row>
    <row r="33" spans="2:133" ht="21" customHeight="1" x14ac:dyDescent="0.2">
      <c r="B33" s="106" t="s">
        <v>30</v>
      </c>
      <c r="C33" s="217">
        <v>0</v>
      </c>
      <c r="D33" s="219">
        <v>0</v>
      </c>
      <c r="E33" s="219">
        <v>0</v>
      </c>
      <c r="F33" s="220">
        <v>0</v>
      </c>
      <c r="G33" s="218">
        <v>4</v>
      </c>
      <c r="H33" s="218">
        <v>20</v>
      </c>
      <c r="I33" s="218">
        <v>33</v>
      </c>
      <c r="J33" s="219">
        <v>21</v>
      </c>
      <c r="K33" s="240">
        <v>78</v>
      </c>
      <c r="L33" s="241">
        <v>78</v>
      </c>
      <c r="M33" s="217">
        <v>0</v>
      </c>
      <c r="N33" s="219">
        <v>0</v>
      </c>
      <c r="O33" s="240">
        <v>0</v>
      </c>
      <c r="P33" s="220">
        <v>0</v>
      </c>
      <c r="Q33" s="218">
        <v>4</v>
      </c>
      <c r="R33" s="218">
        <v>20</v>
      </c>
      <c r="S33" s="218">
        <v>33</v>
      </c>
      <c r="T33" s="219">
        <v>21</v>
      </c>
      <c r="U33" s="240">
        <v>78</v>
      </c>
      <c r="V33" s="242">
        <v>78</v>
      </c>
      <c r="W33" s="222">
        <v>0</v>
      </c>
      <c r="X33" s="219">
        <v>0</v>
      </c>
      <c r="Y33" s="240">
        <v>0</v>
      </c>
      <c r="Z33" s="222">
        <v>0</v>
      </c>
      <c r="AA33" s="218">
        <v>0</v>
      </c>
      <c r="AB33" s="218">
        <v>0</v>
      </c>
      <c r="AC33" s="218">
        <v>0</v>
      </c>
      <c r="AD33" s="219">
        <v>0</v>
      </c>
      <c r="AE33" s="240">
        <v>0</v>
      </c>
      <c r="AF33" s="221">
        <v>0</v>
      </c>
      <c r="AG33" s="222">
        <v>0</v>
      </c>
      <c r="AH33" s="219">
        <v>0</v>
      </c>
      <c r="AI33" s="240">
        <v>0</v>
      </c>
      <c r="AJ33" s="222">
        <v>11</v>
      </c>
      <c r="AK33" s="218">
        <v>10</v>
      </c>
      <c r="AL33" s="218">
        <v>10</v>
      </c>
      <c r="AM33" s="218">
        <v>20</v>
      </c>
      <c r="AN33" s="219">
        <v>3</v>
      </c>
      <c r="AO33" s="240">
        <v>54</v>
      </c>
      <c r="AP33" s="221">
        <v>54</v>
      </c>
      <c r="AQ33" s="222">
        <v>0</v>
      </c>
      <c r="AR33" s="219">
        <v>0</v>
      </c>
      <c r="AS33" s="240">
        <v>0</v>
      </c>
      <c r="AT33" s="220">
        <v>11</v>
      </c>
      <c r="AU33" s="218">
        <v>10</v>
      </c>
      <c r="AV33" s="218">
        <v>10</v>
      </c>
      <c r="AW33" s="218">
        <v>20</v>
      </c>
      <c r="AX33" s="219">
        <v>3</v>
      </c>
      <c r="AY33" s="240">
        <v>54</v>
      </c>
      <c r="AZ33" s="241">
        <v>54</v>
      </c>
      <c r="BA33" s="217">
        <v>0</v>
      </c>
      <c r="BB33" s="219">
        <v>0</v>
      </c>
      <c r="BC33" s="219">
        <v>0</v>
      </c>
      <c r="BD33" s="220">
        <v>0</v>
      </c>
      <c r="BE33" s="218">
        <v>0</v>
      </c>
      <c r="BF33" s="218">
        <v>0</v>
      </c>
      <c r="BG33" s="218">
        <v>0</v>
      </c>
      <c r="BH33" s="219">
        <v>0</v>
      </c>
      <c r="BI33" s="240">
        <v>0</v>
      </c>
      <c r="BJ33" s="242">
        <v>0</v>
      </c>
      <c r="BK33" s="222">
        <v>0</v>
      </c>
      <c r="BL33" s="219">
        <v>0</v>
      </c>
      <c r="BM33" s="219">
        <v>0</v>
      </c>
      <c r="BN33" s="220">
        <v>0</v>
      </c>
      <c r="BO33" s="218">
        <v>0</v>
      </c>
      <c r="BP33" s="218">
        <v>0</v>
      </c>
      <c r="BQ33" s="218">
        <v>0</v>
      </c>
      <c r="BR33" s="219">
        <v>0</v>
      </c>
      <c r="BS33" s="240">
        <v>0</v>
      </c>
      <c r="BT33" s="241">
        <v>0</v>
      </c>
      <c r="BU33" s="217">
        <v>0</v>
      </c>
      <c r="BV33" s="219">
        <v>0</v>
      </c>
      <c r="BW33" s="219">
        <v>0</v>
      </c>
      <c r="BX33" s="220">
        <v>0</v>
      </c>
      <c r="BY33" s="218">
        <v>0</v>
      </c>
      <c r="BZ33" s="218">
        <v>0</v>
      </c>
      <c r="CA33" s="218">
        <v>0</v>
      </c>
      <c r="CB33" s="219">
        <v>0</v>
      </c>
      <c r="CC33" s="240">
        <v>0</v>
      </c>
      <c r="CD33" s="242">
        <v>0</v>
      </c>
      <c r="CE33" s="222">
        <v>0</v>
      </c>
      <c r="CF33" s="219">
        <v>0</v>
      </c>
      <c r="CG33" s="219">
        <v>0</v>
      </c>
      <c r="CH33" s="220">
        <v>0</v>
      </c>
      <c r="CI33" s="218">
        <v>0</v>
      </c>
      <c r="CJ33" s="218">
        <v>0</v>
      </c>
      <c r="CK33" s="218">
        <v>0</v>
      </c>
      <c r="CL33" s="219">
        <v>0</v>
      </c>
      <c r="CM33" s="240">
        <v>0</v>
      </c>
      <c r="CN33" s="242">
        <v>0</v>
      </c>
      <c r="CO33" s="222">
        <v>0</v>
      </c>
      <c r="CP33" s="219">
        <v>0</v>
      </c>
      <c r="CQ33" s="219">
        <v>0</v>
      </c>
      <c r="CR33" s="220">
        <v>0</v>
      </c>
      <c r="CS33" s="218">
        <v>0</v>
      </c>
      <c r="CT33" s="218">
        <v>0</v>
      </c>
      <c r="CU33" s="218">
        <v>0</v>
      </c>
      <c r="CV33" s="219">
        <v>3</v>
      </c>
      <c r="CW33" s="240">
        <v>3</v>
      </c>
      <c r="CX33" s="241">
        <v>3</v>
      </c>
      <c r="CY33" s="217">
        <v>0</v>
      </c>
      <c r="CZ33" s="219">
        <v>0</v>
      </c>
      <c r="DA33" s="219">
        <v>0</v>
      </c>
      <c r="DB33" s="220">
        <v>0</v>
      </c>
      <c r="DC33" s="218">
        <v>0</v>
      </c>
      <c r="DD33" s="218">
        <v>0</v>
      </c>
      <c r="DE33" s="218">
        <v>0</v>
      </c>
      <c r="DF33" s="219">
        <v>3</v>
      </c>
      <c r="DG33" s="240">
        <v>3</v>
      </c>
      <c r="DH33" s="242">
        <v>3</v>
      </c>
      <c r="DI33" s="222">
        <v>0</v>
      </c>
      <c r="DJ33" s="219">
        <v>0</v>
      </c>
      <c r="DK33" s="219">
        <v>0</v>
      </c>
      <c r="DL33" s="220">
        <v>0</v>
      </c>
      <c r="DM33" s="218">
        <v>0</v>
      </c>
      <c r="DN33" s="218">
        <v>0</v>
      </c>
      <c r="DO33" s="218">
        <v>0</v>
      </c>
      <c r="DP33" s="219">
        <v>0</v>
      </c>
      <c r="DQ33" s="240">
        <v>0</v>
      </c>
      <c r="DR33" s="242">
        <v>0</v>
      </c>
      <c r="DS33" s="222">
        <v>0</v>
      </c>
      <c r="DT33" s="219">
        <v>0</v>
      </c>
      <c r="DU33" s="219">
        <v>0</v>
      </c>
      <c r="DV33" s="220">
        <v>11</v>
      </c>
      <c r="DW33" s="218">
        <v>14</v>
      </c>
      <c r="DX33" s="218">
        <v>30</v>
      </c>
      <c r="DY33" s="218">
        <v>53</v>
      </c>
      <c r="DZ33" s="219">
        <v>27</v>
      </c>
      <c r="EA33" s="240">
        <v>135</v>
      </c>
      <c r="EB33" s="242">
        <v>135</v>
      </c>
      <c r="EC33" s="239"/>
    </row>
    <row r="34" spans="2:133" ht="21" customHeight="1" x14ac:dyDescent="0.2">
      <c r="B34" s="106" t="s">
        <v>31</v>
      </c>
      <c r="C34" s="217">
        <v>0</v>
      </c>
      <c r="D34" s="219">
        <v>0</v>
      </c>
      <c r="E34" s="219">
        <v>0</v>
      </c>
      <c r="F34" s="220">
        <v>1</v>
      </c>
      <c r="G34" s="218">
        <v>1</v>
      </c>
      <c r="H34" s="218">
        <v>28</v>
      </c>
      <c r="I34" s="218">
        <v>24</v>
      </c>
      <c r="J34" s="219">
        <v>22</v>
      </c>
      <c r="K34" s="240">
        <v>76</v>
      </c>
      <c r="L34" s="241">
        <v>76</v>
      </c>
      <c r="M34" s="217">
        <v>0</v>
      </c>
      <c r="N34" s="219">
        <v>0</v>
      </c>
      <c r="O34" s="240">
        <v>0</v>
      </c>
      <c r="P34" s="220">
        <v>1</v>
      </c>
      <c r="Q34" s="218">
        <v>1</v>
      </c>
      <c r="R34" s="218">
        <v>28</v>
      </c>
      <c r="S34" s="218">
        <v>24</v>
      </c>
      <c r="T34" s="219">
        <v>22</v>
      </c>
      <c r="U34" s="240">
        <v>76</v>
      </c>
      <c r="V34" s="242">
        <v>76</v>
      </c>
      <c r="W34" s="222">
        <v>0</v>
      </c>
      <c r="X34" s="219">
        <v>0</v>
      </c>
      <c r="Y34" s="240">
        <v>0</v>
      </c>
      <c r="Z34" s="222">
        <v>0</v>
      </c>
      <c r="AA34" s="218">
        <v>0</v>
      </c>
      <c r="AB34" s="218">
        <v>0</v>
      </c>
      <c r="AC34" s="218">
        <v>0</v>
      </c>
      <c r="AD34" s="219">
        <v>0</v>
      </c>
      <c r="AE34" s="240">
        <v>0</v>
      </c>
      <c r="AF34" s="221">
        <v>0</v>
      </c>
      <c r="AG34" s="222">
        <v>0</v>
      </c>
      <c r="AH34" s="219">
        <v>0</v>
      </c>
      <c r="AI34" s="240">
        <v>0</v>
      </c>
      <c r="AJ34" s="222">
        <v>2</v>
      </c>
      <c r="AK34" s="218">
        <v>8</v>
      </c>
      <c r="AL34" s="218">
        <v>10</v>
      </c>
      <c r="AM34" s="218">
        <v>6</v>
      </c>
      <c r="AN34" s="219">
        <v>5</v>
      </c>
      <c r="AO34" s="240">
        <v>31</v>
      </c>
      <c r="AP34" s="221">
        <v>31</v>
      </c>
      <c r="AQ34" s="222">
        <v>0</v>
      </c>
      <c r="AR34" s="219">
        <v>0</v>
      </c>
      <c r="AS34" s="240">
        <v>0</v>
      </c>
      <c r="AT34" s="220">
        <v>2</v>
      </c>
      <c r="AU34" s="218">
        <v>8</v>
      </c>
      <c r="AV34" s="218">
        <v>10</v>
      </c>
      <c r="AW34" s="218">
        <v>6</v>
      </c>
      <c r="AX34" s="219">
        <v>4</v>
      </c>
      <c r="AY34" s="240">
        <v>30</v>
      </c>
      <c r="AZ34" s="241">
        <v>30</v>
      </c>
      <c r="BA34" s="217">
        <v>0</v>
      </c>
      <c r="BB34" s="219">
        <v>0</v>
      </c>
      <c r="BC34" s="219">
        <v>0</v>
      </c>
      <c r="BD34" s="220">
        <v>0</v>
      </c>
      <c r="BE34" s="218">
        <v>0</v>
      </c>
      <c r="BF34" s="218">
        <v>0</v>
      </c>
      <c r="BG34" s="218">
        <v>0</v>
      </c>
      <c r="BH34" s="219">
        <v>1</v>
      </c>
      <c r="BI34" s="240">
        <v>1</v>
      </c>
      <c r="BJ34" s="242">
        <v>1</v>
      </c>
      <c r="BK34" s="222">
        <v>0</v>
      </c>
      <c r="BL34" s="219">
        <v>0</v>
      </c>
      <c r="BM34" s="219">
        <v>0</v>
      </c>
      <c r="BN34" s="220">
        <v>0</v>
      </c>
      <c r="BO34" s="218">
        <v>0</v>
      </c>
      <c r="BP34" s="218">
        <v>0</v>
      </c>
      <c r="BQ34" s="218">
        <v>0</v>
      </c>
      <c r="BR34" s="219">
        <v>0</v>
      </c>
      <c r="BS34" s="240">
        <v>0</v>
      </c>
      <c r="BT34" s="241">
        <v>0</v>
      </c>
      <c r="BU34" s="217">
        <v>0</v>
      </c>
      <c r="BV34" s="219">
        <v>0</v>
      </c>
      <c r="BW34" s="219">
        <v>0</v>
      </c>
      <c r="BX34" s="220">
        <v>0</v>
      </c>
      <c r="BY34" s="218">
        <v>0</v>
      </c>
      <c r="BZ34" s="218">
        <v>0</v>
      </c>
      <c r="CA34" s="218">
        <v>0</v>
      </c>
      <c r="CB34" s="219">
        <v>0</v>
      </c>
      <c r="CC34" s="240">
        <v>0</v>
      </c>
      <c r="CD34" s="242">
        <v>0</v>
      </c>
      <c r="CE34" s="222">
        <v>0</v>
      </c>
      <c r="CF34" s="219">
        <v>0</v>
      </c>
      <c r="CG34" s="219">
        <v>0</v>
      </c>
      <c r="CH34" s="220">
        <v>0</v>
      </c>
      <c r="CI34" s="218">
        <v>0</v>
      </c>
      <c r="CJ34" s="218">
        <v>0</v>
      </c>
      <c r="CK34" s="218">
        <v>0</v>
      </c>
      <c r="CL34" s="219">
        <v>0</v>
      </c>
      <c r="CM34" s="240">
        <v>0</v>
      </c>
      <c r="CN34" s="242">
        <v>0</v>
      </c>
      <c r="CO34" s="222">
        <v>0</v>
      </c>
      <c r="CP34" s="219">
        <v>0</v>
      </c>
      <c r="CQ34" s="219">
        <v>0</v>
      </c>
      <c r="CR34" s="220">
        <v>1</v>
      </c>
      <c r="CS34" s="218">
        <v>0</v>
      </c>
      <c r="CT34" s="218">
        <v>0</v>
      </c>
      <c r="CU34" s="218">
        <v>2</v>
      </c>
      <c r="CV34" s="219">
        <v>2</v>
      </c>
      <c r="CW34" s="240">
        <v>5</v>
      </c>
      <c r="CX34" s="241">
        <v>5</v>
      </c>
      <c r="CY34" s="217">
        <v>0</v>
      </c>
      <c r="CZ34" s="219">
        <v>0</v>
      </c>
      <c r="DA34" s="219">
        <v>0</v>
      </c>
      <c r="DB34" s="220">
        <v>1</v>
      </c>
      <c r="DC34" s="218">
        <v>0</v>
      </c>
      <c r="DD34" s="218">
        <v>0</v>
      </c>
      <c r="DE34" s="218">
        <v>2</v>
      </c>
      <c r="DF34" s="219">
        <v>2</v>
      </c>
      <c r="DG34" s="240">
        <v>5</v>
      </c>
      <c r="DH34" s="242">
        <v>5</v>
      </c>
      <c r="DI34" s="222">
        <v>0</v>
      </c>
      <c r="DJ34" s="219">
        <v>0</v>
      </c>
      <c r="DK34" s="219">
        <v>0</v>
      </c>
      <c r="DL34" s="220">
        <v>0</v>
      </c>
      <c r="DM34" s="218">
        <v>0</v>
      </c>
      <c r="DN34" s="218">
        <v>0</v>
      </c>
      <c r="DO34" s="218">
        <v>0</v>
      </c>
      <c r="DP34" s="219">
        <v>0</v>
      </c>
      <c r="DQ34" s="240">
        <v>0</v>
      </c>
      <c r="DR34" s="242">
        <v>0</v>
      </c>
      <c r="DS34" s="222">
        <v>0</v>
      </c>
      <c r="DT34" s="219">
        <v>0</v>
      </c>
      <c r="DU34" s="219">
        <v>0</v>
      </c>
      <c r="DV34" s="220">
        <v>4</v>
      </c>
      <c r="DW34" s="218">
        <v>9</v>
      </c>
      <c r="DX34" s="218">
        <v>38</v>
      </c>
      <c r="DY34" s="218">
        <v>32</v>
      </c>
      <c r="DZ34" s="219">
        <v>29</v>
      </c>
      <c r="EA34" s="240">
        <v>112</v>
      </c>
      <c r="EB34" s="242">
        <v>112</v>
      </c>
      <c r="EC34" s="239"/>
    </row>
    <row r="35" spans="2:133" ht="21" customHeight="1" x14ac:dyDescent="0.2">
      <c r="B35" s="106" t="s">
        <v>32</v>
      </c>
      <c r="C35" s="217">
        <v>0</v>
      </c>
      <c r="D35" s="219">
        <v>0</v>
      </c>
      <c r="E35" s="219">
        <v>0</v>
      </c>
      <c r="F35" s="220">
        <v>2</v>
      </c>
      <c r="G35" s="218">
        <v>0</v>
      </c>
      <c r="H35" s="218">
        <v>13</v>
      </c>
      <c r="I35" s="218">
        <v>27</v>
      </c>
      <c r="J35" s="219">
        <v>17</v>
      </c>
      <c r="K35" s="240">
        <v>59</v>
      </c>
      <c r="L35" s="241">
        <v>59</v>
      </c>
      <c r="M35" s="217">
        <v>0</v>
      </c>
      <c r="N35" s="219">
        <v>0</v>
      </c>
      <c r="O35" s="240">
        <v>0</v>
      </c>
      <c r="P35" s="220">
        <v>2</v>
      </c>
      <c r="Q35" s="218">
        <v>0</v>
      </c>
      <c r="R35" s="218">
        <v>13</v>
      </c>
      <c r="S35" s="218">
        <v>27</v>
      </c>
      <c r="T35" s="219">
        <v>17</v>
      </c>
      <c r="U35" s="240">
        <v>59</v>
      </c>
      <c r="V35" s="242">
        <v>59</v>
      </c>
      <c r="W35" s="222">
        <v>0</v>
      </c>
      <c r="X35" s="219">
        <v>0</v>
      </c>
      <c r="Y35" s="240">
        <v>0</v>
      </c>
      <c r="Z35" s="222">
        <v>0</v>
      </c>
      <c r="AA35" s="218">
        <v>0</v>
      </c>
      <c r="AB35" s="218">
        <v>0</v>
      </c>
      <c r="AC35" s="218">
        <v>0</v>
      </c>
      <c r="AD35" s="219">
        <v>0</v>
      </c>
      <c r="AE35" s="240">
        <v>0</v>
      </c>
      <c r="AF35" s="221">
        <v>0</v>
      </c>
      <c r="AG35" s="222">
        <v>0</v>
      </c>
      <c r="AH35" s="219">
        <v>0</v>
      </c>
      <c r="AI35" s="240">
        <v>0</v>
      </c>
      <c r="AJ35" s="222">
        <v>6</v>
      </c>
      <c r="AK35" s="218">
        <v>7</v>
      </c>
      <c r="AL35" s="218">
        <v>7</v>
      </c>
      <c r="AM35" s="218">
        <v>15</v>
      </c>
      <c r="AN35" s="219">
        <v>3</v>
      </c>
      <c r="AO35" s="240">
        <v>38</v>
      </c>
      <c r="AP35" s="221">
        <v>38</v>
      </c>
      <c r="AQ35" s="222">
        <v>0</v>
      </c>
      <c r="AR35" s="219">
        <v>0</v>
      </c>
      <c r="AS35" s="240">
        <v>0</v>
      </c>
      <c r="AT35" s="220">
        <v>6</v>
      </c>
      <c r="AU35" s="218">
        <v>7</v>
      </c>
      <c r="AV35" s="218">
        <v>7</v>
      </c>
      <c r="AW35" s="218">
        <v>15</v>
      </c>
      <c r="AX35" s="219">
        <v>3</v>
      </c>
      <c r="AY35" s="240">
        <v>38</v>
      </c>
      <c r="AZ35" s="241">
        <v>38</v>
      </c>
      <c r="BA35" s="217">
        <v>0</v>
      </c>
      <c r="BB35" s="219">
        <v>0</v>
      </c>
      <c r="BC35" s="219">
        <v>0</v>
      </c>
      <c r="BD35" s="220">
        <v>0</v>
      </c>
      <c r="BE35" s="218">
        <v>0</v>
      </c>
      <c r="BF35" s="218">
        <v>0</v>
      </c>
      <c r="BG35" s="218">
        <v>0</v>
      </c>
      <c r="BH35" s="219">
        <v>0</v>
      </c>
      <c r="BI35" s="240">
        <v>0</v>
      </c>
      <c r="BJ35" s="242">
        <v>0</v>
      </c>
      <c r="BK35" s="222">
        <v>0</v>
      </c>
      <c r="BL35" s="219">
        <v>0</v>
      </c>
      <c r="BM35" s="219">
        <v>0</v>
      </c>
      <c r="BN35" s="220">
        <v>0</v>
      </c>
      <c r="BO35" s="218">
        <v>0</v>
      </c>
      <c r="BP35" s="218">
        <v>0</v>
      </c>
      <c r="BQ35" s="218">
        <v>0</v>
      </c>
      <c r="BR35" s="219">
        <v>0</v>
      </c>
      <c r="BS35" s="240">
        <v>0</v>
      </c>
      <c r="BT35" s="241">
        <v>0</v>
      </c>
      <c r="BU35" s="217">
        <v>0</v>
      </c>
      <c r="BV35" s="219">
        <v>0</v>
      </c>
      <c r="BW35" s="219">
        <v>0</v>
      </c>
      <c r="BX35" s="220">
        <v>0</v>
      </c>
      <c r="BY35" s="218">
        <v>0</v>
      </c>
      <c r="BZ35" s="218">
        <v>0</v>
      </c>
      <c r="CA35" s="218">
        <v>0</v>
      </c>
      <c r="CB35" s="219">
        <v>0</v>
      </c>
      <c r="CC35" s="240">
        <v>0</v>
      </c>
      <c r="CD35" s="242">
        <v>0</v>
      </c>
      <c r="CE35" s="222">
        <v>0</v>
      </c>
      <c r="CF35" s="219">
        <v>0</v>
      </c>
      <c r="CG35" s="219">
        <v>0</v>
      </c>
      <c r="CH35" s="220">
        <v>0</v>
      </c>
      <c r="CI35" s="218">
        <v>0</v>
      </c>
      <c r="CJ35" s="218">
        <v>0</v>
      </c>
      <c r="CK35" s="218">
        <v>0</v>
      </c>
      <c r="CL35" s="219">
        <v>0</v>
      </c>
      <c r="CM35" s="240">
        <v>0</v>
      </c>
      <c r="CN35" s="242">
        <v>0</v>
      </c>
      <c r="CO35" s="222">
        <v>0</v>
      </c>
      <c r="CP35" s="219">
        <v>0</v>
      </c>
      <c r="CQ35" s="219">
        <v>0</v>
      </c>
      <c r="CR35" s="220">
        <v>2</v>
      </c>
      <c r="CS35" s="218">
        <v>0</v>
      </c>
      <c r="CT35" s="218">
        <v>0</v>
      </c>
      <c r="CU35" s="218">
        <v>0</v>
      </c>
      <c r="CV35" s="219">
        <v>4</v>
      </c>
      <c r="CW35" s="240">
        <v>6</v>
      </c>
      <c r="CX35" s="241">
        <v>6</v>
      </c>
      <c r="CY35" s="217">
        <v>0</v>
      </c>
      <c r="CZ35" s="219">
        <v>0</v>
      </c>
      <c r="DA35" s="219">
        <v>0</v>
      </c>
      <c r="DB35" s="220">
        <v>2</v>
      </c>
      <c r="DC35" s="218">
        <v>0</v>
      </c>
      <c r="DD35" s="218">
        <v>0</v>
      </c>
      <c r="DE35" s="218">
        <v>0</v>
      </c>
      <c r="DF35" s="219">
        <v>4</v>
      </c>
      <c r="DG35" s="240">
        <v>6</v>
      </c>
      <c r="DH35" s="242">
        <v>6</v>
      </c>
      <c r="DI35" s="222">
        <v>0</v>
      </c>
      <c r="DJ35" s="219">
        <v>0</v>
      </c>
      <c r="DK35" s="219">
        <v>0</v>
      </c>
      <c r="DL35" s="220">
        <v>0</v>
      </c>
      <c r="DM35" s="218">
        <v>0</v>
      </c>
      <c r="DN35" s="218">
        <v>0</v>
      </c>
      <c r="DO35" s="218">
        <v>0</v>
      </c>
      <c r="DP35" s="219">
        <v>0</v>
      </c>
      <c r="DQ35" s="240">
        <v>0</v>
      </c>
      <c r="DR35" s="242">
        <v>0</v>
      </c>
      <c r="DS35" s="222">
        <v>0</v>
      </c>
      <c r="DT35" s="219">
        <v>0</v>
      </c>
      <c r="DU35" s="219">
        <v>0</v>
      </c>
      <c r="DV35" s="220">
        <v>10</v>
      </c>
      <c r="DW35" s="218">
        <v>7</v>
      </c>
      <c r="DX35" s="218">
        <v>20</v>
      </c>
      <c r="DY35" s="218">
        <v>42</v>
      </c>
      <c r="DZ35" s="219">
        <v>24</v>
      </c>
      <c r="EA35" s="240">
        <v>103</v>
      </c>
      <c r="EB35" s="242">
        <v>103</v>
      </c>
      <c r="EC35" s="239"/>
    </row>
    <row r="36" spans="2:133" ht="21" customHeight="1" x14ac:dyDescent="0.2">
      <c r="B36" s="106" t="s">
        <v>33</v>
      </c>
      <c r="C36" s="217">
        <v>0</v>
      </c>
      <c r="D36" s="219">
        <v>0</v>
      </c>
      <c r="E36" s="219">
        <v>0</v>
      </c>
      <c r="F36" s="220">
        <v>1</v>
      </c>
      <c r="G36" s="218">
        <v>5</v>
      </c>
      <c r="H36" s="218">
        <v>32</v>
      </c>
      <c r="I36" s="218">
        <v>31</v>
      </c>
      <c r="J36" s="219">
        <v>20</v>
      </c>
      <c r="K36" s="240">
        <v>89</v>
      </c>
      <c r="L36" s="241">
        <v>89</v>
      </c>
      <c r="M36" s="217">
        <v>0</v>
      </c>
      <c r="N36" s="219">
        <v>0</v>
      </c>
      <c r="O36" s="240">
        <v>0</v>
      </c>
      <c r="P36" s="220">
        <v>1</v>
      </c>
      <c r="Q36" s="218">
        <v>5</v>
      </c>
      <c r="R36" s="218">
        <v>32</v>
      </c>
      <c r="S36" s="218">
        <v>31</v>
      </c>
      <c r="T36" s="219">
        <v>20</v>
      </c>
      <c r="U36" s="240">
        <v>89</v>
      </c>
      <c r="V36" s="242">
        <v>89</v>
      </c>
      <c r="W36" s="222">
        <v>0</v>
      </c>
      <c r="X36" s="219">
        <v>0</v>
      </c>
      <c r="Y36" s="240">
        <v>0</v>
      </c>
      <c r="Z36" s="222">
        <v>0</v>
      </c>
      <c r="AA36" s="218">
        <v>0</v>
      </c>
      <c r="AB36" s="218">
        <v>0</v>
      </c>
      <c r="AC36" s="218">
        <v>0</v>
      </c>
      <c r="AD36" s="219">
        <v>0</v>
      </c>
      <c r="AE36" s="240">
        <v>0</v>
      </c>
      <c r="AF36" s="221">
        <v>0</v>
      </c>
      <c r="AG36" s="222">
        <v>0</v>
      </c>
      <c r="AH36" s="219">
        <v>0</v>
      </c>
      <c r="AI36" s="240">
        <v>0</v>
      </c>
      <c r="AJ36" s="222">
        <v>9</v>
      </c>
      <c r="AK36" s="218">
        <v>13</v>
      </c>
      <c r="AL36" s="218">
        <v>14</v>
      </c>
      <c r="AM36" s="218">
        <v>12</v>
      </c>
      <c r="AN36" s="219">
        <v>7</v>
      </c>
      <c r="AO36" s="240">
        <v>55</v>
      </c>
      <c r="AP36" s="221">
        <v>55</v>
      </c>
      <c r="AQ36" s="222">
        <v>0</v>
      </c>
      <c r="AR36" s="219">
        <v>0</v>
      </c>
      <c r="AS36" s="240">
        <v>0</v>
      </c>
      <c r="AT36" s="220">
        <v>9</v>
      </c>
      <c r="AU36" s="218">
        <v>13</v>
      </c>
      <c r="AV36" s="218">
        <v>14</v>
      </c>
      <c r="AW36" s="218">
        <v>12</v>
      </c>
      <c r="AX36" s="219">
        <v>7</v>
      </c>
      <c r="AY36" s="240">
        <v>55</v>
      </c>
      <c r="AZ36" s="241">
        <v>55</v>
      </c>
      <c r="BA36" s="217">
        <v>0</v>
      </c>
      <c r="BB36" s="219">
        <v>0</v>
      </c>
      <c r="BC36" s="219">
        <v>0</v>
      </c>
      <c r="BD36" s="220">
        <v>0</v>
      </c>
      <c r="BE36" s="218">
        <v>0</v>
      </c>
      <c r="BF36" s="218">
        <v>0</v>
      </c>
      <c r="BG36" s="218">
        <v>0</v>
      </c>
      <c r="BH36" s="219">
        <v>0</v>
      </c>
      <c r="BI36" s="240">
        <v>0</v>
      </c>
      <c r="BJ36" s="242">
        <v>0</v>
      </c>
      <c r="BK36" s="222">
        <v>0</v>
      </c>
      <c r="BL36" s="219">
        <v>0</v>
      </c>
      <c r="BM36" s="219">
        <v>0</v>
      </c>
      <c r="BN36" s="220">
        <v>0</v>
      </c>
      <c r="BO36" s="218">
        <v>0</v>
      </c>
      <c r="BP36" s="218">
        <v>0</v>
      </c>
      <c r="BQ36" s="218">
        <v>0</v>
      </c>
      <c r="BR36" s="219">
        <v>0</v>
      </c>
      <c r="BS36" s="240">
        <v>0</v>
      </c>
      <c r="BT36" s="241">
        <v>0</v>
      </c>
      <c r="BU36" s="217">
        <v>0</v>
      </c>
      <c r="BV36" s="219">
        <v>0</v>
      </c>
      <c r="BW36" s="219">
        <v>0</v>
      </c>
      <c r="BX36" s="220">
        <v>0</v>
      </c>
      <c r="BY36" s="218">
        <v>0</v>
      </c>
      <c r="BZ36" s="218">
        <v>0</v>
      </c>
      <c r="CA36" s="218">
        <v>0</v>
      </c>
      <c r="CB36" s="219">
        <v>0</v>
      </c>
      <c r="CC36" s="240">
        <v>0</v>
      </c>
      <c r="CD36" s="242">
        <v>0</v>
      </c>
      <c r="CE36" s="222">
        <v>0</v>
      </c>
      <c r="CF36" s="219">
        <v>0</v>
      </c>
      <c r="CG36" s="219">
        <v>0</v>
      </c>
      <c r="CH36" s="220">
        <v>0</v>
      </c>
      <c r="CI36" s="218">
        <v>0</v>
      </c>
      <c r="CJ36" s="218">
        <v>0</v>
      </c>
      <c r="CK36" s="218">
        <v>0</v>
      </c>
      <c r="CL36" s="219">
        <v>0</v>
      </c>
      <c r="CM36" s="240">
        <v>0</v>
      </c>
      <c r="CN36" s="242">
        <v>0</v>
      </c>
      <c r="CO36" s="222">
        <v>0</v>
      </c>
      <c r="CP36" s="219">
        <v>0</v>
      </c>
      <c r="CQ36" s="219">
        <v>0</v>
      </c>
      <c r="CR36" s="220">
        <v>1</v>
      </c>
      <c r="CS36" s="218">
        <v>7</v>
      </c>
      <c r="CT36" s="218">
        <v>8</v>
      </c>
      <c r="CU36" s="218">
        <v>10</v>
      </c>
      <c r="CV36" s="219">
        <v>10</v>
      </c>
      <c r="CW36" s="240">
        <v>36</v>
      </c>
      <c r="CX36" s="241">
        <v>36</v>
      </c>
      <c r="CY36" s="217">
        <v>0</v>
      </c>
      <c r="CZ36" s="219">
        <v>0</v>
      </c>
      <c r="DA36" s="219">
        <v>0</v>
      </c>
      <c r="DB36" s="220">
        <v>1</v>
      </c>
      <c r="DC36" s="218">
        <v>7</v>
      </c>
      <c r="DD36" s="218">
        <v>8</v>
      </c>
      <c r="DE36" s="218">
        <v>10</v>
      </c>
      <c r="DF36" s="219">
        <v>10</v>
      </c>
      <c r="DG36" s="240">
        <v>36</v>
      </c>
      <c r="DH36" s="242">
        <v>36</v>
      </c>
      <c r="DI36" s="222">
        <v>0</v>
      </c>
      <c r="DJ36" s="219">
        <v>0</v>
      </c>
      <c r="DK36" s="219">
        <v>0</v>
      </c>
      <c r="DL36" s="220">
        <v>0</v>
      </c>
      <c r="DM36" s="218">
        <v>0</v>
      </c>
      <c r="DN36" s="218">
        <v>0</v>
      </c>
      <c r="DO36" s="218">
        <v>0</v>
      </c>
      <c r="DP36" s="219">
        <v>0</v>
      </c>
      <c r="DQ36" s="240">
        <v>0</v>
      </c>
      <c r="DR36" s="242">
        <v>0</v>
      </c>
      <c r="DS36" s="222">
        <v>0</v>
      </c>
      <c r="DT36" s="219">
        <v>0</v>
      </c>
      <c r="DU36" s="219">
        <v>0</v>
      </c>
      <c r="DV36" s="220">
        <v>11</v>
      </c>
      <c r="DW36" s="218">
        <v>25</v>
      </c>
      <c r="DX36" s="218">
        <v>54</v>
      </c>
      <c r="DY36" s="218">
        <v>53</v>
      </c>
      <c r="DZ36" s="219">
        <v>37</v>
      </c>
      <c r="EA36" s="240">
        <v>180</v>
      </c>
      <c r="EB36" s="242">
        <v>180</v>
      </c>
      <c r="EC36" s="239"/>
    </row>
    <row r="37" spans="2:133" ht="21" customHeight="1" x14ac:dyDescent="0.2">
      <c r="B37" s="106" t="s">
        <v>34</v>
      </c>
      <c r="C37" s="217">
        <v>0</v>
      </c>
      <c r="D37" s="219">
        <v>0</v>
      </c>
      <c r="E37" s="219">
        <v>0</v>
      </c>
      <c r="F37" s="220">
        <v>1</v>
      </c>
      <c r="G37" s="218">
        <v>0</v>
      </c>
      <c r="H37" s="218">
        <v>8</v>
      </c>
      <c r="I37" s="218">
        <v>28</v>
      </c>
      <c r="J37" s="219">
        <v>10</v>
      </c>
      <c r="K37" s="240">
        <v>47</v>
      </c>
      <c r="L37" s="241">
        <v>47</v>
      </c>
      <c r="M37" s="217">
        <v>0</v>
      </c>
      <c r="N37" s="219">
        <v>0</v>
      </c>
      <c r="O37" s="240">
        <v>0</v>
      </c>
      <c r="P37" s="220">
        <v>1</v>
      </c>
      <c r="Q37" s="218">
        <v>0</v>
      </c>
      <c r="R37" s="218">
        <v>8</v>
      </c>
      <c r="S37" s="218">
        <v>28</v>
      </c>
      <c r="T37" s="219">
        <v>10</v>
      </c>
      <c r="U37" s="240">
        <v>47</v>
      </c>
      <c r="V37" s="242">
        <v>47</v>
      </c>
      <c r="W37" s="222">
        <v>0</v>
      </c>
      <c r="X37" s="219">
        <v>0</v>
      </c>
      <c r="Y37" s="240">
        <v>0</v>
      </c>
      <c r="Z37" s="222">
        <v>0</v>
      </c>
      <c r="AA37" s="218">
        <v>0</v>
      </c>
      <c r="AB37" s="218">
        <v>0</v>
      </c>
      <c r="AC37" s="218">
        <v>0</v>
      </c>
      <c r="AD37" s="219">
        <v>0</v>
      </c>
      <c r="AE37" s="240">
        <v>0</v>
      </c>
      <c r="AF37" s="221">
        <v>0</v>
      </c>
      <c r="AG37" s="222">
        <v>0</v>
      </c>
      <c r="AH37" s="219">
        <v>0</v>
      </c>
      <c r="AI37" s="240">
        <v>0</v>
      </c>
      <c r="AJ37" s="222">
        <v>5</v>
      </c>
      <c r="AK37" s="218">
        <v>13</v>
      </c>
      <c r="AL37" s="218">
        <v>7</v>
      </c>
      <c r="AM37" s="218">
        <v>8</v>
      </c>
      <c r="AN37" s="219">
        <v>5</v>
      </c>
      <c r="AO37" s="240">
        <v>38</v>
      </c>
      <c r="AP37" s="221">
        <v>38</v>
      </c>
      <c r="AQ37" s="222">
        <v>0</v>
      </c>
      <c r="AR37" s="219">
        <v>0</v>
      </c>
      <c r="AS37" s="240">
        <v>0</v>
      </c>
      <c r="AT37" s="220">
        <v>5</v>
      </c>
      <c r="AU37" s="218">
        <v>13</v>
      </c>
      <c r="AV37" s="218">
        <v>7</v>
      </c>
      <c r="AW37" s="218">
        <v>8</v>
      </c>
      <c r="AX37" s="219">
        <v>5</v>
      </c>
      <c r="AY37" s="240">
        <v>38</v>
      </c>
      <c r="AZ37" s="241">
        <v>38</v>
      </c>
      <c r="BA37" s="217">
        <v>0</v>
      </c>
      <c r="BB37" s="219">
        <v>0</v>
      </c>
      <c r="BC37" s="219">
        <v>0</v>
      </c>
      <c r="BD37" s="220">
        <v>0</v>
      </c>
      <c r="BE37" s="218">
        <v>0</v>
      </c>
      <c r="BF37" s="218">
        <v>0</v>
      </c>
      <c r="BG37" s="218">
        <v>0</v>
      </c>
      <c r="BH37" s="219">
        <v>0</v>
      </c>
      <c r="BI37" s="240">
        <v>0</v>
      </c>
      <c r="BJ37" s="242">
        <v>0</v>
      </c>
      <c r="BK37" s="222">
        <v>0</v>
      </c>
      <c r="BL37" s="219">
        <v>0</v>
      </c>
      <c r="BM37" s="219">
        <v>0</v>
      </c>
      <c r="BN37" s="220">
        <v>0</v>
      </c>
      <c r="BO37" s="218">
        <v>0</v>
      </c>
      <c r="BP37" s="218">
        <v>0</v>
      </c>
      <c r="BQ37" s="218">
        <v>0</v>
      </c>
      <c r="BR37" s="219">
        <v>0</v>
      </c>
      <c r="BS37" s="240">
        <v>0</v>
      </c>
      <c r="BT37" s="241">
        <v>0</v>
      </c>
      <c r="BU37" s="217">
        <v>0</v>
      </c>
      <c r="BV37" s="219">
        <v>0</v>
      </c>
      <c r="BW37" s="219">
        <v>0</v>
      </c>
      <c r="BX37" s="220">
        <v>0</v>
      </c>
      <c r="BY37" s="218">
        <v>0</v>
      </c>
      <c r="BZ37" s="218">
        <v>0</v>
      </c>
      <c r="CA37" s="218">
        <v>0</v>
      </c>
      <c r="CB37" s="219">
        <v>0</v>
      </c>
      <c r="CC37" s="240">
        <v>0</v>
      </c>
      <c r="CD37" s="242">
        <v>0</v>
      </c>
      <c r="CE37" s="222">
        <v>0</v>
      </c>
      <c r="CF37" s="219">
        <v>0</v>
      </c>
      <c r="CG37" s="219">
        <v>0</v>
      </c>
      <c r="CH37" s="220">
        <v>0</v>
      </c>
      <c r="CI37" s="218">
        <v>0</v>
      </c>
      <c r="CJ37" s="218">
        <v>0</v>
      </c>
      <c r="CK37" s="218">
        <v>0</v>
      </c>
      <c r="CL37" s="219">
        <v>0</v>
      </c>
      <c r="CM37" s="240">
        <v>0</v>
      </c>
      <c r="CN37" s="242">
        <v>0</v>
      </c>
      <c r="CO37" s="222">
        <v>0</v>
      </c>
      <c r="CP37" s="219">
        <v>0</v>
      </c>
      <c r="CQ37" s="219">
        <v>0</v>
      </c>
      <c r="CR37" s="220">
        <v>0</v>
      </c>
      <c r="CS37" s="218">
        <v>0</v>
      </c>
      <c r="CT37" s="218">
        <v>0</v>
      </c>
      <c r="CU37" s="218">
        <v>0</v>
      </c>
      <c r="CV37" s="219">
        <v>2</v>
      </c>
      <c r="CW37" s="240">
        <v>2</v>
      </c>
      <c r="CX37" s="241">
        <v>2</v>
      </c>
      <c r="CY37" s="217">
        <v>0</v>
      </c>
      <c r="CZ37" s="219">
        <v>0</v>
      </c>
      <c r="DA37" s="219">
        <v>0</v>
      </c>
      <c r="DB37" s="220">
        <v>0</v>
      </c>
      <c r="DC37" s="218">
        <v>0</v>
      </c>
      <c r="DD37" s="218">
        <v>0</v>
      </c>
      <c r="DE37" s="218">
        <v>0</v>
      </c>
      <c r="DF37" s="219">
        <v>1</v>
      </c>
      <c r="DG37" s="240">
        <v>1</v>
      </c>
      <c r="DH37" s="242">
        <v>1</v>
      </c>
      <c r="DI37" s="222">
        <v>0</v>
      </c>
      <c r="DJ37" s="219">
        <v>0</v>
      </c>
      <c r="DK37" s="219">
        <v>0</v>
      </c>
      <c r="DL37" s="220">
        <v>0</v>
      </c>
      <c r="DM37" s="218">
        <v>0</v>
      </c>
      <c r="DN37" s="218">
        <v>0</v>
      </c>
      <c r="DO37" s="218">
        <v>0</v>
      </c>
      <c r="DP37" s="219">
        <v>1</v>
      </c>
      <c r="DQ37" s="240">
        <v>1</v>
      </c>
      <c r="DR37" s="242">
        <v>1</v>
      </c>
      <c r="DS37" s="222">
        <v>0</v>
      </c>
      <c r="DT37" s="219">
        <v>0</v>
      </c>
      <c r="DU37" s="219">
        <v>0</v>
      </c>
      <c r="DV37" s="220">
        <v>6</v>
      </c>
      <c r="DW37" s="218">
        <v>13</v>
      </c>
      <c r="DX37" s="218">
        <v>15</v>
      </c>
      <c r="DY37" s="218">
        <v>36</v>
      </c>
      <c r="DZ37" s="219">
        <v>17</v>
      </c>
      <c r="EA37" s="240">
        <v>87</v>
      </c>
      <c r="EB37" s="242">
        <v>87</v>
      </c>
      <c r="EC37" s="239"/>
    </row>
    <row r="38" spans="2:133" ht="21" customHeight="1" x14ac:dyDescent="0.2">
      <c r="B38" s="106" t="s">
        <v>35</v>
      </c>
      <c r="C38" s="217">
        <v>0</v>
      </c>
      <c r="D38" s="219">
        <v>0</v>
      </c>
      <c r="E38" s="219">
        <v>0</v>
      </c>
      <c r="F38" s="220">
        <v>1</v>
      </c>
      <c r="G38" s="218">
        <v>1</v>
      </c>
      <c r="H38" s="218">
        <v>21</v>
      </c>
      <c r="I38" s="218">
        <v>53</v>
      </c>
      <c r="J38" s="219">
        <v>28</v>
      </c>
      <c r="K38" s="240">
        <v>104</v>
      </c>
      <c r="L38" s="241">
        <v>104</v>
      </c>
      <c r="M38" s="217">
        <v>0</v>
      </c>
      <c r="N38" s="219">
        <v>0</v>
      </c>
      <c r="O38" s="240">
        <v>0</v>
      </c>
      <c r="P38" s="220">
        <v>1</v>
      </c>
      <c r="Q38" s="218">
        <v>1</v>
      </c>
      <c r="R38" s="218">
        <v>21</v>
      </c>
      <c r="S38" s="218">
        <v>53</v>
      </c>
      <c r="T38" s="219">
        <v>28</v>
      </c>
      <c r="U38" s="240">
        <v>104</v>
      </c>
      <c r="V38" s="242">
        <v>104</v>
      </c>
      <c r="W38" s="222">
        <v>0</v>
      </c>
      <c r="X38" s="219">
        <v>0</v>
      </c>
      <c r="Y38" s="240">
        <v>0</v>
      </c>
      <c r="Z38" s="222">
        <v>0</v>
      </c>
      <c r="AA38" s="218">
        <v>0</v>
      </c>
      <c r="AB38" s="218">
        <v>0</v>
      </c>
      <c r="AC38" s="218">
        <v>0</v>
      </c>
      <c r="AD38" s="219">
        <v>0</v>
      </c>
      <c r="AE38" s="240">
        <v>0</v>
      </c>
      <c r="AF38" s="221">
        <v>0</v>
      </c>
      <c r="AG38" s="222">
        <v>0</v>
      </c>
      <c r="AH38" s="219">
        <v>0</v>
      </c>
      <c r="AI38" s="240">
        <v>0</v>
      </c>
      <c r="AJ38" s="222">
        <v>15</v>
      </c>
      <c r="AK38" s="218">
        <v>35</v>
      </c>
      <c r="AL38" s="218">
        <v>25</v>
      </c>
      <c r="AM38" s="218">
        <v>15</v>
      </c>
      <c r="AN38" s="219">
        <v>9</v>
      </c>
      <c r="AO38" s="240">
        <v>99</v>
      </c>
      <c r="AP38" s="221">
        <v>99</v>
      </c>
      <c r="AQ38" s="222">
        <v>0</v>
      </c>
      <c r="AR38" s="219">
        <v>0</v>
      </c>
      <c r="AS38" s="240">
        <v>0</v>
      </c>
      <c r="AT38" s="220">
        <v>15</v>
      </c>
      <c r="AU38" s="218">
        <v>35</v>
      </c>
      <c r="AV38" s="218">
        <v>25</v>
      </c>
      <c r="AW38" s="218">
        <v>15</v>
      </c>
      <c r="AX38" s="219">
        <v>9</v>
      </c>
      <c r="AY38" s="240">
        <v>99</v>
      </c>
      <c r="AZ38" s="241">
        <v>99</v>
      </c>
      <c r="BA38" s="217">
        <v>0</v>
      </c>
      <c r="BB38" s="219">
        <v>0</v>
      </c>
      <c r="BC38" s="219">
        <v>0</v>
      </c>
      <c r="BD38" s="220">
        <v>0</v>
      </c>
      <c r="BE38" s="218">
        <v>0</v>
      </c>
      <c r="BF38" s="218">
        <v>0</v>
      </c>
      <c r="BG38" s="218">
        <v>0</v>
      </c>
      <c r="BH38" s="219">
        <v>0</v>
      </c>
      <c r="BI38" s="240">
        <v>0</v>
      </c>
      <c r="BJ38" s="242">
        <v>0</v>
      </c>
      <c r="BK38" s="222">
        <v>0</v>
      </c>
      <c r="BL38" s="219">
        <v>0</v>
      </c>
      <c r="BM38" s="219">
        <v>0</v>
      </c>
      <c r="BN38" s="220">
        <v>0</v>
      </c>
      <c r="BO38" s="218">
        <v>0</v>
      </c>
      <c r="BP38" s="218">
        <v>0</v>
      </c>
      <c r="BQ38" s="218">
        <v>0</v>
      </c>
      <c r="BR38" s="219">
        <v>0</v>
      </c>
      <c r="BS38" s="240">
        <v>0</v>
      </c>
      <c r="BT38" s="241">
        <v>0</v>
      </c>
      <c r="BU38" s="217">
        <v>0</v>
      </c>
      <c r="BV38" s="219">
        <v>0</v>
      </c>
      <c r="BW38" s="219">
        <v>0</v>
      </c>
      <c r="BX38" s="220">
        <v>0</v>
      </c>
      <c r="BY38" s="218">
        <v>0</v>
      </c>
      <c r="BZ38" s="218">
        <v>0</v>
      </c>
      <c r="CA38" s="218">
        <v>0</v>
      </c>
      <c r="CB38" s="219">
        <v>0</v>
      </c>
      <c r="CC38" s="240">
        <v>0</v>
      </c>
      <c r="CD38" s="242">
        <v>0</v>
      </c>
      <c r="CE38" s="222">
        <v>0</v>
      </c>
      <c r="CF38" s="219">
        <v>0</v>
      </c>
      <c r="CG38" s="219">
        <v>0</v>
      </c>
      <c r="CH38" s="220">
        <v>0</v>
      </c>
      <c r="CI38" s="218">
        <v>0</v>
      </c>
      <c r="CJ38" s="218">
        <v>0</v>
      </c>
      <c r="CK38" s="218">
        <v>0</v>
      </c>
      <c r="CL38" s="219">
        <v>0</v>
      </c>
      <c r="CM38" s="240">
        <v>0</v>
      </c>
      <c r="CN38" s="242">
        <v>0</v>
      </c>
      <c r="CO38" s="222">
        <v>0</v>
      </c>
      <c r="CP38" s="219">
        <v>0</v>
      </c>
      <c r="CQ38" s="219">
        <v>0</v>
      </c>
      <c r="CR38" s="220">
        <v>2</v>
      </c>
      <c r="CS38" s="218">
        <v>3</v>
      </c>
      <c r="CT38" s="218">
        <v>3</v>
      </c>
      <c r="CU38" s="218">
        <v>4</v>
      </c>
      <c r="CV38" s="219">
        <v>7</v>
      </c>
      <c r="CW38" s="240">
        <v>19</v>
      </c>
      <c r="CX38" s="241">
        <v>19</v>
      </c>
      <c r="CY38" s="217">
        <v>0</v>
      </c>
      <c r="CZ38" s="219">
        <v>0</v>
      </c>
      <c r="DA38" s="219">
        <v>0</v>
      </c>
      <c r="DB38" s="220">
        <v>1</v>
      </c>
      <c r="DC38" s="218">
        <v>3</v>
      </c>
      <c r="DD38" s="218">
        <v>3</v>
      </c>
      <c r="DE38" s="218">
        <v>4</v>
      </c>
      <c r="DF38" s="219">
        <v>7</v>
      </c>
      <c r="DG38" s="240">
        <v>18</v>
      </c>
      <c r="DH38" s="242">
        <v>18</v>
      </c>
      <c r="DI38" s="222">
        <v>0</v>
      </c>
      <c r="DJ38" s="219">
        <v>0</v>
      </c>
      <c r="DK38" s="219">
        <v>0</v>
      </c>
      <c r="DL38" s="220">
        <v>1</v>
      </c>
      <c r="DM38" s="218">
        <v>0</v>
      </c>
      <c r="DN38" s="218">
        <v>0</v>
      </c>
      <c r="DO38" s="218">
        <v>0</v>
      </c>
      <c r="DP38" s="219">
        <v>0</v>
      </c>
      <c r="DQ38" s="240">
        <v>1</v>
      </c>
      <c r="DR38" s="242">
        <v>1</v>
      </c>
      <c r="DS38" s="222">
        <v>0</v>
      </c>
      <c r="DT38" s="219">
        <v>0</v>
      </c>
      <c r="DU38" s="219">
        <v>0</v>
      </c>
      <c r="DV38" s="220">
        <v>18</v>
      </c>
      <c r="DW38" s="218">
        <v>39</v>
      </c>
      <c r="DX38" s="218">
        <v>49</v>
      </c>
      <c r="DY38" s="218">
        <v>72</v>
      </c>
      <c r="DZ38" s="219">
        <v>44</v>
      </c>
      <c r="EA38" s="240">
        <v>222</v>
      </c>
      <c r="EB38" s="242">
        <v>222</v>
      </c>
      <c r="EC38" s="239"/>
    </row>
    <row r="39" spans="2:133" ht="21" customHeight="1" x14ac:dyDescent="0.2">
      <c r="B39" s="106" t="s">
        <v>36</v>
      </c>
      <c r="C39" s="217">
        <v>0</v>
      </c>
      <c r="D39" s="219">
        <v>0</v>
      </c>
      <c r="E39" s="219">
        <v>0</v>
      </c>
      <c r="F39" s="220">
        <v>0</v>
      </c>
      <c r="G39" s="218">
        <v>5</v>
      </c>
      <c r="H39" s="218">
        <v>71</v>
      </c>
      <c r="I39" s="218">
        <v>80</v>
      </c>
      <c r="J39" s="219">
        <v>56</v>
      </c>
      <c r="K39" s="240">
        <v>212</v>
      </c>
      <c r="L39" s="241">
        <v>212</v>
      </c>
      <c r="M39" s="217">
        <v>0</v>
      </c>
      <c r="N39" s="219">
        <v>0</v>
      </c>
      <c r="O39" s="240">
        <v>0</v>
      </c>
      <c r="P39" s="220">
        <v>0</v>
      </c>
      <c r="Q39" s="218">
        <v>5</v>
      </c>
      <c r="R39" s="218">
        <v>70</v>
      </c>
      <c r="S39" s="218">
        <v>76</v>
      </c>
      <c r="T39" s="219">
        <v>54</v>
      </c>
      <c r="U39" s="240">
        <v>205</v>
      </c>
      <c r="V39" s="242">
        <v>205</v>
      </c>
      <c r="W39" s="222">
        <v>0</v>
      </c>
      <c r="X39" s="219">
        <v>0</v>
      </c>
      <c r="Y39" s="240">
        <v>0</v>
      </c>
      <c r="Z39" s="222">
        <v>0</v>
      </c>
      <c r="AA39" s="218">
        <v>0</v>
      </c>
      <c r="AB39" s="218">
        <v>1</v>
      </c>
      <c r="AC39" s="218">
        <v>4</v>
      </c>
      <c r="AD39" s="219">
        <v>2</v>
      </c>
      <c r="AE39" s="240">
        <v>7</v>
      </c>
      <c r="AF39" s="221">
        <v>7</v>
      </c>
      <c r="AG39" s="222">
        <v>0</v>
      </c>
      <c r="AH39" s="219">
        <v>0</v>
      </c>
      <c r="AI39" s="240">
        <v>0</v>
      </c>
      <c r="AJ39" s="222">
        <v>11</v>
      </c>
      <c r="AK39" s="218">
        <v>22</v>
      </c>
      <c r="AL39" s="218">
        <v>39</v>
      </c>
      <c r="AM39" s="218">
        <v>46</v>
      </c>
      <c r="AN39" s="219">
        <v>16</v>
      </c>
      <c r="AO39" s="240">
        <v>134</v>
      </c>
      <c r="AP39" s="221">
        <v>134</v>
      </c>
      <c r="AQ39" s="222">
        <v>0</v>
      </c>
      <c r="AR39" s="219">
        <v>0</v>
      </c>
      <c r="AS39" s="240">
        <v>0</v>
      </c>
      <c r="AT39" s="220">
        <v>11</v>
      </c>
      <c r="AU39" s="218">
        <v>22</v>
      </c>
      <c r="AV39" s="218">
        <v>39</v>
      </c>
      <c r="AW39" s="218">
        <v>43</v>
      </c>
      <c r="AX39" s="219">
        <v>16</v>
      </c>
      <c r="AY39" s="240">
        <v>131</v>
      </c>
      <c r="AZ39" s="241">
        <v>131</v>
      </c>
      <c r="BA39" s="217">
        <v>0</v>
      </c>
      <c r="BB39" s="219">
        <v>0</v>
      </c>
      <c r="BC39" s="219">
        <v>0</v>
      </c>
      <c r="BD39" s="220">
        <v>0</v>
      </c>
      <c r="BE39" s="218">
        <v>0</v>
      </c>
      <c r="BF39" s="218">
        <v>0</v>
      </c>
      <c r="BG39" s="218">
        <v>3</v>
      </c>
      <c r="BH39" s="219">
        <v>0</v>
      </c>
      <c r="BI39" s="240">
        <v>3</v>
      </c>
      <c r="BJ39" s="242">
        <v>3</v>
      </c>
      <c r="BK39" s="222">
        <v>0</v>
      </c>
      <c r="BL39" s="219">
        <v>0</v>
      </c>
      <c r="BM39" s="219">
        <v>0</v>
      </c>
      <c r="BN39" s="220">
        <v>0</v>
      </c>
      <c r="BO39" s="218">
        <v>0</v>
      </c>
      <c r="BP39" s="218">
        <v>0</v>
      </c>
      <c r="BQ39" s="218">
        <v>0</v>
      </c>
      <c r="BR39" s="219">
        <v>0</v>
      </c>
      <c r="BS39" s="240">
        <v>0</v>
      </c>
      <c r="BT39" s="241">
        <v>0</v>
      </c>
      <c r="BU39" s="217">
        <v>0</v>
      </c>
      <c r="BV39" s="219">
        <v>0</v>
      </c>
      <c r="BW39" s="219">
        <v>0</v>
      </c>
      <c r="BX39" s="220">
        <v>0</v>
      </c>
      <c r="BY39" s="218">
        <v>0</v>
      </c>
      <c r="BZ39" s="218">
        <v>0</v>
      </c>
      <c r="CA39" s="218">
        <v>0</v>
      </c>
      <c r="CB39" s="219">
        <v>0</v>
      </c>
      <c r="CC39" s="240">
        <v>0</v>
      </c>
      <c r="CD39" s="242">
        <v>0</v>
      </c>
      <c r="CE39" s="222">
        <v>0</v>
      </c>
      <c r="CF39" s="219">
        <v>0</v>
      </c>
      <c r="CG39" s="219">
        <v>0</v>
      </c>
      <c r="CH39" s="220">
        <v>0</v>
      </c>
      <c r="CI39" s="218">
        <v>0</v>
      </c>
      <c r="CJ39" s="218">
        <v>0</v>
      </c>
      <c r="CK39" s="218">
        <v>0</v>
      </c>
      <c r="CL39" s="219">
        <v>0</v>
      </c>
      <c r="CM39" s="240">
        <v>0</v>
      </c>
      <c r="CN39" s="242">
        <v>0</v>
      </c>
      <c r="CO39" s="222">
        <v>0</v>
      </c>
      <c r="CP39" s="219">
        <v>0</v>
      </c>
      <c r="CQ39" s="219">
        <v>0</v>
      </c>
      <c r="CR39" s="220">
        <v>0</v>
      </c>
      <c r="CS39" s="218">
        <v>0</v>
      </c>
      <c r="CT39" s="218">
        <v>0</v>
      </c>
      <c r="CU39" s="218">
        <v>5</v>
      </c>
      <c r="CV39" s="219">
        <v>6</v>
      </c>
      <c r="CW39" s="240">
        <v>11</v>
      </c>
      <c r="CX39" s="241">
        <v>11</v>
      </c>
      <c r="CY39" s="217">
        <v>0</v>
      </c>
      <c r="CZ39" s="219">
        <v>0</v>
      </c>
      <c r="DA39" s="219">
        <v>0</v>
      </c>
      <c r="DB39" s="220">
        <v>0</v>
      </c>
      <c r="DC39" s="218">
        <v>0</v>
      </c>
      <c r="DD39" s="218">
        <v>0</v>
      </c>
      <c r="DE39" s="218">
        <v>4</v>
      </c>
      <c r="DF39" s="219">
        <v>6</v>
      </c>
      <c r="DG39" s="240">
        <v>10</v>
      </c>
      <c r="DH39" s="242">
        <v>10</v>
      </c>
      <c r="DI39" s="222">
        <v>0</v>
      </c>
      <c r="DJ39" s="219">
        <v>0</v>
      </c>
      <c r="DK39" s="219">
        <v>0</v>
      </c>
      <c r="DL39" s="220">
        <v>0</v>
      </c>
      <c r="DM39" s="218">
        <v>0</v>
      </c>
      <c r="DN39" s="218">
        <v>0</v>
      </c>
      <c r="DO39" s="218">
        <v>1</v>
      </c>
      <c r="DP39" s="219">
        <v>0</v>
      </c>
      <c r="DQ39" s="240">
        <v>1</v>
      </c>
      <c r="DR39" s="242">
        <v>1</v>
      </c>
      <c r="DS39" s="222">
        <v>0</v>
      </c>
      <c r="DT39" s="219">
        <v>0</v>
      </c>
      <c r="DU39" s="219">
        <v>0</v>
      </c>
      <c r="DV39" s="220">
        <v>11</v>
      </c>
      <c r="DW39" s="218">
        <v>27</v>
      </c>
      <c r="DX39" s="218">
        <v>109</v>
      </c>
      <c r="DY39" s="218">
        <v>131</v>
      </c>
      <c r="DZ39" s="219">
        <v>78</v>
      </c>
      <c r="EA39" s="240">
        <v>356</v>
      </c>
      <c r="EB39" s="242">
        <v>356</v>
      </c>
      <c r="EC39" s="239"/>
    </row>
    <row r="40" spans="2:133" ht="21" customHeight="1" thickBot="1" x14ac:dyDescent="0.25">
      <c r="B40" s="108" t="s">
        <v>37</v>
      </c>
      <c r="C40" s="223">
        <v>0</v>
      </c>
      <c r="D40" s="225">
        <v>0</v>
      </c>
      <c r="E40" s="225">
        <v>0</v>
      </c>
      <c r="F40" s="226">
        <v>0</v>
      </c>
      <c r="G40" s="224">
        <v>0</v>
      </c>
      <c r="H40" s="224">
        <v>5</v>
      </c>
      <c r="I40" s="224">
        <v>8</v>
      </c>
      <c r="J40" s="225">
        <v>6</v>
      </c>
      <c r="K40" s="243">
        <v>19</v>
      </c>
      <c r="L40" s="244">
        <v>19</v>
      </c>
      <c r="M40" s="223">
        <v>0</v>
      </c>
      <c r="N40" s="225">
        <v>0</v>
      </c>
      <c r="O40" s="243">
        <v>0</v>
      </c>
      <c r="P40" s="226">
        <v>0</v>
      </c>
      <c r="Q40" s="224">
        <v>0</v>
      </c>
      <c r="R40" s="224">
        <v>5</v>
      </c>
      <c r="S40" s="224">
        <v>8</v>
      </c>
      <c r="T40" s="225">
        <v>6</v>
      </c>
      <c r="U40" s="243">
        <v>19</v>
      </c>
      <c r="V40" s="245">
        <v>19</v>
      </c>
      <c r="W40" s="228">
        <v>0</v>
      </c>
      <c r="X40" s="225">
        <v>0</v>
      </c>
      <c r="Y40" s="243">
        <v>0</v>
      </c>
      <c r="Z40" s="228">
        <v>0</v>
      </c>
      <c r="AA40" s="224">
        <v>0</v>
      </c>
      <c r="AB40" s="224">
        <v>0</v>
      </c>
      <c r="AC40" s="224">
        <v>0</v>
      </c>
      <c r="AD40" s="225">
        <v>0</v>
      </c>
      <c r="AE40" s="243">
        <v>0</v>
      </c>
      <c r="AF40" s="227">
        <v>0</v>
      </c>
      <c r="AG40" s="228">
        <v>0</v>
      </c>
      <c r="AH40" s="225">
        <v>0</v>
      </c>
      <c r="AI40" s="243">
        <v>0</v>
      </c>
      <c r="AJ40" s="228">
        <v>1</v>
      </c>
      <c r="AK40" s="224">
        <v>2</v>
      </c>
      <c r="AL40" s="224">
        <v>6</v>
      </c>
      <c r="AM40" s="224">
        <v>3</v>
      </c>
      <c r="AN40" s="225">
        <v>5</v>
      </c>
      <c r="AO40" s="243">
        <v>17</v>
      </c>
      <c r="AP40" s="227">
        <v>17</v>
      </c>
      <c r="AQ40" s="228">
        <v>0</v>
      </c>
      <c r="AR40" s="225">
        <v>0</v>
      </c>
      <c r="AS40" s="243">
        <v>0</v>
      </c>
      <c r="AT40" s="226">
        <v>1</v>
      </c>
      <c r="AU40" s="224">
        <v>2</v>
      </c>
      <c r="AV40" s="224">
        <v>6</v>
      </c>
      <c r="AW40" s="224">
        <v>3</v>
      </c>
      <c r="AX40" s="225">
        <v>5</v>
      </c>
      <c r="AY40" s="243">
        <v>17</v>
      </c>
      <c r="AZ40" s="244">
        <v>17</v>
      </c>
      <c r="BA40" s="223">
        <v>0</v>
      </c>
      <c r="BB40" s="225">
        <v>0</v>
      </c>
      <c r="BC40" s="225">
        <v>0</v>
      </c>
      <c r="BD40" s="226">
        <v>0</v>
      </c>
      <c r="BE40" s="224">
        <v>0</v>
      </c>
      <c r="BF40" s="224">
        <v>0</v>
      </c>
      <c r="BG40" s="224">
        <v>0</v>
      </c>
      <c r="BH40" s="225">
        <v>0</v>
      </c>
      <c r="BI40" s="243">
        <v>0</v>
      </c>
      <c r="BJ40" s="245">
        <v>0</v>
      </c>
      <c r="BK40" s="228">
        <v>0</v>
      </c>
      <c r="BL40" s="225">
        <v>0</v>
      </c>
      <c r="BM40" s="225">
        <v>0</v>
      </c>
      <c r="BN40" s="226">
        <v>0</v>
      </c>
      <c r="BO40" s="224">
        <v>0</v>
      </c>
      <c r="BP40" s="224">
        <v>0</v>
      </c>
      <c r="BQ40" s="224">
        <v>0</v>
      </c>
      <c r="BR40" s="225">
        <v>0</v>
      </c>
      <c r="BS40" s="243">
        <v>0</v>
      </c>
      <c r="BT40" s="244">
        <v>0</v>
      </c>
      <c r="BU40" s="223">
        <v>0</v>
      </c>
      <c r="BV40" s="225">
        <v>0</v>
      </c>
      <c r="BW40" s="225">
        <v>0</v>
      </c>
      <c r="BX40" s="226">
        <v>0</v>
      </c>
      <c r="BY40" s="224">
        <v>0</v>
      </c>
      <c r="BZ40" s="224">
        <v>0</v>
      </c>
      <c r="CA40" s="224">
        <v>0</v>
      </c>
      <c r="CB40" s="225">
        <v>0</v>
      </c>
      <c r="CC40" s="243">
        <v>0</v>
      </c>
      <c r="CD40" s="245">
        <v>0</v>
      </c>
      <c r="CE40" s="228">
        <v>0</v>
      </c>
      <c r="CF40" s="225">
        <v>0</v>
      </c>
      <c r="CG40" s="225">
        <v>0</v>
      </c>
      <c r="CH40" s="226">
        <v>0</v>
      </c>
      <c r="CI40" s="224">
        <v>0</v>
      </c>
      <c r="CJ40" s="224">
        <v>0</v>
      </c>
      <c r="CK40" s="224">
        <v>0</v>
      </c>
      <c r="CL40" s="225">
        <v>0</v>
      </c>
      <c r="CM40" s="243">
        <v>0</v>
      </c>
      <c r="CN40" s="245">
        <v>0</v>
      </c>
      <c r="CO40" s="228">
        <v>0</v>
      </c>
      <c r="CP40" s="225">
        <v>0</v>
      </c>
      <c r="CQ40" s="225">
        <v>0</v>
      </c>
      <c r="CR40" s="226">
        <v>0</v>
      </c>
      <c r="CS40" s="224">
        <v>0</v>
      </c>
      <c r="CT40" s="224">
        <v>0</v>
      </c>
      <c r="CU40" s="224">
        <v>0</v>
      </c>
      <c r="CV40" s="225">
        <v>1</v>
      </c>
      <c r="CW40" s="243">
        <v>1</v>
      </c>
      <c r="CX40" s="244">
        <v>1</v>
      </c>
      <c r="CY40" s="223">
        <v>0</v>
      </c>
      <c r="CZ40" s="225">
        <v>0</v>
      </c>
      <c r="DA40" s="225">
        <v>0</v>
      </c>
      <c r="DB40" s="226">
        <v>0</v>
      </c>
      <c r="DC40" s="224">
        <v>0</v>
      </c>
      <c r="DD40" s="224">
        <v>0</v>
      </c>
      <c r="DE40" s="224">
        <v>0</v>
      </c>
      <c r="DF40" s="225">
        <v>1</v>
      </c>
      <c r="DG40" s="243">
        <v>1</v>
      </c>
      <c r="DH40" s="245">
        <v>1</v>
      </c>
      <c r="DI40" s="228">
        <v>0</v>
      </c>
      <c r="DJ40" s="225">
        <v>0</v>
      </c>
      <c r="DK40" s="225">
        <v>0</v>
      </c>
      <c r="DL40" s="226">
        <v>0</v>
      </c>
      <c r="DM40" s="224">
        <v>0</v>
      </c>
      <c r="DN40" s="224">
        <v>0</v>
      </c>
      <c r="DO40" s="224">
        <v>0</v>
      </c>
      <c r="DP40" s="225">
        <v>0</v>
      </c>
      <c r="DQ40" s="243">
        <v>0</v>
      </c>
      <c r="DR40" s="245">
        <v>0</v>
      </c>
      <c r="DS40" s="228">
        <v>0</v>
      </c>
      <c r="DT40" s="225">
        <v>0</v>
      </c>
      <c r="DU40" s="225">
        <v>0</v>
      </c>
      <c r="DV40" s="226">
        <v>1</v>
      </c>
      <c r="DW40" s="224">
        <v>2</v>
      </c>
      <c r="DX40" s="224">
        <v>11</v>
      </c>
      <c r="DY40" s="224">
        <v>11</v>
      </c>
      <c r="DZ40" s="225">
        <v>12</v>
      </c>
      <c r="EA40" s="243">
        <v>37</v>
      </c>
      <c r="EB40" s="245">
        <v>37</v>
      </c>
      <c r="EC40" s="239"/>
    </row>
    <row r="41" spans="2:133" x14ac:dyDescent="0.2">
      <c r="C41" s="246"/>
      <c r="D41" s="246"/>
      <c r="E41" s="246"/>
      <c r="F41" s="246"/>
      <c r="G41" s="246"/>
      <c r="H41" s="246"/>
      <c r="I41" s="246"/>
      <c r="J41" s="246"/>
      <c r="K41" s="246"/>
      <c r="L41" s="246"/>
      <c r="M41" s="246"/>
      <c r="N41" s="246"/>
      <c r="O41" s="246"/>
      <c r="P41" s="246"/>
      <c r="Q41" s="246"/>
      <c r="R41" s="246"/>
      <c r="S41" s="246"/>
      <c r="T41" s="246"/>
      <c r="U41" s="246"/>
      <c r="V41" s="246"/>
      <c r="W41" s="246"/>
      <c r="X41" s="246"/>
      <c r="Y41" s="246"/>
      <c r="Z41" s="246"/>
      <c r="AA41" s="246"/>
      <c r="AB41" s="246"/>
      <c r="AC41" s="246"/>
      <c r="AD41" s="246"/>
      <c r="AE41" s="246"/>
      <c r="AF41" s="246"/>
      <c r="AG41" s="239"/>
      <c r="AH41" s="239"/>
      <c r="AI41" s="239"/>
      <c r="AJ41" s="239"/>
      <c r="AK41" s="239"/>
      <c r="AL41" s="239"/>
      <c r="AM41" s="239"/>
      <c r="AN41" s="239"/>
      <c r="AO41" s="239"/>
      <c r="AP41" s="239"/>
      <c r="AQ41" s="239"/>
      <c r="AR41" s="239"/>
      <c r="AS41" s="239"/>
      <c r="AT41" s="239"/>
      <c r="AU41" s="239"/>
      <c r="AV41" s="239"/>
      <c r="AW41" s="239"/>
      <c r="AX41" s="239"/>
      <c r="AY41" s="239"/>
      <c r="AZ41" s="239"/>
      <c r="BA41" s="239"/>
      <c r="BB41" s="239"/>
      <c r="BC41" s="239"/>
      <c r="BD41" s="239"/>
      <c r="BE41" s="239"/>
      <c r="BF41" s="239"/>
      <c r="BG41" s="239"/>
      <c r="BH41" s="239"/>
      <c r="BI41" s="239"/>
      <c r="BJ41" s="239"/>
      <c r="BK41" s="239"/>
      <c r="BL41" s="239"/>
      <c r="BM41" s="239"/>
      <c r="BN41" s="239"/>
      <c r="BO41" s="239"/>
      <c r="BP41" s="239"/>
      <c r="BQ41" s="239"/>
      <c r="BR41" s="239"/>
      <c r="BS41" s="239"/>
      <c r="BT41" s="239"/>
      <c r="BU41" s="239"/>
      <c r="BV41" s="239"/>
      <c r="BW41" s="239"/>
      <c r="BX41" s="239"/>
      <c r="BY41" s="239"/>
      <c r="BZ41" s="239"/>
      <c r="CA41" s="239"/>
      <c r="CB41" s="239"/>
      <c r="CC41" s="239"/>
      <c r="CD41" s="239"/>
      <c r="CE41" s="239"/>
      <c r="CF41" s="239"/>
      <c r="CG41" s="239"/>
      <c r="CH41" s="239"/>
      <c r="CI41" s="239"/>
      <c r="CJ41" s="239"/>
      <c r="CK41" s="239"/>
      <c r="CL41" s="239"/>
      <c r="CM41" s="239"/>
      <c r="CN41" s="239"/>
      <c r="CO41" s="239"/>
      <c r="CP41" s="239"/>
      <c r="CQ41" s="239"/>
      <c r="CR41" s="239"/>
      <c r="CS41" s="239"/>
      <c r="CT41" s="239"/>
      <c r="CU41" s="239"/>
      <c r="CV41" s="239"/>
      <c r="CW41" s="239"/>
      <c r="CX41" s="239"/>
      <c r="CY41" s="239"/>
      <c r="CZ41" s="239"/>
      <c r="DA41" s="239"/>
      <c r="DB41" s="239"/>
      <c r="DC41" s="239"/>
      <c r="DD41" s="239"/>
      <c r="DE41" s="239"/>
      <c r="DF41" s="239"/>
      <c r="DG41" s="239"/>
      <c r="DH41" s="239"/>
      <c r="DI41" s="239"/>
      <c r="DJ41" s="239"/>
      <c r="DK41" s="239"/>
      <c r="DL41" s="239"/>
      <c r="DM41" s="239"/>
      <c r="DN41" s="239"/>
      <c r="DO41" s="239"/>
      <c r="DP41" s="239"/>
      <c r="DQ41" s="239"/>
      <c r="DR41" s="239"/>
      <c r="DS41" s="239"/>
      <c r="DT41" s="239"/>
      <c r="DU41" s="239"/>
      <c r="DV41" s="239"/>
      <c r="DW41" s="239"/>
      <c r="DX41" s="239"/>
      <c r="DY41" s="239"/>
      <c r="DZ41" s="239"/>
      <c r="EA41" s="239"/>
      <c r="EB41" s="239"/>
      <c r="EC41" s="239"/>
    </row>
    <row r="42" spans="2:133" x14ac:dyDescent="0.2">
      <c r="C42" s="246"/>
      <c r="D42" s="246"/>
      <c r="E42" s="246"/>
      <c r="F42" s="246"/>
      <c r="G42" s="246"/>
      <c r="H42" s="246"/>
      <c r="I42" s="246"/>
      <c r="J42" s="246"/>
      <c r="K42" s="246"/>
      <c r="L42" s="246"/>
      <c r="M42" s="246"/>
      <c r="N42" s="246"/>
      <c r="O42" s="246"/>
      <c r="P42" s="246"/>
      <c r="Q42" s="246"/>
      <c r="R42" s="246"/>
      <c r="S42" s="246"/>
      <c r="T42" s="246"/>
      <c r="U42" s="246"/>
      <c r="V42" s="246"/>
      <c r="W42" s="246"/>
      <c r="X42" s="246"/>
      <c r="Y42" s="246"/>
      <c r="Z42" s="246"/>
      <c r="AA42" s="246"/>
      <c r="AB42" s="246"/>
      <c r="AC42" s="246"/>
      <c r="AD42" s="246"/>
      <c r="AE42" s="246"/>
      <c r="AF42" s="246"/>
      <c r="AG42" s="239"/>
      <c r="AH42" s="239"/>
      <c r="AI42" s="239"/>
      <c r="AJ42" s="239"/>
      <c r="AK42" s="239"/>
      <c r="AL42" s="239"/>
      <c r="AM42" s="239"/>
      <c r="AN42" s="239"/>
      <c r="AO42" s="239"/>
      <c r="AP42" s="239"/>
      <c r="AQ42" s="239"/>
      <c r="AR42" s="239"/>
      <c r="AS42" s="239"/>
      <c r="AT42" s="239"/>
      <c r="AU42" s="239"/>
      <c r="AV42" s="239"/>
      <c r="AW42" s="239"/>
      <c r="AX42" s="239"/>
      <c r="AY42" s="239"/>
      <c r="AZ42" s="239"/>
      <c r="BA42" s="239"/>
      <c r="BB42" s="239"/>
      <c r="BC42" s="239"/>
      <c r="BD42" s="239"/>
      <c r="BE42" s="239"/>
      <c r="BF42" s="239"/>
      <c r="BG42" s="239"/>
      <c r="BH42" s="239"/>
      <c r="BI42" s="239"/>
      <c r="BJ42" s="239"/>
      <c r="BK42" s="239"/>
      <c r="BL42" s="239"/>
      <c r="BM42" s="239"/>
      <c r="BN42" s="239"/>
      <c r="BO42" s="239"/>
      <c r="BP42" s="239"/>
      <c r="BQ42" s="239"/>
      <c r="BR42" s="239"/>
      <c r="BS42" s="239"/>
      <c r="BT42" s="239"/>
      <c r="BU42" s="239"/>
      <c r="BV42" s="239"/>
      <c r="BW42" s="239"/>
      <c r="BX42" s="239"/>
      <c r="BY42" s="239"/>
      <c r="BZ42" s="239"/>
      <c r="CA42" s="239"/>
      <c r="CB42" s="239"/>
      <c r="CC42" s="239"/>
      <c r="CD42" s="239"/>
      <c r="CE42" s="239"/>
      <c r="CF42" s="239"/>
      <c r="CG42" s="239"/>
      <c r="CH42" s="239"/>
      <c r="CI42" s="239"/>
      <c r="CJ42" s="239"/>
      <c r="CK42" s="239"/>
      <c r="CL42" s="239"/>
      <c r="CM42" s="239"/>
      <c r="CN42" s="239"/>
      <c r="CO42" s="239"/>
      <c r="CP42" s="239"/>
      <c r="CQ42" s="239"/>
      <c r="CR42" s="239"/>
      <c r="CS42" s="239"/>
      <c r="CT42" s="239"/>
      <c r="CU42" s="239"/>
      <c r="CV42" s="239"/>
      <c r="CW42" s="239"/>
      <c r="CX42" s="239"/>
      <c r="CY42" s="239"/>
      <c r="CZ42" s="239"/>
      <c r="DA42" s="239"/>
      <c r="DB42" s="239"/>
      <c r="DC42" s="239"/>
      <c r="DD42" s="239"/>
      <c r="DE42" s="239"/>
      <c r="DF42" s="239"/>
      <c r="DG42" s="239"/>
      <c r="DH42" s="239"/>
      <c r="DI42" s="239"/>
      <c r="DJ42" s="239"/>
      <c r="DK42" s="239"/>
      <c r="DL42" s="239"/>
      <c r="DM42" s="239"/>
      <c r="DN42" s="239"/>
      <c r="DO42" s="239"/>
      <c r="DP42" s="239"/>
      <c r="DQ42" s="239"/>
      <c r="DR42" s="239"/>
      <c r="DS42" s="239"/>
      <c r="DT42" s="239"/>
      <c r="DU42" s="239"/>
      <c r="DV42" s="239"/>
      <c r="DW42" s="239"/>
      <c r="DX42" s="239"/>
      <c r="DY42" s="239"/>
      <c r="DZ42" s="239"/>
      <c r="EA42" s="239"/>
      <c r="EB42" s="239"/>
      <c r="EC42" s="239"/>
    </row>
    <row r="43" spans="2:133" x14ac:dyDescent="0.2">
      <c r="C43" s="246"/>
      <c r="D43" s="246"/>
      <c r="E43" s="246"/>
      <c r="F43" s="246"/>
      <c r="G43" s="246"/>
      <c r="H43" s="246"/>
      <c r="I43" s="246"/>
      <c r="J43" s="246"/>
      <c r="K43" s="246"/>
      <c r="L43" s="246"/>
      <c r="M43" s="246"/>
      <c r="N43" s="246"/>
      <c r="O43" s="246"/>
      <c r="P43" s="246"/>
      <c r="Q43" s="246"/>
      <c r="R43" s="246"/>
      <c r="S43" s="246"/>
      <c r="T43" s="246"/>
      <c r="U43" s="246"/>
      <c r="V43" s="246"/>
      <c r="W43" s="246"/>
      <c r="X43" s="246"/>
      <c r="Y43" s="246"/>
      <c r="Z43" s="246"/>
      <c r="AA43" s="246"/>
      <c r="AB43" s="246"/>
      <c r="AC43" s="246"/>
      <c r="AD43" s="246"/>
      <c r="AE43" s="246"/>
      <c r="AF43" s="246"/>
      <c r="AG43" s="239"/>
      <c r="AH43" s="239"/>
      <c r="AI43" s="239"/>
      <c r="AJ43" s="239"/>
      <c r="AK43" s="239"/>
      <c r="AL43" s="239"/>
      <c r="AM43" s="239"/>
      <c r="AN43" s="239"/>
      <c r="AO43" s="239"/>
      <c r="AP43" s="239"/>
      <c r="AQ43" s="239"/>
      <c r="AR43" s="239"/>
      <c r="AS43" s="239"/>
      <c r="AT43" s="239"/>
      <c r="AU43" s="239"/>
      <c r="AV43" s="239"/>
      <c r="AW43" s="239"/>
      <c r="AX43" s="239"/>
      <c r="AY43" s="239"/>
      <c r="AZ43" s="239"/>
      <c r="BA43" s="239"/>
      <c r="BB43" s="239"/>
      <c r="BC43" s="239"/>
      <c r="BD43" s="239"/>
      <c r="BE43" s="239"/>
      <c r="BF43" s="239"/>
      <c r="BG43" s="239"/>
      <c r="BH43" s="239"/>
      <c r="BI43" s="239"/>
      <c r="BJ43" s="239"/>
      <c r="BK43" s="239"/>
      <c r="BL43" s="239"/>
      <c r="BM43" s="239"/>
      <c r="BN43" s="239"/>
      <c r="BO43" s="239"/>
      <c r="BP43" s="239"/>
      <c r="BQ43" s="239"/>
      <c r="BR43" s="239"/>
      <c r="BS43" s="239"/>
      <c r="BT43" s="239"/>
      <c r="BU43" s="239"/>
      <c r="BV43" s="239"/>
      <c r="BW43" s="239"/>
      <c r="BX43" s="239"/>
      <c r="BY43" s="239"/>
      <c r="BZ43" s="239"/>
      <c r="CA43" s="239"/>
      <c r="CB43" s="239"/>
      <c r="CC43" s="239"/>
      <c r="CD43" s="239"/>
      <c r="CE43" s="239"/>
      <c r="CF43" s="239"/>
      <c r="CG43" s="239"/>
      <c r="CH43" s="239"/>
      <c r="CI43" s="239"/>
      <c r="CJ43" s="239"/>
      <c r="CK43" s="239"/>
      <c r="CL43" s="239"/>
      <c r="CM43" s="239"/>
      <c r="CN43" s="239"/>
      <c r="CO43" s="239"/>
      <c r="CP43" s="239"/>
      <c r="CQ43" s="239"/>
      <c r="CR43" s="239"/>
      <c r="CS43" s="239"/>
      <c r="CT43" s="239"/>
      <c r="CU43" s="239"/>
      <c r="CV43" s="239"/>
      <c r="CW43" s="239"/>
      <c r="CX43" s="239"/>
      <c r="CY43" s="239"/>
      <c r="CZ43" s="239"/>
      <c r="DA43" s="239"/>
      <c r="DB43" s="239"/>
      <c r="DC43" s="239"/>
      <c r="DD43" s="239"/>
      <c r="DE43" s="239"/>
      <c r="DF43" s="239"/>
      <c r="DG43" s="239"/>
      <c r="DH43" s="239"/>
      <c r="DI43" s="239"/>
      <c r="DJ43" s="239"/>
      <c r="DK43" s="239"/>
      <c r="DL43" s="239"/>
      <c r="DM43" s="239"/>
      <c r="DN43" s="239"/>
      <c r="DO43" s="239"/>
      <c r="DP43" s="239"/>
      <c r="DQ43" s="239"/>
      <c r="DR43" s="239"/>
      <c r="DS43" s="239"/>
      <c r="DT43" s="239"/>
      <c r="DU43" s="239"/>
      <c r="DV43" s="239"/>
      <c r="DW43" s="239"/>
      <c r="DX43" s="239"/>
      <c r="DY43" s="239"/>
      <c r="DZ43" s="239"/>
      <c r="EA43" s="239"/>
      <c r="EB43" s="239"/>
      <c r="EC43" s="239"/>
    </row>
    <row r="44" spans="2:133" x14ac:dyDescent="0.2">
      <c r="C44" s="246"/>
      <c r="D44" s="246"/>
      <c r="E44" s="246"/>
      <c r="F44" s="246"/>
      <c r="G44" s="246"/>
      <c r="H44" s="246"/>
      <c r="I44" s="246"/>
      <c r="J44" s="246"/>
      <c r="K44" s="246"/>
      <c r="L44" s="246"/>
      <c r="M44" s="246"/>
      <c r="N44" s="246"/>
      <c r="O44" s="246"/>
      <c r="P44" s="246"/>
      <c r="Q44" s="246"/>
      <c r="R44" s="246"/>
      <c r="S44" s="246"/>
      <c r="T44" s="246"/>
      <c r="U44" s="246"/>
      <c r="V44" s="246"/>
      <c r="W44" s="246"/>
      <c r="X44" s="246"/>
      <c r="Y44" s="246"/>
      <c r="Z44" s="246"/>
      <c r="AA44" s="246"/>
      <c r="AB44" s="246"/>
      <c r="AC44" s="246"/>
      <c r="AD44" s="246"/>
      <c r="AE44" s="246"/>
      <c r="AF44" s="246"/>
      <c r="AG44" s="239"/>
      <c r="AH44" s="239"/>
      <c r="AI44" s="239"/>
      <c r="AJ44" s="239"/>
      <c r="AK44" s="239"/>
      <c r="AL44" s="239"/>
      <c r="AM44" s="239"/>
      <c r="AN44" s="239"/>
      <c r="AO44" s="239"/>
      <c r="AP44" s="239"/>
      <c r="AQ44" s="239"/>
      <c r="AR44" s="239"/>
      <c r="AS44" s="239"/>
      <c r="AT44" s="239"/>
      <c r="AU44" s="239"/>
      <c r="AV44" s="239"/>
      <c r="AW44" s="239"/>
      <c r="AX44" s="239"/>
      <c r="AY44" s="239"/>
      <c r="AZ44" s="239"/>
      <c r="BA44" s="239"/>
      <c r="BB44" s="239"/>
      <c r="BC44" s="239"/>
      <c r="BD44" s="239"/>
      <c r="BE44" s="239"/>
      <c r="BF44" s="239"/>
      <c r="BG44" s="239"/>
      <c r="BH44" s="239"/>
      <c r="BI44" s="239"/>
      <c r="BJ44" s="239"/>
      <c r="BK44" s="239"/>
      <c r="BL44" s="239"/>
      <c r="BM44" s="239"/>
      <c r="BN44" s="239"/>
      <c r="BO44" s="239"/>
      <c r="BP44" s="239"/>
      <c r="BQ44" s="239"/>
      <c r="BR44" s="239"/>
      <c r="BS44" s="239"/>
      <c r="BT44" s="239"/>
      <c r="BU44" s="239"/>
      <c r="BV44" s="239"/>
      <c r="BW44" s="239"/>
      <c r="BX44" s="239"/>
      <c r="BY44" s="239"/>
      <c r="BZ44" s="239"/>
      <c r="CA44" s="239"/>
      <c r="CB44" s="239"/>
      <c r="CC44" s="239"/>
      <c r="CD44" s="239"/>
      <c r="CE44" s="239"/>
      <c r="CF44" s="239"/>
      <c r="CG44" s="239"/>
      <c r="CH44" s="239"/>
      <c r="CI44" s="239"/>
      <c r="CJ44" s="239"/>
      <c r="CK44" s="239"/>
      <c r="CL44" s="239"/>
      <c r="CM44" s="239"/>
      <c r="CN44" s="239"/>
      <c r="CO44" s="239"/>
      <c r="CP44" s="239"/>
      <c r="CQ44" s="239"/>
      <c r="CR44" s="239"/>
      <c r="CS44" s="239"/>
      <c r="CT44" s="239"/>
      <c r="CU44" s="239"/>
      <c r="CV44" s="239"/>
      <c r="CW44" s="239"/>
      <c r="CX44" s="239"/>
      <c r="CY44" s="239"/>
      <c r="CZ44" s="239"/>
      <c r="DA44" s="239"/>
      <c r="DB44" s="239"/>
      <c r="DC44" s="239"/>
      <c r="DD44" s="239"/>
      <c r="DE44" s="239"/>
      <c r="DF44" s="239"/>
      <c r="DG44" s="239"/>
      <c r="DH44" s="239"/>
      <c r="DI44" s="239"/>
      <c r="DJ44" s="239"/>
      <c r="DK44" s="239"/>
      <c r="DL44" s="239"/>
      <c r="DM44" s="239"/>
      <c r="DN44" s="239"/>
      <c r="DO44" s="239"/>
      <c r="DP44" s="239"/>
      <c r="DQ44" s="239"/>
      <c r="DR44" s="239"/>
      <c r="DS44" s="239"/>
      <c r="DT44" s="239"/>
      <c r="DU44" s="239"/>
      <c r="DV44" s="239"/>
      <c r="DW44" s="239"/>
      <c r="DX44" s="239"/>
      <c r="DY44" s="239"/>
      <c r="DZ44" s="239"/>
      <c r="EA44" s="239"/>
      <c r="EB44" s="239"/>
      <c r="EC44" s="239"/>
    </row>
    <row r="45" spans="2:133" x14ac:dyDescent="0.2">
      <c r="C45" s="246"/>
      <c r="D45" s="246"/>
      <c r="E45" s="246"/>
      <c r="F45" s="246"/>
      <c r="G45" s="246"/>
      <c r="H45" s="246"/>
      <c r="I45" s="246"/>
      <c r="J45" s="246"/>
      <c r="K45" s="246"/>
      <c r="L45" s="246"/>
      <c r="M45" s="246"/>
      <c r="N45" s="246"/>
      <c r="O45" s="246"/>
      <c r="P45" s="246"/>
      <c r="Q45" s="246"/>
      <c r="R45" s="246"/>
      <c r="S45" s="246"/>
      <c r="T45" s="246"/>
      <c r="U45" s="246"/>
      <c r="V45" s="246"/>
      <c r="W45" s="246"/>
      <c r="X45" s="246"/>
      <c r="Y45" s="246"/>
      <c r="Z45" s="246"/>
      <c r="AA45" s="246"/>
      <c r="AB45" s="246"/>
      <c r="AC45" s="246"/>
      <c r="AD45" s="246"/>
      <c r="AE45" s="246"/>
      <c r="AF45" s="246"/>
      <c r="AG45" s="239"/>
      <c r="AH45" s="239"/>
      <c r="AI45" s="239"/>
      <c r="AJ45" s="239"/>
      <c r="AK45" s="239"/>
      <c r="AL45" s="239"/>
      <c r="AM45" s="239"/>
      <c r="AN45" s="239"/>
      <c r="AO45" s="239"/>
      <c r="AP45" s="239"/>
      <c r="AQ45" s="239"/>
      <c r="AR45" s="239"/>
      <c r="AS45" s="239"/>
      <c r="AT45" s="239"/>
      <c r="AU45" s="239"/>
      <c r="AV45" s="239"/>
      <c r="AW45" s="239"/>
      <c r="AX45" s="239"/>
      <c r="AY45" s="239"/>
      <c r="AZ45" s="239"/>
      <c r="BA45" s="239"/>
      <c r="BB45" s="239"/>
      <c r="BC45" s="239"/>
      <c r="BD45" s="239"/>
      <c r="BE45" s="239"/>
      <c r="BF45" s="239"/>
      <c r="BG45" s="239"/>
      <c r="BH45" s="239"/>
      <c r="BI45" s="239"/>
      <c r="BJ45" s="239"/>
      <c r="BK45" s="239"/>
      <c r="BL45" s="239"/>
      <c r="BM45" s="239"/>
      <c r="BN45" s="239"/>
      <c r="BO45" s="239"/>
      <c r="BP45" s="239"/>
      <c r="BQ45" s="239"/>
      <c r="BR45" s="239"/>
      <c r="BS45" s="239"/>
      <c r="BT45" s="239"/>
      <c r="BU45" s="239"/>
      <c r="BV45" s="239"/>
      <c r="BW45" s="239"/>
      <c r="BX45" s="239"/>
      <c r="BY45" s="239"/>
      <c r="BZ45" s="239"/>
      <c r="CA45" s="239"/>
      <c r="CB45" s="239"/>
      <c r="CC45" s="239"/>
      <c r="CD45" s="239"/>
      <c r="CE45" s="239"/>
      <c r="CF45" s="239"/>
      <c r="CG45" s="239"/>
      <c r="CH45" s="239"/>
      <c r="CI45" s="239"/>
      <c r="CJ45" s="239"/>
      <c r="CK45" s="239"/>
      <c r="CL45" s="239"/>
      <c r="CM45" s="239"/>
      <c r="CN45" s="239"/>
      <c r="CO45" s="239"/>
      <c r="CP45" s="239"/>
      <c r="CQ45" s="239"/>
      <c r="CR45" s="239"/>
      <c r="CS45" s="239"/>
      <c r="CT45" s="239"/>
      <c r="CU45" s="239"/>
      <c r="CV45" s="239"/>
      <c r="CW45" s="239"/>
      <c r="CX45" s="239"/>
      <c r="CY45" s="239"/>
      <c r="CZ45" s="239"/>
      <c r="DA45" s="239"/>
      <c r="DB45" s="239"/>
      <c r="DC45" s="239"/>
      <c r="DD45" s="239"/>
      <c r="DE45" s="239"/>
      <c r="DF45" s="239"/>
      <c r="DG45" s="239"/>
      <c r="DH45" s="239"/>
      <c r="DI45" s="239"/>
      <c r="DJ45" s="239"/>
      <c r="DK45" s="239"/>
      <c r="DL45" s="239"/>
      <c r="DM45" s="239"/>
      <c r="DN45" s="239"/>
      <c r="DO45" s="239"/>
      <c r="DP45" s="239"/>
      <c r="DQ45" s="239"/>
      <c r="DR45" s="239"/>
      <c r="DS45" s="239"/>
      <c r="DT45" s="239"/>
      <c r="DU45" s="239"/>
      <c r="DV45" s="239"/>
      <c r="DW45" s="239"/>
      <c r="DX45" s="239"/>
      <c r="DY45" s="239"/>
      <c r="DZ45" s="239"/>
      <c r="EA45" s="239"/>
      <c r="EB45" s="239"/>
      <c r="EC45" s="239"/>
    </row>
    <row r="46" spans="2:133" x14ac:dyDescent="0.2">
      <c r="C46" s="70"/>
      <c r="D46" s="70"/>
      <c r="E46" s="70"/>
      <c r="F46" s="70"/>
      <c r="G46" s="70"/>
      <c r="H46" s="70"/>
      <c r="I46" s="70"/>
      <c r="J46" s="70"/>
      <c r="K46" s="70"/>
      <c r="L46" s="70"/>
      <c r="M46" s="70"/>
      <c r="N46" s="70"/>
      <c r="O46" s="70"/>
      <c r="P46" s="70"/>
      <c r="Q46" s="70"/>
      <c r="R46" s="70"/>
      <c r="S46" s="70"/>
      <c r="T46" s="70"/>
      <c r="U46" s="70"/>
      <c r="V46" s="70"/>
      <c r="W46" s="70"/>
      <c r="X46" s="70"/>
      <c r="Y46" s="70"/>
      <c r="Z46" s="70"/>
      <c r="AA46" s="70"/>
      <c r="AB46" s="70"/>
      <c r="AC46" s="70"/>
      <c r="AD46" s="70"/>
      <c r="AE46" s="70"/>
      <c r="AF46" s="70"/>
    </row>
    <row r="47" spans="2:133" x14ac:dyDescent="0.2">
      <c r="C47" s="70"/>
      <c r="D47" s="70"/>
      <c r="E47" s="70"/>
      <c r="F47" s="70"/>
      <c r="G47" s="70"/>
      <c r="H47" s="70"/>
      <c r="I47" s="70"/>
      <c r="J47" s="70"/>
      <c r="K47" s="70"/>
      <c r="L47" s="70"/>
      <c r="M47" s="70"/>
      <c r="N47" s="70"/>
      <c r="O47" s="70"/>
      <c r="P47" s="70"/>
      <c r="Q47" s="70"/>
      <c r="R47" s="70"/>
      <c r="S47" s="70"/>
      <c r="T47" s="70"/>
      <c r="U47" s="70"/>
      <c r="V47" s="70"/>
      <c r="W47" s="70"/>
      <c r="X47" s="70"/>
      <c r="Y47" s="70"/>
      <c r="Z47" s="70"/>
      <c r="AA47" s="70"/>
      <c r="AB47" s="70"/>
      <c r="AC47" s="70"/>
      <c r="AD47" s="70"/>
      <c r="AE47" s="70"/>
      <c r="AF47" s="70"/>
    </row>
    <row r="48" spans="2:133" x14ac:dyDescent="0.2">
      <c r="C48" s="70"/>
      <c r="D48" s="70"/>
      <c r="E48" s="70"/>
      <c r="F48" s="70"/>
      <c r="G48" s="70"/>
      <c r="H48" s="70"/>
      <c r="I48" s="70"/>
      <c r="J48" s="70"/>
      <c r="K48" s="70"/>
      <c r="L48" s="70"/>
      <c r="M48" s="70"/>
      <c r="N48" s="70"/>
      <c r="O48" s="70"/>
      <c r="P48" s="70"/>
      <c r="Q48" s="70"/>
      <c r="R48" s="70"/>
      <c r="S48" s="70"/>
      <c r="T48" s="70"/>
      <c r="U48" s="70"/>
      <c r="V48" s="70"/>
      <c r="W48" s="70"/>
      <c r="X48" s="70"/>
      <c r="Y48" s="70"/>
      <c r="Z48" s="70"/>
      <c r="AA48" s="70"/>
      <c r="AB48" s="70"/>
      <c r="AC48" s="70"/>
      <c r="AD48" s="70"/>
      <c r="AE48" s="70"/>
      <c r="AF48" s="70"/>
    </row>
    <row r="49" spans="3:32" x14ac:dyDescent="0.2">
      <c r="C49" s="70"/>
      <c r="D49" s="70"/>
      <c r="E49" s="70"/>
      <c r="F49" s="70"/>
      <c r="G49" s="70"/>
      <c r="H49" s="70"/>
      <c r="I49" s="70"/>
      <c r="J49" s="70"/>
      <c r="K49" s="70"/>
      <c r="L49" s="70"/>
      <c r="M49" s="70"/>
      <c r="N49" s="70"/>
      <c r="O49" s="70"/>
      <c r="P49" s="70"/>
      <c r="Q49" s="70"/>
      <c r="R49" s="70"/>
      <c r="S49" s="70"/>
      <c r="T49" s="70"/>
      <c r="U49" s="70"/>
      <c r="V49" s="70"/>
      <c r="W49" s="70"/>
      <c r="X49" s="70"/>
      <c r="Y49" s="70"/>
      <c r="Z49" s="70"/>
      <c r="AA49" s="70"/>
      <c r="AB49" s="70"/>
      <c r="AC49" s="70"/>
      <c r="AD49" s="70"/>
      <c r="AE49" s="70"/>
      <c r="AF49" s="70"/>
    </row>
    <row r="50" spans="3:32" x14ac:dyDescent="0.2">
      <c r="C50" s="70"/>
      <c r="D50" s="70"/>
      <c r="E50" s="70"/>
      <c r="F50" s="70"/>
      <c r="G50" s="70"/>
      <c r="H50" s="70"/>
      <c r="I50" s="70"/>
      <c r="J50" s="70"/>
      <c r="K50" s="70"/>
      <c r="L50" s="70"/>
      <c r="M50" s="70"/>
      <c r="N50" s="70"/>
      <c r="O50" s="70"/>
      <c r="P50" s="70"/>
      <c r="Q50" s="70"/>
      <c r="R50" s="70"/>
      <c r="S50" s="70"/>
      <c r="T50" s="70"/>
      <c r="U50" s="70"/>
      <c r="V50" s="70"/>
      <c r="W50" s="70"/>
      <c r="X50" s="70"/>
      <c r="Y50" s="70"/>
      <c r="Z50" s="70"/>
      <c r="AA50" s="70"/>
      <c r="AB50" s="70"/>
      <c r="AC50" s="70"/>
      <c r="AD50" s="70"/>
      <c r="AE50" s="70"/>
      <c r="AF50" s="70"/>
    </row>
    <row r="51" spans="3:32" x14ac:dyDescent="0.2">
      <c r="C51" s="70"/>
      <c r="D51" s="70"/>
      <c r="E51" s="70"/>
      <c r="F51" s="70"/>
      <c r="G51" s="70"/>
      <c r="H51" s="70"/>
      <c r="I51" s="70"/>
      <c r="J51" s="70"/>
      <c r="K51" s="70"/>
      <c r="L51" s="70"/>
      <c r="M51" s="70"/>
      <c r="N51" s="70"/>
      <c r="O51" s="70"/>
      <c r="P51" s="70"/>
      <c r="Q51" s="70"/>
      <c r="R51" s="70"/>
      <c r="S51" s="70"/>
      <c r="T51" s="70"/>
      <c r="U51" s="70"/>
      <c r="V51" s="70"/>
      <c r="W51" s="70"/>
      <c r="X51" s="70"/>
      <c r="Y51" s="70"/>
      <c r="Z51" s="70"/>
      <c r="AA51" s="70"/>
      <c r="AB51" s="70"/>
      <c r="AC51" s="70"/>
      <c r="AD51" s="70"/>
      <c r="AE51" s="70"/>
      <c r="AF51" s="70"/>
    </row>
    <row r="52" spans="3:32" x14ac:dyDescent="0.2">
      <c r="C52" s="70"/>
      <c r="D52" s="70"/>
      <c r="E52" s="70"/>
      <c r="F52" s="70"/>
      <c r="G52" s="70"/>
      <c r="H52" s="70"/>
      <c r="I52" s="70"/>
      <c r="J52" s="70"/>
      <c r="K52" s="70"/>
      <c r="L52" s="70"/>
      <c r="M52" s="70"/>
      <c r="N52" s="70"/>
      <c r="O52" s="70"/>
      <c r="P52" s="70"/>
      <c r="Q52" s="70"/>
      <c r="R52" s="70"/>
      <c r="S52" s="70"/>
      <c r="T52" s="70"/>
      <c r="U52" s="70"/>
      <c r="V52" s="70"/>
      <c r="W52" s="70"/>
      <c r="X52" s="70"/>
      <c r="Y52" s="70"/>
      <c r="Z52" s="70"/>
      <c r="AA52" s="70"/>
      <c r="AB52" s="70"/>
      <c r="AC52" s="70"/>
      <c r="AD52" s="70"/>
      <c r="AE52" s="70"/>
      <c r="AF52" s="70"/>
    </row>
    <row r="53" spans="3:32" x14ac:dyDescent="0.2">
      <c r="C53" s="70"/>
      <c r="D53" s="70"/>
      <c r="E53" s="70"/>
      <c r="F53" s="70"/>
      <c r="G53" s="70"/>
      <c r="H53" s="70"/>
      <c r="I53" s="70"/>
      <c r="J53" s="70"/>
      <c r="K53" s="70"/>
      <c r="L53" s="70"/>
      <c r="M53" s="70"/>
      <c r="N53" s="70"/>
      <c r="O53" s="70"/>
      <c r="P53" s="70"/>
      <c r="Q53" s="70"/>
      <c r="R53" s="70"/>
      <c r="S53" s="70"/>
      <c r="T53" s="70"/>
      <c r="U53" s="70"/>
      <c r="V53" s="70"/>
      <c r="W53" s="70"/>
      <c r="X53" s="70"/>
      <c r="Y53" s="70"/>
      <c r="Z53" s="70"/>
      <c r="AA53" s="70"/>
      <c r="AB53" s="70"/>
      <c r="AC53" s="70"/>
      <c r="AD53" s="70"/>
      <c r="AE53" s="70"/>
      <c r="AF53" s="70"/>
    </row>
    <row r="54" spans="3:32" x14ac:dyDescent="0.2">
      <c r="C54" s="70"/>
      <c r="D54" s="70"/>
      <c r="E54" s="70"/>
      <c r="F54" s="70"/>
      <c r="G54" s="70"/>
      <c r="H54" s="70"/>
      <c r="I54" s="70"/>
      <c r="J54" s="70"/>
      <c r="K54" s="70"/>
      <c r="L54" s="70"/>
      <c r="M54" s="70"/>
      <c r="N54" s="70"/>
      <c r="O54" s="70"/>
      <c r="P54" s="70"/>
      <c r="Q54" s="70"/>
      <c r="R54" s="70"/>
      <c r="S54" s="70"/>
      <c r="T54" s="70"/>
      <c r="U54" s="70"/>
      <c r="V54" s="70"/>
      <c r="W54" s="70"/>
      <c r="X54" s="70"/>
      <c r="Y54" s="70"/>
      <c r="Z54" s="70"/>
      <c r="AA54" s="70"/>
      <c r="AB54" s="70"/>
      <c r="AC54" s="70"/>
      <c r="AD54" s="70"/>
      <c r="AE54" s="70"/>
      <c r="AF54" s="70"/>
    </row>
    <row r="55" spans="3:32" x14ac:dyDescent="0.2">
      <c r="C55" s="70"/>
      <c r="D55" s="70"/>
      <c r="E55" s="70"/>
      <c r="F55" s="70"/>
      <c r="G55" s="70"/>
      <c r="H55" s="70"/>
      <c r="I55" s="70"/>
      <c r="J55" s="70"/>
      <c r="K55" s="70"/>
      <c r="L55" s="70"/>
      <c r="M55" s="70"/>
      <c r="N55" s="70"/>
      <c r="O55" s="70"/>
      <c r="P55" s="70"/>
      <c r="Q55" s="70"/>
      <c r="R55" s="70"/>
      <c r="S55" s="70"/>
      <c r="T55" s="70"/>
      <c r="U55" s="70"/>
      <c r="V55" s="70"/>
      <c r="W55" s="70"/>
      <c r="X55" s="70"/>
      <c r="Y55" s="70"/>
      <c r="Z55" s="70"/>
      <c r="AA55" s="70"/>
      <c r="AB55" s="70"/>
      <c r="AC55" s="70"/>
      <c r="AD55" s="70"/>
      <c r="AE55" s="70"/>
      <c r="AF55" s="70"/>
    </row>
    <row r="56" spans="3:32" x14ac:dyDescent="0.2">
      <c r="C56" s="70"/>
      <c r="D56" s="70"/>
      <c r="E56" s="70"/>
      <c r="F56" s="70"/>
      <c r="G56" s="70"/>
      <c r="H56" s="70"/>
      <c r="I56" s="70"/>
      <c r="J56" s="70"/>
      <c r="K56" s="70"/>
      <c r="L56" s="70"/>
      <c r="M56" s="70"/>
      <c r="N56" s="70"/>
      <c r="O56" s="70"/>
      <c r="P56" s="70"/>
      <c r="Q56" s="70"/>
      <c r="R56" s="70"/>
      <c r="S56" s="70"/>
      <c r="T56" s="70"/>
      <c r="U56" s="70"/>
      <c r="V56" s="70"/>
      <c r="W56" s="70"/>
      <c r="X56" s="70"/>
      <c r="Y56" s="70"/>
      <c r="Z56" s="70"/>
      <c r="AA56" s="70"/>
      <c r="AB56" s="70"/>
      <c r="AC56" s="70"/>
      <c r="AD56" s="70"/>
      <c r="AE56" s="70"/>
      <c r="AF56" s="70"/>
    </row>
    <row r="57" spans="3:32" x14ac:dyDescent="0.2">
      <c r="C57" s="70"/>
      <c r="D57" s="70"/>
      <c r="E57" s="70"/>
      <c r="F57" s="70"/>
      <c r="G57" s="70"/>
      <c r="H57" s="70"/>
      <c r="I57" s="70"/>
      <c r="J57" s="70"/>
      <c r="K57" s="70"/>
      <c r="L57" s="70"/>
      <c r="M57" s="70"/>
      <c r="N57" s="70"/>
      <c r="O57" s="70"/>
      <c r="P57" s="70"/>
      <c r="Q57" s="70"/>
      <c r="R57" s="70"/>
      <c r="S57" s="70"/>
      <c r="T57" s="70"/>
      <c r="U57" s="70"/>
      <c r="V57" s="70"/>
      <c r="W57" s="70"/>
      <c r="X57" s="70"/>
      <c r="Y57" s="70"/>
      <c r="Z57" s="70"/>
      <c r="AA57" s="70"/>
      <c r="AB57" s="70"/>
      <c r="AC57" s="70"/>
      <c r="AD57" s="70"/>
      <c r="AE57" s="70"/>
      <c r="AF57" s="70"/>
    </row>
    <row r="58" spans="3:32" x14ac:dyDescent="0.2">
      <c r="C58" s="70"/>
      <c r="D58" s="70"/>
      <c r="E58" s="70"/>
      <c r="F58" s="70"/>
      <c r="G58" s="70"/>
      <c r="H58" s="70"/>
      <c r="I58" s="70"/>
      <c r="J58" s="70"/>
      <c r="K58" s="70"/>
      <c r="L58" s="70"/>
      <c r="M58" s="70"/>
      <c r="N58" s="70"/>
      <c r="O58" s="70"/>
      <c r="P58" s="70"/>
      <c r="Q58" s="70"/>
      <c r="R58" s="70"/>
      <c r="S58" s="70"/>
      <c r="T58" s="70"/>
      <c r="U58" s="70"/>
      <c r="V58" s="70"/>
      <c r="W58" s="70"/>
      <c r="X58" s="70"/>
      <c r="Y58" s="70"/>
      <c r="Z58" s="70"/>
      <c r="AA58" s="70"/>
      <c r="AB58" s="70"/>
      <c r="AC58" s="70"/>
      <c r="AD58" s="70"/>
      <c r="AE58" s="70"/>
      <c r="AF58" s="70"/>
    </row>
    <row r="59" spans="3:32" x14ac:dyDescent="0.2">
      <c r="C59" s="70"/>
      <c r="D59" s="70"/>
      <c r="E59" s="70"/>
      <c r="F59" s="70"/>
      <c r="G59" s="70"/>
      <c r="H59" s="70"/>
      <c r="I59" s="70"/>
      <c r="J59" s="70"/>
      <c r="K59" s="70"/>
      <c r="L59" s="70"/>
      <c r="M59" s="70"/>
      <c r="N59" s="70"/>
      <c r="O59" s="70"/>
      <c r="P59" s="70"/>
      <c r="Q59" s="70"/>
      <c r="R59" s="70"/>
      <c r="S59" s="70"/>
      <c r="T59" s="70"/>
      <c r="U59" s="70"/>
      <c r="V59" s="70"/>
      <c r="W59" s="70"/>
      <c r="X59" s="70"/>
      <c r="Y59" s="70"/>
      <c r="Z59" s="70"/>
      <c r="AA59" s="70"/>
      <c r="AB59" s="70"/>
      <c r="AC59" s="70"/>
      <c r="AD59" s="70"/>
      <c r="AE59" s="70"/>
      <c r="AF59" s="70"/>
    </row>
    <row r="60" spans="3:32" x14ac:dyDescent="0.2">
      <c r="C60" s="70"/>
      <c r="D60" s="70"/>
      <c r="E60" s="70"/>
      <c r="F60" s="70"/>
      <c r="G60" s="70"/>
      <c r="H60" s="70"/>
      <c r="I60" s="70"/>
      <c r="J60" s="70"/>
      <c r="K60" s="70"/>
      <c r="L60" s="70"/>
      <c r="M60" s="70"/>
      <c r="N60" s="70"/>
      <c r="O60" s="70"/>
      <c r="P60" s="70"/>
      <c r="Q60" s="70"/>
      <c r="R60" s="70"/>
      <c r="S60" s="70"/>
      <c r="T60" s="70"/>
      <c r="U60" s="70"/>
      <c r="V60" s="70"/>
      <c r="W60" s="70"/>
      <c r="X60" s="70"/>
      <c r="Y60" s="70"/>
      <c r="Z60" s="70"/>
      <c r="AA60" s="70"/>
      <c r="AB60" s="70"/>
      <c r="AC60" s="70"/>
      <c r="AD60" s="70"/>
      <c r="AE60" s="70"/>
      <c r="AF60" s="70"/>
    </row>
    <row r="61" spans="3:32" x14ac:dyDescent="0.2">
      <c r="C61" s="70"/>
      <c r="D61" s="70"/>
      <c r="E61" s="70"/>
      <c r="F61" s="70"/>
      <c r="G61" s="70"/>
      <c r="H61" s="70"/>
      <c r="I61" s="70"/>
      <c r="J61" s="70"/>
      <c r="K61" s="70"/>
      <c r="L61" s="70"/>
      <c r="M61" s="70"/>
      <c r="N61" s="70"/>
      <c r="O61" s="70"/>
      <c r="P61" s="70"/>
      <c r="Q61" s="70"/>
      <c r="R61" s="70"/>
      <c r="S61" s="70"/>
      <c r="T61" s="70"/>
      <c r="U61" s="70"/>
      <c r="V61" s="70"/>
      <c r="W61" s="70"/>
      <c r="X61" s="70"/>
      <c r="Y61" s="70"/>
      <c r="Z61" s="70"/>
      <c r="AA61" s="70"/>
      <c r="AB61" s="70"/>
      <c r="AC61" s="70"/>
      <c r="AD61" s="70"/>
      <c r="AE61" s="70"/>
      <c r="AF61" s="70"/>
    </row>
    <row r="62" spans="3:32" x14ac:dyDescent="0.2">
      <c r="C62" s="70"/>
      <c r="D62" s="70"/>
      <c r="E62" s="70"/>
      <c r="F62" s="70"/>
      <c r="G62" s="70"/>
      <c r="H62" s="70"/>
      <c r="I62" s="70"/>
      <c r="J62" s="70"/>
      <c r="K62" s="70"/>
      <c r="L62" s="70"/>
      <c r="M62" s="70"/>
      <c r="N62" s="70"/>
      <c r="O62" s="70"/>
      <c r="P62" s="70"/>
      <c r="Q62" s="70"/>
      <c r="R62" s="70"/>
      <c r="S62" s="70"/>
      <c r="T62" s="70"/>
      <c r="U62" s="70"/>
      <c r="V62" s="70"/>
      <c r="W62" s="70"/>
      <c r="X62" s="70"/>
      <c r="Y62" s="70"/>
      <c r="Z62" s="70"/>
      <c r="AA62" s="70"/>
      <c r="AB62" s="70"/>
      <c r="AC62" s="70"/>
      <c r="AD62" s="70"/>
      <c r="AE62" s="70"/>
      <c r="AF62" s="70"/>
    </row>
    <row r="63" spans="3:32" x14ac:dyDescent="0.2">
      <c r="C63" s="70"/>
      <c r="D63" s="70"/>
      <c r="E63" s="70"/>
      <c r="F63" s="70"/>
      <c r="G63" s="70"/>
      <c r="H63" s="70"/>
      <c r="I63" s="70"/>
      <c r="J63" s="70"/>
      <c r="K63" s="70"/>
      <c r="L63" s="70"/>
      <c r="M63" s="70"/>
      <c r="N63" s="70"/>
      <c r="O63" s="70"/>
      <c r="P63" s="70"/>
      <c r="Q63" s="70"/>
      <c r="R63" s="70"/>
      <c r="S63" s="70"/>
      <c r="T63" s="70"/>
      <c r="U63" s="70"/>
      <c r="V63" s="70"/>
      <c r="W63" s="70"/>
      <c r="X63" s="70"/>
      <c r="Y63" s="70"/>
      <c r="Z63" s="70"/>
      <c r="AA63" s="70"/>
      <c r="AB63" s="70"/>
      <c r="AC63" s="70"/>
      <c r="AD63" s="70"/>
      <c r="AE63" s="70"/>
      <c r="AF63" s="70"/>
    </row>
    <row r="64" spans="3:32" x14ac:dyDescent="0.2">
      <c r="C64" s="70"/>
      <c r="D64" s="70"/>
      <c r="E64" s="70"/>
      <c r="F64" s="70"/>
      <c r="G64" s="70"/>
      <c r="H64" s="70"/>
      <c r="I64" s="70"/>
      <c r="J64" s="70"/>
      <c r="K64" s="70"/>
      <c r="L64" s="70"/>
      <c r="M64" s="70"/>
      <c r="N64" s="70"/>
      <c r="O64" s="70"/>
      <c r="P64" s="70"/>
      <c r="Q64" s="70"/>
      <c r="R64" s="70"/>
      <c r="S64" s="70"/>
      <c r="T64" s="70"/>
      <c r="U64" s="70"/>
      <c r="V64" s="70"/>
      <c r="W64" s="70"/>
      <c r="X64" s="70"/>
      <c r="Y64" s="70"/>
      <c r="Z64" s="70"/>
      <c r="AA64" s="70"/>
      <c r="AB64" s="70"/>
      <c r="AC64" s="70"/>
      <c r="AD64" s="70"/>
      <c r="AE64" s="70"/>
      <c r="AF64" s="70"/>
    </row>
    <row r="65" spans="3:32" x14ac:dyDescent="0.2">
      <c r="C65" s="70"/>
      <c r="D65" s="70"/>
      <c r="E65" s="70"/>
      <c r="F65" s="70"/>
      <c r="G65" s="70"/>
      <c r="H65" s="70"/>
      <c r="I65" s="70"/>
      <c r="J65" s="70"/>
      <c r="K65" s="70"/>
      <c r="L65" s="70"/>
      <c r="M65" s="70"/>
      <c r="N65" s="70"/>
      <c r="O65" s="70"/>
      <c r="P65" s="70"/>
      <c r="Q65" s="70"/>
      <c r="R65" s="70"/>
      <c r="S65" s="70"/>
      <c r="T65" s="70"/>
      <c r="U65" s="70"/>
      <c r="V65" s="70"/>
      <c r="W65" s="70"/>
      <c r="X65" s="70"/>
      <c r="Y65" s="70"/>
      <c r="Z65" s="70"/>
      <c r="AA65" s="70"/>
      <c r="AB65" s="70"/>
      <c r="AC65" s="70"/>
      <c r="AD65" s="70"/>
      <c r="AE65" s="70"/>
      <c r="AF65" s="70"/>
    </row>
    <row r="66" spans="3:32" x14ac:dyDescent="0.2">
      <c r="C66" s="70"/>
      <c r="D66" s="70"/>
      <c r="E66" s="70"/>
      <c r="F66" s="70"/>
      <c r="G66" s="70"/>
      <c r="H66" s="70"/>
      <c r="I66" s="70"/>
      <c r="J66" s="70"/>
      <c r="K66" s="70"/>
      <c r="L66" s="70"/>
      <c r="M66" s="70"/>
      <c r="N66" s="70"/>
      <c r="O66" s="70"/>
      <c r="P66" s="70"/>
      <c r="Q66" s="70"/>
      <c r="R66" s="70"/>
      <c r="S66" s="70"/>
      <c r="T66" s="70"/>
      <c r="U66" s="70"/>
      <c r="V66" s="70"/>
      <c r="W66" s="70"/>
      <c r="X66" s="70"/>
      <c r="Y66" s="70"/>
      <c r="Z66" s="70"/>
      <c r="AA66" s="70"/>
      <c r="AB66" s="70"/>
      <c r="AC66" s="70"/>
      <c r="AD66" s="70"/>
      <c r="AE66" s="70"/>
      <c r="AF66" s="70"/>
    </row>
    <row r="67" spans="3:32" x14ac:dyDescent="0.2">
      <c r="C67" s="70"/>
      <c r="D67" s="70"/>
      <c r="E67" s="70"/>
      <c r="F67" s="70"/>
      <c r="G67" s="70"/>
      <c r="H67" s="70"/>
      <c r="I67" s="70"/>
      <c r="J67" s="70"/>
      <c r="K67" s="70"/>
      <c r="L67" s="70"/>
      <c r="M67" s="70"/>
      <c r="N67" s="70"/>
      <c r="O67" s="70"/>
      <c r="P67" s="70"/>
      <c r="Q67" s="70"/>
      <c r="R67" s="70"/>
      <c r="S67" s="70"/>
      <c r="T67" s="70"/>
      <c r="U67" s="70"/>
      <c r="V67" s="70"/>
      <c r="W67" s="70"/>
      <c r="X67" s="70"/>
      <c r="Y67" s="70"/>
      <c r="Z67" s="70"/>
      <c r="AA67" s="70"/>
      <c r="AB67" s="70"/>
      <c r="AC67" s="70"/>
      <c r="AD67" s="70"/>
      <c r="AE67" s="70"/>
      <c r="AF67" s="70"/>
    </row>
    <row r="68" spans="3:32" x14ac:dyDescent="0.2">
      <c r="C68" s="70"/>
      <c r="D68" s="70"/>
      <c r="E68" s="70"/>
      <c r="F68" s="70"/>
      <c r="G68" s="70"/>
      <c r="H68" s="70"/>
      <c r="I68" s="70"/>
      <c r="J68" s="70"/>
      <c r="K68" s="70"/>
      <c r="L68" s="70"/>
      <c r="M68" s="70"/>
      <c r="N68" s="70"/>
      <c r="O68" s="70"/>
      <c r="P68" s="70"/>
      <c r="Q68" s="70"/>
      <c r="R68" s="70"/>
      <c r="S68" s="70"/>
      <c r="T68" s="70"/>
      <c r="U68" s="70"/>
      <c r="V68" s="70"/>
      <c r="W68" s="70"/>
      <c r="X68" s="70"/>
      <c r="Y68" s="70"/>
      <c r="Z68" s="70"/>
      <c r="AA68" s="70"/>
      <c r="AB68" s="70"/>
      <c r="AC68" s="70"/>
      <c r="AD68" s="70"/>
      <c r="AE68" s="70"/>
      <c r="AF68" s="70"/>
    </row>
    <row r="69" spans="3:32" x14ac:dyDescent="0.2">
      <c r="C69" s="70"/>
      <c r="D69" s="70"/>
      <c r="E69" s="70"/>
      <c r="F69" s="70"/>
      <c r="G69" s="70"/>
      <c r="H69" s="70"/>
      <c r="I69" s="70"/>
      <c r="J69" s="70"/>
      <c r="K69" s="70"/>
      <c r="L69" s="70"/>
      <c r="M69" s="70"/>
      <c r="N69" s="70"/>
      <c r="O69" s="70"/>
      <c r="P69" s="70"/>
      <c r="Q69" s="70"/>
      <c r="R69" s="70"/>
      <c r="S69" s="70"/>
      <c r="T69" s="70"/>
      <c r="U69" s="70"/>
      <c r="V69" s="70"/>
      <c r="W69" s="70"/>
      <c r="X69" s="70"/>
      <c r="Y69" s="70"/>
      <c r="Z69" s="70"/>
      <c r="AA69" s="70"/>
      <c r="AB69" s="70"/>
      <c r="AC69" s="70"/>
      <c r="AD69" s="70"/>
      <c r="AE69" s="70"/>
      <c r="AF69" s="70"/>
    </row>
    <row r="70" spans="3:32" x14ac:dyDescent="0.2">
      <c r="C70" s="70"/>
      <c r="D70" s="70"/>
      <c r="E70" s="70"/>
      <c r="F70" s="70"/>
      <c r="G70" s="70"/>
      <c r="H70" s="70"/>
      <c r="I70" s="70"/>
      <c r="J70" s="70"/>
      <c r="K70" s="70"/>
      <c r="L70" s="70"/>
      <c r="M70" s="70"/>
      <c r="N70" s="70"/>
      <c r="O70" s="70"/>
      <c r="P70" s="70"/>
      <c r="Q70" s="70"/>
      <c r="R70" s="70"/>
      <c r="S70" s="70"/>
      <c r="T70" s="70"/>
      <c r="U70" s="70"/>
      <c r="V70" s="70"/>
      <c r="W70" s="70"/>
      <c r="X70" s="70"/>
      <c r="Y70" s="70"/>
      <c r="Z70" s="70"/>
      <c r="AA70" s="70"/>
      <c r="AB70" s="70"/>
      <c r="AC70" s="70"/>
      <c r="AD70" s="70"/>
      <c r="AE70" s="70"/>
      <c r="AF70" s="70"/>
    </row>
    <row r="71" spans="3:32" x14ac:dyDescent="0.2">
      <c r="C71" s="70"/>
      <c r="D71" s="70"/>
      <c r="E71" s="70"/>
      <c r="F71" s="70"/>
      <c r="G71" s="70"/>
      <c r="H71" s="70"/>
      <c r="I71" s="70"/>
      <c r="J71" s="70"/>
      <c r="K71" s="70"/>
      <c r="L71" s="70"/>
      <c r="M71" s="70"/>
      <c r="N71" s="70"/>
      <c r="O71" s="70"/>
      <c r="P71" s="70"/>
      <c r="Q71" s="70"/>
      <c r="R71" s="70"/>
      <c r="S71" s="70"/>
      <c r="T71" s="70"/>
      <c r="U71" s="70"/>
      <c r="V71" s="70"/>
      <c r="W71" s="70"/>
      <c r="X71" s="70"/>
      <c r="Y71" s="70"/>
      <c r="Z71" s="70"/>
      <c r="AA71" s="70"/>
      <c r="AB71" s="70"/>
      <c r="AC71" s="70"/>
      <c r="AD71" s="70"/>
      <c r="AE71" s="70"/>
      <c r="AF71" s="70"/>
    </row>
    <row r="72" spans="3:32" x14ac:dyDescent="0.2">
      <c r="C72" s="70"/>
      <c r="D72" s="70"/>
      <c r="E72" s="70"/>
      <c r="F72" s="70"/>
      <c r="G72" s="70"/>
      <c r="H72" s="70"/>
      <c r="I72" s="70"/>
      <c r="J72" s="70"/>
      <c r="K72" s="70"/>
      <c r="L72" s="70"/>
      <c r="M72" s="70"/>
      <c r="N72" s="70"/>
      <c r="O72" s="70"/>
      <c r="P72" s="70"/>
      <c r="Q72" s="70"/>
      <c r="R72" s="70"/>
      <c r="S72" s="70"/>
      <c r="T72" s="70"/>
      <c r="U72" s="70"/>
      <c r="V72" s="70"/>
      <c r="W72" s="70"/>
      <c r="X72" s="70"/>
      <c r="Y72" s="70"/>
      <c r="Z72" s="70"/>
      <c r="AA72" s="70"/>
      <c r="AB72" s="70"/>
      <c r="AC72" s="70"/>
      <c r="AD72" s="70"/>
      <c r="AE72" s="70"/>
      <c r="AF72" s="70"/>
    </row>
    <row r="73" spans="3:32" x14ac:dyDescent="0.2">
      <c r="C73" s="70"/>
      <c r="D73" s="70"/>
      <c r="E73" s="70"/>
      <c r="F73" s="70"/>
      <c r="G73" s="70"/>
      <c r="H73" s="70"/>
      <c r="I73" s="70"/>
      <c r="J73" s="70"/>
      <c r="K73" s="70"/>
      <c r="L73" s="70"/>
      <c r="M73" s="70"/>
      <c r="N73" s="70"/>
      <c r="O73" s="70"/>
      <c r="P73" s="70"/>
      <c r="Q73" s="70"/>
      <c r="R73" s="70"/>
      <c r="S73" s="70"/>
      <c r="T73" s="70"/>
      <c r="U73" s="70"/>
      <c r="V73" s="70"/>
      <c r="W73" s="70"/>
      <c r="X73" s="70"/>
      <c r="Y73" s="70"/>
      <c r="Z73" s="70"/>
      <c r="AA73" s="70"/>
      <c r="AB73" s="70"/>
      <c r="AC73" s="70"/>
      <c r="AD73" s="70"/>
      <c r="AE73" s="70"/>
      <c r="AF73" s="70"/>
    </row>
    <row r="74" spans="3:32" x14ac:dyDescent="0.2">
      <c r="C74" s="70"/>
      <c r="D74" s="70"/>
      <c r="E74" s="70"/>
      <c r="F74" s="70"/>
      <c r="G74" s="70"/>
      <c r="H74" s="70"/>
      <c r="I74" s="70"/>
      <c r="J74" s="70"/>
      <c r="K74" s="70"/>
      <c r="L74" s="70"/>
      <c r="M74" s="70"/>
      <c r="N74" s="70"/>
      <c r="O74" s="70"/>
      <c r="P74" s="70"/>
      <c r="Q74" s="70"/>
      <c r="R74" s="70"/>
      <c r="S74" s="70"/>
      <c r="T74" s="70"/>
      <c r="U74" s="70"/>
      <c r="V74" s="70"/>
      <c r="W74" s="70"/>
      <c r="X74" s="70"/>
      <c r="Y74" s="70"/>
      <c r="Z74" s="70"/>
      <c r="AA74" s="70"/>
      <c r="AB74" s="70"/>
      <c r="AC74" s="70"/>
      <c r="AD74" s="70"/>
      <c r="AE74" s="70"/>
      <c r="AF74" s="70"/>
    </row>
    <row r="75" spans="3:32" x14ac:dyDescent="0.2">
      <c r="C75" s="70"/>
      <c r="D75" s="70"/>
      <c r="E75" s="70"/>
      <c r="F75" s="70"/>
      <c r="G75" s="70"/>
      <c r="H75" s="70"/>
      <c r="I75" s="70"/>
      <c r="J75" s="70"/>
      <c r="K75" s="70"/>
      <c r="L75" s="70"/>
      <c r="M75" s="70"/>
      <c r="N75" s="70"/>
      <c r="O75" s="70"/>
      <c r="P75" s="70"/>
      <c r="Q75" s="70"/>
      <c r="R75" s="70"/>
      <c r="S75" s="70"/>
      <c r="T75" s="70"/>
      <c r="U75" s="70"/>
      <c r="V75" s="70"/>
      <c r="W75" s="70"/>
      <c r="X75" s="70"/>
      <c r="Y75" s="70"/>
      <c r="Z75" s="70"/>
      <c r="AA75" s="70"/>
      <c r="AB75" s="70"/>
      <c r="AC75" s="70"/>
      <c r="AD75" s="70"/>
      <c r="AE75" s="70"/>
      <c r="AF75" s="70"/>
    </row>
    <row r="76" spans="3:32" x14ac:dyDescent="0.2">
      <c r="C76" s="70"/>
      <c r="D76" s="70"/>
      <c r="E76" s="70"/>
      <c r="F76" s="70"/>
      <c r="G76" s="70"/>
      <c r="H76" s="70"/>
      <c r="I76" s="70"/>
      <c r="J76" s="70"/>
      <c r="K76" s="70"/>
      <c r="L76" s="70"/>
      <c r="M76" s="70"/>
      <c r="N76" s="70"/>
      <c r="O76" s="70"/>
      <c r="P76" s="70"/>
      <c r="Q76" s="70"/>
      <c r="R76" s="70"/>
      <c r="S76" s="70"/>
      <c r="T76" s="70"/>
      <c r="U76" s="70"/>
      <c r="V76" s="70"/>
      <c r="W76" s="70"/>
      <c r="X76" s="70"/>
      <c r="Y76" s="70"/>
      <c r="Z76" s="70"/>
      <c r="AA76" s="70"/>
      <c r="AB76" s="70"/>
      <c r="AC76" s="70"/>
      <c r="AD76" s="70"/>
      <c r="AE76" s="70"/>
      <c r="AF76" s="70"/>
    </row>
    <row r="77" spans="3:32" x14ac:dyDescent="0.2">
      <c r="C77" s="70"/>
      <c r="D77" s="70"/>
      <c r="E77" s="70"/>
      <c r="F77" s="70"/>
      <c r="G77" s="70"/>
      <c r="H77" s="70"/>
      <c r="I77" s="70"/>
      <c r="J77" s="70"/>
      <c r="K77" s="70"/>
      <c r="L77" s="70"/>
      <c r="M77" s="70"/>
      <c r="N77" s="70"/>
      <c r="O77" s="70"/>
      <c r="P77" s="70"/>
      <c r="Q77" s="70"/>
      <c r="R77" s="70"/>
      <c r="S77" s="70"/>
      <c r="T77" s="70"/>
      <c r="U77" s="70"/>
      <c r="V77" s="70"/>
      <c r="W77" s="70"/>
      <c r="X77" s="70"/>
      <c r="Y77" s="70"/>
      <c r="Z77" s="70"/>
      <c r="AA77" s="70"/>
      <c r="AB77" s="70"/>
      <c r="AC77" s="70"/>
      <c r="AD77" s="70"/>
      <c r="AE77" s="70"/>
      <c r="AF77" s="70"/>
    </row>
    <row r="78" spans="3:32" x14ac:dyDescent="0.2">
      <c r="C78" s="70"/>
      <c r="D78" s="70"/>
      <c r="E78" s="70"/>
      <c r="F78" s="70"/>
      <c r="G78" s="70"/>
      <c r="H78" s="70"/>
      <c r="I78" s="70"/>
      <c r="J78" s="70"/>
      <c r="K78" s="70"/>
      <c r="L78" s="70"/>
      <c r="M78" s="70"/>
      <c r="N78" s="70"/>
      <c r="O78" s="70"/>
      <c r="P78" s="70"/>
      <c r="Q78" s="70"/>
      <c r="R78" s="70"/>
      <c r="S78" s="70"/>
      <c r="T78" s="70"/>
      <c r="U78" s="70"/>
      <c r="V78" s="70"/>
      <c r="W78" s="70"/>
      <c r="X78" s="70"/>
      <c r="Y78" s="70"/>
      <c r="Z78" s="70"/>
      <c r="AA78" s="70"/>
      <c r="AB78" s="70"/>
      <c r="AC78" s="70"/>
      <c r="AD78" s="70"/>
      <c r="AE78" s="70"/>
      <c r="AF78" s="70"/>
    </row>
    <row r="79" spans="3:32" x14ac:dyDescent="0.2">
      <c r="C79" s="70"/>
      <c r="D79" s="70"/>
      <c r="E79" s="70"/>
      <c r="F79" s="70"/>
      <c r="G79" s="70"/>
      <c r="H79" s="70"/>
      <c r="I79" s="70"/>
      <c r="J79" s="70"/>
      <c r="K79" s="70"/>
      <c r="L79" s="70"/>
      <c r="M79" s="70"/>
      <c r="N79" s="70"/>
      <c r="O79" s="70"/>
      <c r="P79" s="70"/>
      <c r="Q79" s="70"/>
      <c r="R79" s="70"/>
      <c r="S79" s="70"/>
      <c r="T79" s="70"/>
      <c r="U79" s="70"/>
      <c r="V79" s="70"/>
      <c r="W79" s="70"/>
      <c r="X79" s="70"/>
      <c r="Y79" s="70"/>
      <c r="Z79" s="70"/>
      <c r="AA79" s="70"/>
      <c r="AB79" s="70"/>
      <c r="AC79" s="70"/>
      <c r="AD79" s="70"/>
      <c r="AE79" s="70"/>
      <c r="AF79" s="70"/>
    </row>
    <row r="80" spans="3:32" x14ac:dyDescent="0.2">
      <c r="C80" s="70"/>
      <c r="D80" s="70"/>
      <c r="E80" s="70"/>
      <c r="F80" s="70"/>
      <c r="G80" s="70"/>
      <c r="H80" s="70"/>
      <c r="I80" s="70"/>
      <c r="J80" s="70"/>
      <c r="K80" s="70"/>
      <c r="L80" s="70"/>
      <c r="M80" s="70"/>
      <c r="N80" s="70"/>
      <c r="O80" s="70"/>
      <c r="P80" s="70"/>
      <c r="Q80" s="70"/>
      <c r="R80" s="70"/>
      <c r="S80" s="70"/>
      <c r="T80" s="70"/>
      <c r="U80" s="70"/>
      <c r="V80" s="70"/>
      <c r="W80" s="70"/>
      <c r="X80" s="70"/>
      <c r="Y80" s="70"/>
      <c r="Z80" s="70"/>
      <c r="AA80" s="70"/>
      <c r="AB80" s="70"/>
      <c r="AC80" s="70"/>
      <c r="AD80" s="70"/>
      <c r="AE80" s="70"/>
      <c r="AF80" s="70"/>
    </row>
    <row r="81" spans="3:32" x14ac:dyDescent="0.2">
      <c r="C81" s="70"/>
      <c r="D81" s="70"/>
      <c r="E81" s="70"/>
      <c r="F81" s="70"/>
      <c r="G81" s="70"/>
      <c r="H81" s="70"/>
      <c r="I81" s="70"/>
      <c r="J81" s="70"/>
      <c r="K81" s="70"/>
      <c r="L81" s="70"/>
      <c r="M81" s="70"/>
      <c r="N81" s="70"/>
      <c r="O81" s="70"/>
      <c r="P81" s="70"/>
      <c r="Q81" s="70"/>
      <c r="R81" s="70"/>
      <c r="S81" s="70"/>
      <c r="T81" s="70"/>
      <c r="U81" s="70"/>
      <c r="V81" s="70"/>
      <c r="W81" s="70"/>
      <c r="X81" s="70"/>
      <c r="Y81" s="70"/>
      <c r="Z81" s="70"/>
      <c r="AA81" s="70"/>
      <c r="AB81" s="70"/>
      <c r="AC81" s="70"/>
      <c r="AD81" s="70"/>
      <c r="AE81" s="70"/>
      <c r="AF81" s="70"/>
    </row>
    <row r="82" spans="3:32" x14ac:dyDescent="0.2">
      <c r="C82" s="70"/>
      <c r="D82" s="70"/>
      <c r="E82" s="70"/>
      <c r="F82" s="70"/>
      <c r="G82" s="70"/>
      <c r="H82" s="70"/>
      <c r="I82" s="70"/>
      <c r="J82" s="70"/>
      <c r="K82" s="70"/>
      <c r="L82" s="70"/>
      <c r="M82" s="70"/>
      <c r="N82" s="70"/>
      <c r="O82" s="70"/>
      <c r="P82" s="70"/>
      <c r="Q82" s="70"/>
      <c r="R82" s="70"/>
      <c r="S82" s="70"/>
      <c r="T82" s="70"/>
      <c r="U82" s="70"/>
      <c r="V82" s="70"/>
      <c r="W82" s="70"/>
      <c r="X82" s="70"/>
      <c r="Y82" s="70"/>
      <c r="Z82" s="70"/>
      <c r="AA82" s="70"/>
      <c r="AB82" s="70"/>
      <c r="AC82" s="70"/>
      <c r="AD82" s="70"/>
      <c r="AE82" s="70"/>
      <c r="AF82" s="70"/>
    </row>
    <row r="83" spans="3:32" x14ac:dyDescent="0.2">
      <c r="C83" s="70"/>
      <c r="D83" s="70"/>
      <c r="E83" s="70"/>
      <c r="F83" s="70"/>
      <c r="G83" s="70"/>
      <c r="H83" s="70"/>
      <c r="I83" s="70"/>
      <c r="J83" s="70"/>
      <c r="K83" s="70"/>
      <c r="L83" s="70"/>
      <c r="M83" s="70"/>
      <c r="N83" s="70"/>
      <c r="O83" s="70"/>
      <c r="P83" s="70"/>
      <c r="Q83" s="70"/>
      <c r="R83" s="70"/>
      <c r="S83" s="70"/>
      <c r="T83" s="70"/>
      <c r="U83" s="70"/>
      <c r="V83" s="70"/>
      <c r="W83" s="70"/>
      <c r="X83" s="70"/>
      <c r="Y83" s="70"/>
      <c r="Z83" s="70"/>
      <c r="AA83" s="70"/>
      <c r="AB83" s="70"/>
      <c r="AC83" s="70"/>
      <c r="AD83" s="70"/>
      <c r="AE83" s="70"/>
      <c r="AF83" s="70"/>
    </row>
    <row r="84" spans="3:32" x14ac:dyDescent="0.2">
      <c r="C84" s="70"/>
      <c r="D84" s="70"/>
      <c r="E84" s="70"/>
      <c r="F84" s="70"/>
      <c r="G84" s="70"/>
      <c r="H84" s="70"/>
      <c r="I84" s="70"/>
      <c r="J84" s="70"/>
      <c r="K84" s="70"/>
      <c r="L84" s="70"/>
      <c r="M84" s="70"/>
      <c r="N84" s="70"/>
      <c r="O84" s="70"/>
      <c r="P84" s="70"/>
      <c r="Q84" s="70"/>
      <c r="R84" s="70"/>
      <c r="S84" s="70"/>
      <c r="T84" s="70"/>
      <c r="U84" s="70"/>
      <c r="V84" s="70"/>
      <c r="W84" s="70"/>
      <c r="X84" s="70"/>
      <c r="Y84" s="70"/>
      <c r="Z84" s="70"/>
      <c r="AA84" s="70"/>
      <c r="AB84" s="70"/>
      <c r="AC84" s="70"/>
      <c r="AD84" s="70"/>
      <c r="AE84" s="70"/>
      <c r="AF84" s="70"/>
    </row>
    <row r="85" spans="3:32" x14ac:dyDescent="0.2">
      <c r="C85" s="70"/>
      <c r="D85" s="70"/>
      <c r="E85" s="70"/>
      <c r="F85" s="70"/>
      <c r="G85" s="70"/>
      <c r="H85" s="70"/>
      <c r="I85" s="70"/>
      <c r="J85" s="70"/>
      <c r="K85" s="70"/>
      <c r="L85" s="70"/>
      <c r="M85" s="70"/>
      <c r="N85" s="70"/>
      <c r="O85" s="70"/>
      <c r="P85" s="70"/>
      <c r="Q85" s="70"/>
      <c r="R85" s="70"/>
      <c r="S85" s="70"/>
      <c r="T85" s="70"/>
      <c r="U85" s="70"/>
      <c r="V85" s="70"/>
      <c r="W85" s="70"/>
      <c r="X85" s="70"/>
      <c r="Y85" s="70"/>
      <c r="Z85" s="70"/>
      <c r="AA85" s="70"/>
      <c r="AB85" s="70"/>
      <c r="AC85" s="70"/>
      <c r="AD85" s="70"/>
      <c r="AE85" s="70"/>
      <c r="AF85" s="70"/>
    </row>
    <row r="86" spans="3:32" x14ac:dyDescent="0.2">
      <c r="C86" s="70"/>
      <c r="D86" s="70"/>
      <c r="E86" s="70"/>
      <c r="F86" s="70"/>
      <c r="G86" s="70"/>
      <c r="H86" s="70"/>
      <c r="I86" s="70"/>
      <c r="J86" s="70"/>
      <c r="K86" s="70"/>
      <c r="L86" s="70"/>
      <c r="M86" s="70"/>
      <c r="N86" s="70"/>
      <c r="O86" s="70"/>
      <c r="P86" s="70"/>
      <c r="Q86" s="70"/>
      <c r="R86" s="70"/>
      <c r="S86" s="70"/>
      <c r="T86" s="70"/>
      <c r="U86" s="70"/>
      <c r="V86" s="70"/>
      <c r="W86" s="70"/>
      <c r="X86" s="70"/>
      <c r="Y86" s="70"/>
      <c r="Z86" s="70"/>
      <c r="AA86" s="70"/>
      <c r="AB86" s="70"/>
      <c r="AC86" s="70"/>
      <c r="AD86" s="70"/>
      <c r="AE86" s="70"/>
      <c r="AF86" s="70"/>
    </row>
    <row r="87" spans="3:32" x14ac:dyDescent="0.2">
      <c r="C87" s="70"/>
      <c r="D87" s="70"/>
      <c r="E87" s="70"/>
      <c r="F87" s="70"/>
      <c r="G87" s="70"/>
      <c r="H87" s="70"/>
      <c r="I87" s="70"/>
      <c r="J87" s="70"/>
      <c r="K87" s="70"/>
      <c r="L87" s="70"/>
      <c r="M87" s="70"/>
      <c r="N87" s="70"/>
      <c r="O87" s="70"/>
      <c r="P87" s="70"/>
      <c r="Q87" s="70"/>
      <c r="R87" s="70"/>
      <c r="S87" s="70"/>
      <c r="T87" s="70"/>
      <c r="U87" s="70"/>
      <c r="V87" s="70"/>
      <c r="W87" s="70"/>
      <c r="X87" s="70"/>
      <c r="Y87" s="70"/>
      <c r="Z87" s="70"/>
      <c r="AA87" s="70"/>
      <c r="AB87" s="70"/>
      <c r="AC87" s="70"/>
      <c r="AD87" s="70"/>
      <c r="AE87" s="70"/>
      <c r="AF87" s="70"/>
    </row>
    <row r="88" spans="3:32" x14ac:dyDescent="0.2">
      <c r="C88" s="70"/>
      <c r="D88" s="70"/>
      <c r="E88" s="70"/>
      <c r="F88" s="70"/>
      <c r="G88" s="70"/>
      <c r="H88" s="70"/>
      <c r="I88" s="70"/>
      <c r="J88" s="70"/>
      <c r="K88" s="70"/>
      <c r="L88" s="70"/>
      <c r="M88" s="70"/>
      <c r="N88" s="70"/>
      <c r="O88" s="70"/>
      <c r="P88" s="70"/>
      <c r="Q88" s="70"/>
      <c r="R88" s="70"/>
      <c r="S88" s="70"/>
      <c r="T88" s="70"/>
      <c r="U88" s="70"/>
      <c r="V88" s="70"/>
      <c r="W88" s="70"/>
      <c r="X88" s="70"/>
      <c r="Y88" s="70"/>
      <c r="Z88" s="70"/>
      <c r="AA88" s="70"/>
      <c r="AB88" s="70"/>
      <c r="AC88" s="70"/>
      <c r="AD88" s="70"/>
      <c r="AE88" s="70"/>
      <c r="AF88" s="70"/>
    </row>
    <row r="89" spans="3:32" x14ac:dyDescent="0.2">
      <c r="C89" s="70"/>
      <c r="D89" s="70"/>
      <c r="E89" s="70"/>
      <c r="F89" s="70"/>
      <c r="G89" s="70"/>
      <c r="H89" s="70"/>
      <c r="I89" s="70"/>
      <c r="J89" s="70"/>
      <c r="K89" s="70"/>
      <c r="L89" s="70"/>
      <c r="M89" s="70"/>
      <c r="N89" s="70"/>
      <c r="O89" s="70"/>
      <c r="P89" s="70"/>
      <c r="Q89" s="70"/>
      <c r="R89" s="70"/>
      <c r="S89" s="70"/>
      <c r="T89" s="70"/>
      <c r="U89" s="70"/>
      <c r="V89" s="70"/>
      <c r="W89" s="70"/>
      <c r="X89" s="70"/>
      <c r="Y89" s="70"/>
      <c r="Z89" s="70"/>
      <c r="AA89" s="70"/>
      <c r="AB89" s="70"/>
      <c r="AC89" s="70"/>
      <c r="AD89" s="70"/>
      <c r="AE89" s="70"/>
      <c r="AF89" s="70"/>
    </row>
    <row r="90" spans="3:32" x14ac:dyDescent="0.2">
      <c r="C90" s="70"/>
      <c r="D90" s="70"/>
      <c r="E90" s="70"/>
      <c r="F90" s="70"/>
      <c r="G90" s="70"/>
      <c r="H90" s="70"/>
      <c r="I90" s="70"/>
      <c r="J90" s="70"/>
      <c r="K90" s="70"/>
      <c r="L90" s="70"/>
      <c r="M90" s="70"/>
      <c r="N90" s="70"/>
      <c r="O90" s="70"/>
      <c r="P90" s="70"/>
      <c r="Q90" s="70"/>
      <c r="R90" s="70"/>
      <c r="S90" s="70"/>
      <c r="T90" s="70"/>
      <c r="U90" s="70"/>
      <c r="V90" s="70"/>
      <c r="W90" s="70"/>
      <c r="X90" s="70"/>
      <c r="Y90" s="70"/>
      <c r="Z90" s="70"/>
      <c r="AA90" s="70"/>
      <c r="AB90" s="70"/>
      <c r="AC90" s="70"/>
      <c r="AD90" s="70"/>
      <c r="AE90" s="70"/>
      <c r="AF90" s="70"/>
    </row>
    <row r="91" spans="3:32" x14ac:dyDescent="0.2">
      <c r="C91" s="70"/>
      <c r="D91" s="70"/>
      <c r="E91" s="70"/>
      <c r="F91" s="70"/>
      <c r="G91" s="70"/>
      <c r="H91" s="70"/>
      <c r="I91" s="70"/>
      <c r="J91" s="70"/>
      <c r="K91" s="70"/>
      <c r="L91" s="70"/>
      <c r="M91" s="70"/>
      <c r="N91" s="70"/>
      <c r="O91" s="70"/>
      <c r="P91" s="70"/>
      <c r="Q91" s="70"/>
      <c r="R91" s="70"/>
      <c r="S91" s="70"/>
      <c r="T91" s="70"/>
      <c r="U91" s="70"/>
      <c r="V91" s="70"/>
      <c r="W91" s="70"/>
      <c r="X91" s="70"/>
      <c r="Y91" s="70"/>
      <c r="Z91" s="70"/>
      <c r="AA91" s="70"/>
      <c r="AB91" s="70"/>
      <c r="AC91" s="70"/>
      <c r="AD91" s="70"/>
      <c r="AE91" s="70"/>
      <c r="AF91" s="70"/>
    </row>
    <row r="92" spans="3:32" x14ac:dyDescent="0.2">
      <c r="C92" s="70"/>
      <c r="D92" s="70"/>
      <c r="E92" s="70"/>
      <c r="F92" s="70"/>
      <c r="G92" s="70"/>
      <c r="H92" s="70"/>
      <c r="I92" s="70"/>
      <c r="J92" s="70"/>
      <c r="K92" s="70"/>
      <c r="L92" s="70"/>
      <c r="M92" s="70"/>
      <c r="N92" s="70"/>
      <c r="O92" s="70"/>
      <c r="P92" s="70"/>
      <c r="Q92" s="70"/>
      <c r="R92" s="70"/>
      <c r="S92" s="70"/>
      <c r="T92" s="70"/>
      <c r="U92" s="70"/>
      <c r="V92" s="70"/>
      <c r="W92" s="70"/>
      <c r="X92" s="70"/>
      <c r="Y92" s="70"/>
      <c r="Z92" s="70"/>
      <c r="AA92" s="70"/>
      <c r="AB92" s="70"/>
      <c r="AC92" s="70"/>
      <c r="AD92" s="70"/>
      <c r="AE92" s="70"/>
      <c r="AF92" s="70"/>
    </row>
    <row r="93" spans="3:32" x14ac:dyDescent="0.2">
      <c r="C93" s="70"/>
      <c r="D93" s="70"/>
      <c r="E93" s="70"/>
      <c r="F93" s="70"/>
      <c r="G93" s="70"/>
      <c r="H93" s="70"/>
      <c r="I93" s="70"/>
      <c r="J93" s="70"/>
      <c r="K93" s="70"/>
      <c r="L93" s="70"/>
      <c r="M93" s="70"/>
      <c r="N93" s="70"/>
      <c r="O93" s="70"/>
      <c r="P93" s="70"/>
      <c r="Q93" s="70"/>
      <c r="R93" s="70"/>
      <c r="S93" s="70"/>
      <c r="T93" s="70"/>
      <c r="U93" s="70"/>
      <c r="V93" s="70"/>
      <c r="W93" s="70"/>
      <c r="X93" s="70"/>
      <c r="Y93" s="70"/>
      <c r="Z93" s="70"/>
      <c r="AA93" s="70"/>
      <c r="AB93" s="70"/>
      <c r="AC93" s="70"/>
      <c r="AD93" s="70"/>
      <c r="AE93" s="70"/>
      <c r="AF93" s="70"/>
    </row>
    <row r="94" spans="3:32" x14ac:dyDescent="0.2">
      <c r="C94" s="70"/>
      <c r="D94" s="70"/>
      <c r="E94" s="70"/>
      <c r="F94" s="70"/>
      <c r="G94" s="70"/>
      <c r="H94" s="70"/>
      <c r="I94" s="70"/>
      <c r="J94" s="70"/>
      <c r="K94" s="70"/>
      <c r="L94" s="70"/>
      <c r="M94" s="70"/>
      <c r="N94" s="70"/>
      <c r="O94" s="70"/>
      <c r="P94" s="70"/>
      <c r="Q94" s="70"/>
      <c r="R94" s="70"/>
      <c r="S94" s="70"/>
      <c r="T94" s="70"/>
      <c r="U94" s="70"/>
      <c r="V94" s="70"/>
      <c r="W94" s="70"/>
      <c r="X94" s="70"/>
      <c r="Y94" s="70"/>
      <c r="Z94" s="70"/>
      <c r="AA94" s="70"/>
      <c r="AB94" s="70"/>
      <c r="AC94" s="70"/>
      <c r="AD94" s="70"/>
      <c r="AE94" s="70"/>
      <c r="AF94" s="70"/>
    </row>
    <row r="95" spans="3:32" x14ac:dyDescent="0.2">
      <c r="C95" s="70"/>
      <c r="D95" s="70"/>
      <c r="E95" s="70"/>
      <c r="F95" s="70"/>
      <c r="G95" s="70"/>
      <c r="H95" s="70"/>
      <c r="I95" s="70"/>
      <c r="J95" s="70"/>
      <c r="K95" s="70"/>
      <c r="L95" s="70"/>
      <c r="M95" s="70"/>
      <c r="N95" s="70"/>
      <c r="O95" s="70"/>
      <c r="P95" s="70"/>
      <c r="Q95" s="70"/>
      <c r="R95" s="70"/>
      <c r="S95" s="70"/>
      <c r="T95" s="70"/>
      <c r="U95" s="70"/>
      <c r="V95" s="70"/>
      <c r="W95" s="70"/>
      <c r="X95" s="70"/>
      <c r="Y95" s="70"/>
      <c r="Z95" s="70"/>
      <c r="AA95" s="70"/>
      <c r="AB95" s="70"/>
      <c r="AC95" s="70"/>
      <c r="AD95" s="70"/>
      <c r="AE95" s="70"/>
      <c r="AF95" s="70"/>
    </row>
    <row r="96" spans="3:32" x14ac:dyDescent="0.2">
      <c r="C96" s="70"/>
      <c r="D96" s="70"/>
      <c r="E96" s="70"/>
      <c r="F96" s="70"/>
      <c r="G96" s="70"/>
      <c r="H96" s="70"/>
      <c r="I96" s="70"/>
      <c r="J96" s="70"/>
      <c r="K96" s="70"/>
      <c r="L96" s="70"/>
      <c r="M96" s="70"/>
      <c r="N96" s="70"/>
      <c r="O96" s="70"/>
      <c r="P96" s="70"/>
      <c r="Q96" s="70"/>
      <c r="R96" s="70"/>
      <c r="S96" s="70"/>
      <c r="T96" s="70"/>
      <c r="U96" s="70"/>
      <c r="V96" s="70"/>
      <c r="W96" s="70"/>
      <c r="X96" s="70"/>
      <c r="Y96" s="70"/>
      <c r="Z96" s="70"/>
      <c r="AA96" s="70"/>
      <c r="AB96" s="70"/>
      <c r="AC96" s="70"/>
      <c r="AD96" s="70"/>
      <c r="AE96" s="70"/>
      <c r="AF96" s="70"/>
    </row>
    <row r="97" spans="3:32" x14ac:dyDescent="0.2">
      <c r="C97" s="70"/>
      <c r="D97" s="70"/>
      <c r="E97" s="70"/>
      <c r="F97" s="70"/>
      <c r="G97" s="70"/>
      <c r="H97" s="70"/>
      <c r="I97" s="70"/>
      <c r="J97" s="70"/>
      <c r="K97" s="70"/>
      <c r="L97" s="70"/>
      <c r="M97" s="70"/>
      <c r="N97" s="70"/>
      <c r="O97" s="70"/>
      <c r="P97" s="70"/>
      <c r="Q97" s="70"/>
      <c r="R97" s="70"/>
      <c r="S97" s="70"/>
      <c r="T97" s="70"/>
      <c r="U97" s="70"/>
      <c r="V97" s="70"/>
      <c r="W97" s="70"/>
      <c r="X97" s="70"/>
      <c r="Y97" s="70"/>
      <c r="Z97" s="70"/>
      <c r="AA97" s="70"/>
      <c r="AB97" s="70"/>
      <c r="AC97" s="70"/>
      <c r="AD97" s="70"/>
      <c r="AE97" s="70"/>
      <c r="AF97" s="70"/>
    </row>
    <row r="98" spans="3:32" x14ac:dyDescent="0.2">
      <c r="C98" s="70"/>
      <c r="D98" s="70"/>
      <c r="E98" s="70"/>
      <c r="F98" s="70"/>
      <c r="G98" s="70"/>
      <c r="H98" s="70"/>
      <c r="I98" s="70"/>
      <c r="J98" s="70"/>
      <c r="K98" s="70"/>
      <c r="L98" s="70"/>
      <c r="M98" s="70"/>
      <c r="N98" s="70"/>
      <c r="O98" s="70"/>
      <c r="P98" s="70"/>
      <c r="Q98" s="70"/>
      <c r="R98" s="70"/>
      <c r="S98" s="70"/>
      <c r="T98" s="70"/>
      <c r="U98" s="70"/>
      <c r="V98" s="70"/>
      <c r="W98" s="70"/>
      <c r="X98" s="70"/>
      <c r="Y98" s="70"/>
      <c r="Z98" s="70"/>
      <c r="AA98" s="70"/>
      <c r="AB98" s="70"/>
      <c r="AC98" s="70"/>
      <c r="AD98" s="70"/>
      <c r="AE98" s="70"/>
      <c r="AF98" s="70"/>
    </row>
    <row r="99" spans="3:32" x14ac:dyDescent="0.2">
      <c r="C99" s="70"/>
      <c r="D99" s="70"/>
      <c r="E99" s="70"/>
      <c r="F99" s="70"/>
      <c r="G99" s="70"/>
      <c r="H99" s="70"/>
      <c r="I99" s="70"/>
      <c r="J99" s="70"/>
      <c r="K99" s="70"/>
      <c r="L99" s="70"/>
      <c r="M99" s="70"/>
      <c r="N99" s="70"/>
      <c r="O99" s="70"/>
      <c r="P99" s="70"/>
      <c r="Q99" s="70"/>
      <c r="R99" s="70"/>
      <c r="S99" s="70"/>
      <c r="T99" s="70"/>
      <c r="U99" s="70"/>
      <c r="V99" s="70"/>
      <c r="W99" s="70"/>
      <c r="X99" s="70"/>
      <c r="Y99" s="70"/>
      <c r="Z99" s="70"/>
      <c r="AA99" s="70"/>
      <c r="AB99" s="70"/>
      <c r="AC99" s="70"/>
      <c r="AD99" s="70"/>
      <c r="AE99" s="70"/>
      <c r="AF99" s="70"/>
    </row>
    <row r="100" spans="3:32" x14ac:dyDescent="0.2">
      <c r="C100" s="70"/>
      <c r="D100" s="70"/>
      <c r="E100" s="70"/>
      <c r="F100" s="70"/>
      <c r="G100" s="70"/>
      <c r="H100" s="70"/>
      <c r="I100" s="70"/>
      <c r="J100" s="70"/>
      <c r="K100" s="70"/>
      <c r="L100" s="70"/>
      <c r="M100" s="70"/>
      <c r="N100" s="70"/>
      <c r="O100" s="70"/>
      <c r="P100" s="70"/>
      <c r="Q100" s="70"/>
      <c r="R100" s="70"/>
      <c r="S100" s="70"/>
      <c r="T100" s="70"/>
      <c r="U100" s="70"/>
      <c r="V100" s="70"/>
      <c r="W100" s="70"/>
      <c r="X100" s="70"/>
      <c r="Y100" s="70"/>
      <c r="Z100" s="70"/>
      <c r="AA100" s="70"/>
      <c r="AB100" s="70"/>
      <c r="AC100" s="70"/>
      <c r="AD100" s="70"/>
      <c r="AE100" s="70"/>
      <c r="AF100" s="70"/>
    </row>
    <row r="101" spans="3:32" x14ac:dyDescent="0.2">
      <c r="C101" s="70"/>
      <c r="D101" s="70"/>
      <c r="E101" s="70"/>
      <c r="F101" s="70"/>
      <c r="G101" s="70"/>
      <c r="H101" s="70"/>
      <c r="I101" s="70"/>
      <c r="J101" s="70"/>
      <c r="K101" s="70"/>
      <c r="L101" s="70"/>
      <c r="M101" s="70"/>
      <c r="N101" s="70"/>
      <c r="O101" s="70"/>
      <c r="P101" s="70"/>
      <c r="Q101" s="70"/>
      <c r="R101" s="70"/>
      <c r="S101" s="70"/>
      <c r="T101" s="70"/>
      <c r="U101" s="70"/>
      <c r="V101" s="70"/>
      <c r="W101" s="70"/>
      <c r="X101" s="70"/>
      <c r="Y101" s="70"/>
      <c r="Z101" s="70"/>
      <c r="AA101" s="70"/>
      <c r="AB101" s="70"/>
      <c r="AC101" s="70"/>
      <c r="AD101" s="70"/>
      <c r="AE101" s="70"/>
      <c r="AF101" s="70"/>
    </row>
    <row r="102" spans="3:32" x14ac:dyDescent="0.2">
      <c r="C102" s="70"/>
      <c r="D102" s="70"/>
      <c r="E102" s="70"/>
      <c r="F102" s="70"/>
      <c r="G102" s="70"/>
      <c r="H102" s="70"/>
      <c r="I102" s="70"/>
      <c r="J102" s="70"/>
      <c r="K102" s="70"/>
      <c r="L102" s="70"/>
      <c r="M102" s="70"/>
      <c r="N102" s="70"/>
      <c r="O102" s="70"/>
      <c r="P102" s="70"/>
      <c r="Q102" s="70"/>
      <c r="R102" s="70"/>
      <c r="S102" s="70"/>
      <c r="T102" s="70"/>
      <c r="U102" s="70"/>
      <c r="V102" s="70"/>
      <c r="W102" s="70"/>
      <c r="X102" s="70"/>
      <c r="Y102" s="70"/>
      <c r="Z102" s="70"/>
      <c r="AA102" s="70"/>
      <c r="AB102" s="70"/>
      <c r="AC102" s="70"/>
      <c r="AD102" s="70"/>
      <c r="AE102" s="70"/>
      <c r="AF102" s="70"/>
    </row>
    <row r="103" spans="3:32" x14ac:dyDescent="0.2">
      <c r="C103" s="70"/>
      <c r="D103" s="70"/>
      <c r="E103" s="70"/>
      <c r="F103" s="70"/>
      <c r="G103" s="70"/>
      <c r="H103" s="70"/>
      <c r="I103" s="70"/>
      <c r="J103" s="70"/>
      <c r="K103" s="70"/>
      <c r="L103" s="70"/>
      <c r="M103" s="70"/>
      <c r="N103" s="70"/>
      <c r="O103" s="70"/>
      <c r="P103" s="70"/>
      <c r="Q103" s="70"/>
      <c r="R103" s="70"/>
      <c r="S103" s="70"/>
      <c r="T103" s="70"/>
      <c r="U103" s="70"/>
      <c r="V103" s="70"/>
      <c r="W103" s="70"/>
      <c r="X103" s="70"/>
      <c r="Y103" s="70"/>
      <c r="Z103" s="70"/>
      <c r="AA103" s="70"/>
      <c r="AB103" s="70"/>
      <c r="AC103" s="70"/>
      <c r="AD103" s="70"/>
      <c r="AE103" s="70"/>
      <c r="AF103" s="70"/>
    </row>
    <row r="104" spans="3:32" x14ac:dyDescent="0.2">
      <c r="C104" s="70"/>
      <c r="D104" s="70"/>
      <c r="E104" s="70"/>
      <c r="F104" s="70"/>
      <c r="G104" s="70"/>
      <c r="H104" s="70"/>
      <c r="I104" s="70"/>
      <c r="J104" s="70"/>
      <c r="K104" s="70"/>
      <c r="L104" s="70"/>
      <c r="M104" s="70"/>
      <c r="N104" s="70"/>
      <c r="O104" s="70"/>
      <c r="P104" s="70"/>
      <c r="Q104" s="70"/>
      <c r="R104" s="70"/>
      <c r="S104" s="70"/>
      <c r="T104" s="70"/>
      <c r="U104" s="70"/>
      <c r="V104" s="70"/>
      <c r="W104" s="70"/>
      <c r="X104" s="70"/>
      <c r="Y104" s="70"/>
      <c r="Z104" s="70"/>
      <c r="AA104" s="70"/>
      <c r="AB104" s="70"/>
      <c r="AC104" s="70"/>
      <c r="AD104" s="70"/>
      <c r="AE104" s="70"/>
      <c r="AF104" s="70"/>
    </row>
    <row r="105" spans="3:32" x14ac:dyDescent="0.2">
      <c r="C105" s="70"/>
      <c r="D105" s="70"/>
      <c r="E105" s="70"/>
      <c r="F105" s="70"/>
      <c r="G105" s="70"/>
      <c r="H105" s="70"/>
      <c r="I105" s="70"/>
      <c r="J105" s="70"/>
      <c r="K105" s="70"/>
      <c r="L105" s="70"/>
      <c r="M105" s="70"/>
      <c r="N105" s="70"/>
      <c r="O105" s="70"/>
      <c r="P105" s="70"/>
      <c r="Q105" s="70"/>
      <c r="R105" s="70"/>
      <c r="S105" s="70"/>
      <c r="T105" s="70"/>
      <c r="U105" s="70"/>
      <c r="V105" s="70"/>
      <c r="W105" s="70"/>
      <c r="X105" s="70"/>
      <c r="Y105" s="70"/>
      <c r="Z105" s="70"/>
      <c r="AA105" s="70"/>
      <c r="AB105" s="70"/>
      <c r="AC105" s="70"/>
      <c r="AD105" s="70"/>
      <c r="AE105" s="70"/>
      <c r="AF105" s="70"/>
    </row>
    <row r="106" spans="3:32" x14ac:dyDescent="0.2">
      <c r="C106" s="70"/>
      <c r="D106" s="70"/>
      <c r="E106" s="70"/>
      <c r="F106" s="70"/>
      <c r="G106" s="70"/>
      <c r="H106" s="70"/>
      <c r="I106" s="70"/>
      <c r="J106" s="70"/>
      <c r="K106" s="70"/>
      <c r="L106" s="70"/>
      <c r="M106" s="70"/>
      <c r="N106" s="70"/>
      <c r="O106" s="70"/>
      <c r="P106" s="70"/>
      <c r="Q106" s="70"/>
      <c r="R106" s="70"/>
      <c r="S106" s="70"/>
      <c r="T106" s="70"/>
      <c r="U106" s="70"/>
      <c r="V106" s="70"/>
      <c r="W106" s="70"/>
      <c r="X106" s="70"/>
      <c r="Y106" s="70"/>
      <c r="Z106" s="70"/>
      <c r="AA106" s="70"/>
      <c r="AB106" s="70"/>
      <c r="AC106" s="70"/>
      <c r="AD106" s="70"/>
      <c r="AE106" s="70"/>
      <c r="AF106" s="70"/>
    </row>
    <row r="107" spans="3:32" x14ac:dyDescent="0.2">
      <c r="C107" s="70"/>
      <c r="D107" s="70"/>
      <c r="E107" s="70"/>
      <c r="F107" s="70"/>
      <c r="G107" s="70"/>
      <c r="H107" s="70"/>
      <c r="I107" s="70"/>
      <c r="J107" s="70"/>
      <c r="K107" s="70"/>
      <c r="L107" s="70"/>
      <c r="M107" s="70"/>
      <c r="N107" s="70"/>
      <c r="O107" s="70"/>
      <c r="P107" s="70"/>
      <c r="Q107" s="70"/>
      <c r="R107" s="70"/>
      <c r="S107" s="70"/>
      <c r="T107" s="70"/>
      <c r="U107" s="70"/>
      <c r="V107" s="70"/>
      <c r="W107" s="70"/>
      <c r="X107" s="70"/>
      <c r="Y107" s="70"/>
      <c r="Z107" s="70"/>
      <c r="AA107" s="70"/>
      <c r="AB107" s="70"/>
      <c r="AC107" s="70"/>
      <c r="AD107" s="70"/>
      <c r="AE107" s="70"/>
      <c r="AF107" s="70"/>
    </row>
    <row r="108" spans="3:32" x14ac:dyDescent="0.2">
      <c r="C108" s="70"/>
      <c r="D108" s="70"/>
      <c r="E108" s="70"/>
      <c r="F108" s="70"/>
      <c r="G108" s="70"/>
      <c r="H108" s="70"/>
      <c r="I108" s="70"/>
      <c r="J108" s="70"/>
      <c r="K108" s="70"/>
      <c r="L108" s="70"/>
      <c r="M108" s="70"/>
      <c r="N108" s="70"/>
      <c r="O108" s="70"/>
      <c r="P108" s="70"/>
      <c r="Q108" s="70"/>
      <c r="R108" s="70"/>
      <c r="S108" s="70"/>
      <c r="T108" s="70"/>
      <c r="U108" s="70"/>
      <c r="V108" s="70"/>
      <c r="W108" s="70"/>
      <c r="X108" s="70"/>
      <c r="Y108" s="70"/>
      <c r="Z108" s="70"/>
      <c r="AA108" s="70"/>
      <c r="AB108" s="70"/>
      <c r="AC108" s="70"/>
      <c r="AD108" s="70"/>
      <c r="AE108" s="70"/>
      <c r="AF108" s="70"/>
    </row>
    <row r="109" spans="3:32" x14ac:dyDescent="0.2">
      <c r="C109" s="70"/>
      <c r="D109" s="70"/>
      <c r="E109" s="70"/>
      <c r="F109" s="70"/>
      <c r="G109" s="70"/>
      <c r="H109" s="70"/>
      <c r="I109" s="70"/>
      <c r="J109" s="70"/>
      <c r="K109" s="70"/>
      <c r="L109" s="70"/>
      <c r="M109" s="70"/>
      <c r="N109" s="70"/>
      <c r="O109" s="70"/>
      <c r="P109" s="70"/>
      <c r="Q109" s="70"/>
      <c r="R109" s="70"/>
      <c r="S109" s="70"/>
      <c r="T109" s="70"/>
      <c r="U109" s="70"/>
      <c r="V109" s="70"/>
      <c r="W109" s="70"/>
      <c r="X109" s="70"/>
      <c r="Y109" s="70"/>
      <c r="Z109" s="70"/>
      <c r="AA109" s="70"/>
      <c r="AB109" s="70"/>
      <c r="AC109" s="70"/>
      <c r="AD109" s="70"/>
      <c r="AE109" s="70"/>
      <c r="AF109" s="70"/>
    </row>
    <row r="110" spans="3:32" x14ac:dyDescent="0.2">
      <c r="C110" s="70"/>
      <c r="D110" s="70"/>
      <c r="E110" s="70"/>
      <c r="F110" s="70"/>
      <c r="G110" s="70"/>
      <c r="H110" s="70"/>
      <c r="I110" s="70"/>
      <c r="J110" s="70"/>
      <c r="K110" s="70"/>
      <c r="L110" s="70"/>
      <c r="M110" s="70"/>
      <c r="N110" s="70"/>
      <c r="O110" s="70"/>
      <c r="P110" s="70"/>
      <c r="Q110" s="70"/>
      <c r="R110" s="70"/>
      <c r="S110" s="70"/>
      <c r="T110" s="70"/>
      <c r="U110" s="70"/>
      <c r="V110" s="70"/>
      <c r="W110" s="70"/>
      <c r="X110" s="70"/>
      <c r="Y110" s="70"/>
      <c r="Z110" s="70"/>
      <c r="AA110" s="70"/>
      <c r="AB110" s="70"/>
      <c r="AC110" s="70"/>
      <c r="AD110" s="70"/>
      <c r="AE110" s="70"/>
      <c r="AF110" s="70"/>
    </row>
    <row r="111" spans="3:32" x14ac:dyDescent="0.2">
      <c r="C111" s="70"/>
      <c r="D111" s="70"/>
      <c r="E111" s="70"/>
      <c r="F111" s="70"/>
      <c r="G111" s="70"/>
      <c r="H111" s="70"/>
      <c r="I111" s="70"/>
      <c r="J111" s="70"/>
      <c r="K111" s="70"/>
      <c r="L111" s="70"/>
      <c r="M111" s="70"/>
      <c r="N111" s="70"/>
      <c r="O111" s="70"/>
      <c r="P111" s="70"/>
      <c r="Q111" s="70"/>
      <c r="R111" s="70"/>
      <c r="S111" s="70"/>
      <c r="T111" s="70"/>
      <c r="U111" s="70"/>
      <c r="V111" s="70"/>
      <c r="W111" s="70"/>
      <c r="X111" s="70"/>
      <c r="Y111" s="70"/>
      <c r="Z111" s="70"/>
      <c r="AA111" s="70"/>
      <c r="AB111" s="70"/>
      <c r="AC111" s="70"/>
      <c r="AD111" s="70"/>
      <c r="AE111" s="70"/>
      <c r="AF111" s="70"/>
    </row>
    <row r="112" spans="3:32" x14ac:dyDescent="0.2">
      <c r="C112" s="70"/>
      <c r="D112" s="70"/>
      <c r="E112" s="70"/>
      <c r="F112" s="70"/>
      <c r="G112" s="70"/>
      <c r="H112" s="70"/>
      <c r="I112" s="70"/>
      <c r="J112" s="70"/>
      <c r="K112" s="70"/>
      <c r="L112" s="70"/>
      <c r="M112" s="70"/>
      <c r="N112" s="70"/>
      <c r="O112" s="70"/>
      <c r="P112" s="70"/>
      <c r="Q112" s="70"/>
      <c r="R112" s="70"/>
      <c r="S112" s="70"/>
      <c r="T112" s="70"/>
      <c r="U112" s="70"/>
      <c r="V112" s="70"/>
      <c r="W112" s="70"/>
      <c r="X112" s="70"/>
      <c r="Y112" s="70"/>
      <c r="Z112" s="70"/>
      <c r="AA112" s="70"/>
      <c r="AB112" s="70"/>
      <c r="AC112" s="70"/>
      <c r="AD112" s="70"/>
      <c r="AE112" s="70"/>
      <c r="AF112" s="70"/>
    </row>
    <row r="113" spans="3:32" x14ac:dyDescent="0.2">
      <c r="C113" s="70"/>
      <c r="D113" s="70"/>
      <c r="E113" s="70"/>
      <c r="F113" s="70"/>
      <c r="G113" s="70"/>
      <c r="H113" s="70"/>
      <c r="I113" s="70"/>
      <c r="J113" s="70"/>
      <c r="K113" s="70"/>
      <c r="L113" s="70"/>
      <c r="M113" s="70"/>
      <c r="N113" s="70"/>
      <c r="O113" s="70"/>
      <c r="P113" s="70"/>
      <c r="Q113" s="70"/>
      <c r="R113" s="70"/>
      <c r="S113" s="70"/>
      <c r="T113" s="70"/>
      <c r="U113" s="70"/>
      <c r="V113" s="70"/>
      <c r="W113" s="70"/>
      <c r="X113" s="70"/>
      <c r="Y113" s="70"/>
      <c r="Z113" s="70"/>
      <c r="AA113" s="70"/>
      <c r="AB113" s="70"/>
      <c r="AC113" s="70"/>
      <c r="AD113" s="70"/>
      <c r="AE113" s="70"/>
      <c r="AF113" s="70"/>
    </row>
    <row r="114" spans="3:32" x14ac:dyDescent="0.2">
      <c r="C114" s="70"/>
      <c r="D114" s="70"/>
      <c r="E114" s="70"/>
      <c r="F114" s="70"/>
      <c r="G114" s="70"/>
      <c r="H114" s="70"/>
      <c r="I114" s="70"/>
      <c r="J114" s="70"/>
      <c r="K114" s="70"/>
      <c r="L114" s="70"/>
      <c r="M114" s="70"/>
      <c r="N114" s="70"/>
      <c r="O114" s="70"/>
      <c r="P114" s="70"/>
      <c r="Q114" s="70"/>
      <c r="R114" s="70"/>
      <c r="S114" s="70"/>
      <c r="T114" s="70"/>
      <c r="U114" s="70"/>
      <c r="V114" s="70"/>
      <c r="W114" s="70"/>
      <c r="X114" s="70"/>
      <c r="Y114" s="70"/>
      <c r="Z114" s="70"/>
      <c r="AA114" s="70"/>
      <c r="AB114" s="70"/>
      <c r="AC114" s="70"/>
      <c r="AD114" s="70"/>
      <c r="AE114" s="70"/>
      <c r="AF114" s="70"/>
    </row>
    <row r="115" spans="3:32" x14ac:dyDescent="0.2">
      <c r="C115" s="70"/>
      <c r="D115" s="70"/>
      <c r="E115" s="70"/>
      <c r="F115" s="70"/>
      <c r="G115" s="70"/>
      <c r="H115" s="70"/>
      <c r="I115" s="70"/>
      <c r="J115" s="70"/>
      <c r="K115" s="70"/>
      <c r="L115" s="70"/>
      <c r="M115" s="70"/>
      <c r="N115" s="70"/>
      <c r="O115" s="70"/>
      <c r="P115" s="70"/>
      <c r="Q115" s="70"/>
      <c r="R115" s="70"/>
      <c r="S115" s="70"/>
      <c r="T115" s="70"/>
      <c r="U115" s="70"/>
      <c r="V115" s="70"/>
      <c r="W115" s="70"/>
      <c r="X115" s="70"/>
      <c r="Y115" s="70"/>
      <c r="Z115" s="70"/>
      <c r="AA115" s="70"/>
      <c r="AB115" s="70"/>
      <c r="AC115" s="70"/>
      <c r="AD115" s="70"/>
      <c r="AE115" s="70"/>
      <c r="AF115" s="70"/>
    </row>
    <row r="116" spans="3:32" x14ac:dyDescent="0.2">
      <c r="C116" s="70"/>
      <c r="D116" s="70"/>
      <c r="E116" s="70"/>
      <c r="F116" s="70"/>
      <c r="G116" s="70"/>
      <c r="H116" s="70"/>
      <c r="I116" s="70"/>
      <c r="J116" s="70"/>
      <c r="K116" s="70"/>
      <c r="L116" s="70"/>
      <c r="M116" s="70"/>
      <c r="N116" s="70"/>
      <c r="O116" s="70"/>
      <c r="P116" s="70"/>
      <c r="Q116" s="70"/>
      <c r="R116" s="70"/>
      <c r="S116" s="70"/>
      <c r="T116" s="70"/>
      <c r="U116" s="70"/>
      <c r="V116" s="70"/>
      <c r="W116" s="70"/>
      <c r="X116" s="70"/>
      <c r="Y116" s="70"/>
      <c r="Z116" s="70"/>
      <c r="AA116" s="70"/>
      <c r="AB116" s="70"/>
      <c r="AC116" s="70"/>
      <c r="AD116" s="70"/>
      <c r="AE116" s="70"/>
      <c r="AF116" s="70"/>
    </row>
    <row r="117" spans="3:32" x14ac:dyDescent="0.2">
      <c r="C117" s="70"/>
      <c r="D117" s="70"/>
      <c r="E117" s="70"/>
      <c r="F117" s="70"/>
      <c r="G117" s="70"/>
      <c r="H117" s="70"/>
      <c r="I117" s="70"/>
      <c r="J117" s="70"/>
      <c r="K117" s="70"/>
      <c r="L117" s="70"/>
      <c r="M117" s="70"/>
      <c r="N117" s="70"/>
      <c r="O117" s="70"/>
      <c r="P117" s="70"/>
      <c r="Q117" s="70"/>
      <c r="R117" s="70"/>
      <c r="S117" s="70"/>
      <c r="T117" s="70"/>
      <c r="U117" s="70"/>
      <c r="V117" s="70"/>
      <c r="W117" s="70"/>
      <c r="X117" s="70"/>
      <c r="Y117" s="70"/>
      <c r="Z117" s="70"/>
      <c r="AA117" s="70"/>
      <c r="AB117" s="70"/>
      <c r="AC117" s="70"/>
      <c r="AD117" s="70"/>
      <c r="AE117" s="70"/>
      <c r="AF117" s="70"/>
    </row>
    <row r="118" spans="3:32" x14ac:dyDescent="0.2">
      <c r="C118" s="70"/>
      <c r="D118" s="70"/>
      <c r="E118" s="70"/>
      <c r="F118" s="70"/>
      <c r="G118" s="70"/>
      <c r="H118" s="70"/>
      <c r="I118" s="70"/>
      <c r="J118" s="70"/>
      <c r="K118" s="70"/>
      <c r="L118" s="70"/>
      <c r="M118" s="70"/>
      <c r="N118" s="70"/>
      <c r="O118" s="70"/>
      <c r="P118" s="70"/>
      <c r="Q118" s="70"/>
      <c r="R118" s="70"/>
      <c r="S118" s="70"/>
      <c r="T118" s="70"/>
      <c r="U118" s="70"/>
      <c r="V118" s="70"/>
      <c r="W118" s="70"/>
      <c r="X118" s="70"/>
      <c r="Y118" s="70"/>
      <c r="Z118" s="70"/>
      <c r="AA118" s="70"/>
      <c r="AB118" s="70"/>
      <c r="AC118" s="70"/>
      <c r="AD118" s="70"/>
      <c r="AE118" s="70"/>
      <c r="AF118" s="70"/>
    </row>
    <row r="119" spans="3:32" x14ac:dyDescent="0.2">
      <c r="C119" s="70"/>
      <c r="D119" s="70"/>
      <c r="E119" s="70"/>
      <c r="F119" s="70"/>
      <c r="G119" s="70"/>
      <c r="H119" s="70"/>
      <c r="I119" s="70"/>
      <c r="J119" s="70"/>
      <c r="K119" s="70"/>
      <c r="L119" s="70"/>
      <c r="M119" s="70"/>
      <c r="N119" s="70"/>
      <c r="O119" s="70"/>
      <c r="P119" s="70"/>
      <c r="Q119" s="70"/>
      <c r="R119" s="70"/>
      <c r="S119" s="70"/>
      <c r="T119" s="70"/>
      <c r="U119" s="70"/>
      <c r="V119" s="70"/>
      <c r="W119" s="70"/>
      <c r="X119" s="70"/>
      <c r="Y119" s="70"/>
      <c r="Z119" s="70"/>
      <c r="AA119" s="70"/>
      <c r="AB119" s="70"/>
      <c r="AC119" s="70"/>
      <c r="AD119" s="70"/>
      <c r="AE119" s="70"/>
      <c r="AF119" s="70"/>
    </row>
    <row r="120" spans="3:32" x14ac:dyDescent="0.2">
      <c r="C120" s="70"/>
      <c r="D120" s="70"/>
      <c r="E120" s="70"/>
      <c r="F120" s="70"/>
      <c r="G120" s="70"/>
      <c r="H120" s="70"/>
      <c r="I120" s="70"/>
      <c r="J120" s="70"/>
      <c r="K120" s="70"/>
      <c r="L120" s="70"/>
      <c r="M120" s="70"/>
      <c r="N120" s="70"/>
      <c r="O120" s="70"/>
      <c r="P120" s="70"/>
      <c r="Q120" s="70"/>
      <c r="R120" s="70"/>
      <c r="S120" s="70"/>
      <c r="T120" s="70"/>
      <c r="U120" s="70"/>
      <c r="V120" s="70"/>
      <c r="W120" s="70"/>
      <c r="X120" s="70"/>
      <c r="Y120" s="70"/>
      <c r="Z120" s="70"/>
      <c r="AA120" s="70"/>
      <c r="AB120" s="70"/>
      <c r="AC120" s="70"/>
      <c r="AD120" s="70"/>
      <c r="AE120" s="70"/>
      <c r="AF120" s="70"/>
    </row>
    <row r="121" spans="3:32" x14ac:dyDescent="0.2">
      <c r="C121" s="70"/>
      <c r="D121" s="70"/>
      <c r="E121" s="70"/>
      <c r="F121" s="70"/>
      <c r="G121" s="70"/>
      <c r="H121" s="70"/>
      <c r="I121" s="70"/>
      <c r="J121" s="70"/>
      <c r="K121" s="70"/>
      <c r="L121" s="70"/>
      <c r="M121" s="70"/>
      <c r="N121" s="70"/>
      <c r="O121" s="70"/>
      <c r="P121" s="70"/>
      <c r="Q121" s="70"/>
      <c r="R121" s="70"/>
      <c r="S121" s="70"/>
      <c r="T121" s="70"/>
      <c r="U121" s="70"/>
      <c r="V121" s="70"/>
      <c r="W121" s="70"/>
      <c r="X121" s="70"/>
      <c r="Y121" s="70"/>
      <c r="Z121" s="70"/>
      <c r="AA121" s="70"/>
      <c r="AB121" s="70"/>
      <c r="AC121" s="70"/>
      <c r="AD121" s="70"/>
      <c r="AE121" s="70"/>
      <c r="AF121" s="70"/>
    </row>
    <row r="122" spans="3:32" x14ac:dyDescent="0.2">
      <c r="C122" s="70"/>
      <c r="D122" s="70"/>
      <c r="E122" s="70"/>
      <c r="F122" s="70"/>
      <c r="G122" s="70"/>
      <c r="H122" s="70"/>
      <c r="I122" s="70"/>
      <c r="J122" s="70"/>
      <c r="K122" s="70"/>
      <c r="L122" s="70"/>
      <c r="M122" s="70"/>
      <c r="N122" s="70"/>
      <c r="O122" s="70"/>
      <c r="P122" s="70"/>
      <c r="Q122" s="70"/>
      <c r="R122" s="70"/>
      <c r="S122" s="70"/>
      <c r="T122" s="70"/>
      <c r="U122" s="70"/>
      <c r="V122" s="70"/>
      <c r="W122" s="70"/>
      <c r="X122" s="70"/>
      <c r="Y122" s="70"/>
      <c r="Z122" s="70"/>
      <c r="AA122" s="70"/>
      <c r="AB122" s="70"/>
      <c r="AC122" s="70"/>
      <c r="AD122" s="70"/>
      <c r="AE122" s="70"/>
      <c r="AF122" s="70"/>
    </row>
    <row r="123" spans="3:32" x14ac:dyDescent="0.2">
      <c r="C123" s="70"/>
      <c r="D123" s="70"/>
      <c r="E123" s="70"/>
      <c r="F123" s="70"/>
      <c r="G123" s="70"/>
      <c r="H123" s="70"/>
      <c r="I123" s="70"/>
      <c r="J123" s="70"/>
      <c r="K123" s="70"/>
      <c r="L123" s="70"/>
      <c r="M123" s="70"/>
      <c r="N123" s="70"/>
      <c r="O123" s="70"/>
      <c r="P123" s="70"/>
      <c r="Q123" s="70"/>
      <c r="R123" s="70"/>
      <c r="S123" s="70"/>
      <c r="T123" s="70"/>
      <c r="U123" s="70"/>
      <c r="V123" s="70"/>
      <c r="W123" s="70"/>
      <c r="X123" s="70"/>
      <c r="Y123" s="70"/>
      <c r="Z123" s="70"/>
      <c r="AA123" s="70"/>
      <c r="AB123" s="70"/>
      <c r="AC123" s="70"/>
      <c r="AD123" s="70"/>
      <c r="AE123" s="70"/>
      <c r="AF123" s="70"/>
    </row>
    <row r="124" spans="3:32" x14ac:dyDescent="0.2">
      <c r="C124" s="70"/>
      <c r="D124" s="70"/>
      <c r="E124" s="70"/>
      <c r="F124" s="70"/>
      <c r="G124" s="70"/>
      <c r="H124" s="70"/>
      <c r="I124" s="70"/>
      <c r="J124" s="70"/>
      <c r="K124" s="70"/>
      <c r="L124" s="70"/>
      <c r="M124" s="70"/>
      <c r="N124" s="70"/>
      <c r="O124" s="70"/>
      <c r="P124" s="70"/>
      <c r="Q124" s="70"/>
      <c r="R124" s="70"/>
      <c r="S124" s="70"/>
      <c r="T124" s="70"/>
      <c r="U124" s="70"/>
      <c r="V124" s="70"/>
      <c r="W124" s="70"/>
      <c r="X124" s="70"/>
      <c r="Y124" s="70"/>
      <c r="Z124" s="70"/>
      <c r="AA124" s="70"/>
      <c r="AB124" s="70"/>
      <c r="AC124" s="70"/>
      <c r="AD124" s="70"/>
      <c r="AE124" s="70"/>
      <c r="AF124" s="70"/>
    </row>
    <row r="125" spans="3:32" x14ac:dyDescent="0.2">
      <c r="C125" s="70"/>
      <c r="D125" s="70"/>
      <c r="E125" s="70"/>
      <c r="F125" s="70"/>
      <c r="G125" s="70"/>
      <c r="H125" s="70"/>
      <c r="I125" s="70"/>
      <c r="J125" s="70"/>
      <c r="K125" s="70"/>
      <c r="L125" s="70"/>
      <c r="M125" s="70"/>
      <c r="N125" s="70"/>
      <c r="O125" s="70"/>
      <c r="P125" s="70"/>
      <c r="Q125" s="70"/>
      <c r="R125" s="70"/>
      <c r="S125" s="70"/>
      <c r="T125" s="70"/>
      <c r="U125" s="70"/>
      <c r="V125" s="70"/>
      <c r="W125" s="70"/>
      <c r="X125" s="70"/>
      <c r="Y125" s="70"/>
      <c r="Z125" s="70"/>
      <c r="AA125" s="70"/>
      <c r="AB125" s="70"/>
      <c r="AC125" s="70"/>
      <c r="AD125" s="70"/>
      <c r="AE125" s="70"/>
      <c r="AF125" s="70"/>
    </row>
    <row r="126" spans="3:32" x14ac:dyDescent="0.2">
      <c r="C126" s="70"/>
      <c r="D126" s="70"/>
      <c r="E126" s="70"/>
      <c r="F126" s="70"/>
      <c r="G126" s="70"/>
      <c r="H126" s="70"/>
      <c r="I126" s="70"/>
      <c r="J126" s="70"/>
      <c r="K126" s="70"/>
      <c r="L126" s="70"/>
      <c r="M126" s="70"/>
      <c r="N126" s="70"/>
      <c r="O126" s="70"/>
      <c r="P126" s="70"/>
      <c r="Q126" s="70"/>
      <c r="R126" s="70"/>
      <c r="S126" s="70"/>
      <c r="T126" s="70"/>
      <c r="U126" s="70"/>
      <c r="V126" s="70"/>
      <c r="W126" s="70"/>
      <c r="X126" s="70"/>
      <c r="Y126" s="70"/>
      <c r="Z126" s="70"/>
      <c r="AA126" s="70"/>
      <c r="AB126" s="70"/>
      <c r="AC126" s="70"/>
      <c r="AD126" s="70"/>
      <c r="AE126" s="70"/>
      <c r="AF126" s="70"/>
    </row>
    <row r="127" spans="3:32" x14ac:dyDescent="0.2">
      <c r="C127" s="70"/>
      <c r="D127" s="70"/>
      <c r="E127" s="70"/>
      <c r="F127" s="70"/>
      <c r="G127" s="70"/>
      <c r="H127" s="70"/>
      <c r="I127" s="70"/>
      <c r="J127" s="70"/>
      <c r="K127" s="70"/>
      <c r="L127" s="70"/>
      <c r="M127" s="70"/>
      <c r="N127" s="70"/>
      <c r="O127" s="70"/>
      <c r="P127" s="70"/>
      <c r="Q127" s="70"/>
      <c r="R127" s="70"/>
      <c r="S127" s="70"/>
      <c r="T127" s="70"/>
      <c r="U127" s="70"/>
      <c r="V127" s="70"/>
      <c r="W127" s="70"/>
      <c r="X127" s="70"/>
      <c r="Y127" s="70"/>
      <c r="Z127" s="70"/>
      <c r="AA127" s="70"/>
      <c r="AB127" s="70"/>
      <c r="AC127" s="70"/>
      <c r="AD127" s="70"/>
      <c r="AE127" s="70"/>
      <c r="AF127" s="70"/>
    </row>
    <row r="128" spans="3:32" x14ac:dyDescent="0.2">
      <c r="C128" s="70"/>
      <c r="D128" s="70"/>
      <c r="E128" s="70"/>
      <c r="F128" s="70"/>
      <c r="G128" s="70"/>
      <c r="H128" s="70"/>
      <c r="I128" s="70"/>
      <c r="J128" s="70"/>
      <c r="K128" s="70"/>
      <c r="L128" s="70"/>
      <c r="M128" s="70"/>
      <c r="N128" s="70"/>
      <c r="O128" s="70"/>
      <c r="P128" s="70"/>
      <c r="Q128" s="70"/>
      <c r="R128" s="70"/>
      <c r="S128" s="70"/>
      <c r="T128" s="70"/>
      <c r="U128" s="70"/>
      <c r="V128" s="70"/>
      <c r="W128" s="70"/>
      <c r="X128" s="70"/>
      <c r="Y128" s="70"/>
      <c r="Z128" s="70"/>
      <c r="AA128" s="70"/>
      <c r="AB128" s="70"/>
      <c r="AC128" s="70"/>
      <c r="AD128" s="70"/>
      <c r="AE128" s="70"/>
      <c r="AF128" s="70"/>
    </row>
    <row r="129" spans="3:32" x14ac:dyDescent="0.2">
      <c r="C129" s="70"/>
      <c r="D129" s="70"/>
      <c r="E129" s="70"/>
      <c r="F129" s="70"/>
      <c r="G129" s="70"/>
      <c r="H129" s="70"/>
      <c r="I129" s="70"/>
      <c r="J129" s="70"/>
      <c r="K129" s="70"/>
      <c r="L129" s="70"/>
      <c r="M129" s="70"/>
      <c r="N129" s="70"/>
      <c r="O129" s="70"/>
      <c r="P129" s="70"/>
      <c r="Q129" s="70"/>
      <c r="R129" s="70"/>
      <c r="S129" s="70"/>
      <c r="T129" s="70"/>
      <c r="U129" s="70"/>
      <c r="V129" s="70"/>
      <c r="W129" s="70"/>
      <c r="X129" s="70"/>
      <c r="Y129" s="70"/>
      <c r="Z129" s="70"/>
      <c r="AA129" s="70"/>
      <c r="AB129" s="70"/>
      <c r="AC129" s="70"/>
      <c r="AD129" s="70"/>
      <c r="AE129" s="70"/>
      <c r="AF129" s="70"/>
    </row>
    <row r="130" spans="3:32" x14ac:dyDescent="0.2">
      <c r="C130" s="70"/>
      <c r="D130" s="70"/>
      <c r="E130" s="70"/>
      <c r="F130" s="70"/>
      <c r="G130" s="70"/>
      <c r="H130" s="70"/>
      <c r="I130" s="70"/>
      <c r="J130" s="70"/>
      <c r="K130" s="70"/>
      <c r="L130" s="70"/>
      <c r="M130" s="70"/>
      <c r="N130" s="70"/>
      <c r="O130" s="70"/>
      <c r="P130" s="70"/>
      <c r="Q130" s="70"/>
      <c r="R130" s="70"/>
      <c r="S130" s="70"/>
      <c r="T130" s="70"/>
      <c r="U130" s="70"/>
      <c r="V130" s="70"/>
      <c r="W130" s="70"/>
      <c r="X130" s="70"/>
      <c r="Y130" s="70"/>
      <c r="Z130" s="70"/>
      <c r="AA130" s="70"/>
      <c r="AB130" s="70"/>
      <c r="AC130" s="70"/>
      <c r="AD130" s="70"/>
      <c r="AE130" s="70"/>
      <c r="AF130" s="70"/>
    </row>
    <row r="131" spans="3:32" x14ac:dyDescent="0.2">
      <c r="C131" s="70"/>
      <c r="D131" s="70"/>
      <c r="E131" s="70"/>
      <c r="F131" s="70"/>
      <c r="G131" s="70"/>
      <c r="H131" s="70"/>
      <c r="I131" s="70"/>
      <c r="J131" s="70"/>
      <c r="K131" s="70"/>
      <c r="L131" s="70"/>
      <c r="M131" s="70"/>
      <c r="N131" s="70"/>
      <c r="O131" s="70"/>
      <c r="P131" s="70"/>
      <c r="Q131" s="70"/>
      <c r="R131" s="70"/>
      <c r="S131" s="70"/>
      <c r="T131" s="70"/>
      <c r="U131" s="70"/>
      <c r="V131" s="70"/>
      <c r="W131" s="70"/>
      <c r="X131" s="70"/>
      <c r="Y131" s="70"/>
      <c r="Z131" s="70"/>
      <c r="AA131" s="70"/>
      <c r="AB131" s="70"/>
      <c r="AC131" s="70"/>
      <c r="AD131" s="70"/>
      <c r="AE131" s="70"/>
      <c r="AF131" s="70"/>
    </row>
    <row r="132" spans="3:32" x14ac:dyDescent="0.2">
      <c r="C132" s="70"/>
      <c r="D132" s="70"/>
      <c r="E132" s="70"/>
      <c r="F132" s="70"/>
      <c r="G132" s="70"/>
      <c r="H132" s="70"/>
      <c r="I132" s="70"/>
      <c r="J132" s="70"/>
      <c r="K132" s="70"/>
      <c r="L132" s="70"/>
      <c r="M132" s="70"/>
      <c r="N132" s="70"/>
      <c r="O132" s="70"/>
      <c r="P132" s="70"/>
      <c r="Q132" s="70"/>
      <c r="R132" s="70"/>
      <c r="S132" s="70"/>
      <c r="T132" s="70"/>
      <c r="U132" s="70"/>
      <c r="V132" s="70"/>
      <c r="W132" s="70"/>
      <c r="X132" s="70"/>
      <c r="Y132" s="70"/>
      <c r="Z132" s="70"/>
      <c r="AA132" s="70"/>
      <c r="AB132" s="70"/>
      <c r="AC132" s="70"/>
      <c r="AD132" s="70"/>
      <c r="AE132" s="70"/>
      <c r="AF132" s="70"/>
    </row>
    <row r="133" spans="3:32" x14ac:dyDescent="0.2">
      <c r="C133" s="70"/>
      <c r="D133" s="70"/>
      <c r="E133" s="70"/>
      <c r="F133" s="70"/>
      <c r="G133" s="70"/>
      <c r="H133" s="70"/>
      <c r="I133" s="70"/>
      <c r="J133" s="70"/>
      <c r="K133" s="70"/>
      <c r="L133" s="70"/>
      <c r="M133" s="70"/>
      <c r="N133" s="70"/>
      <c r="O133" s="70"/>
      <c r="P133" s="70"/>
      <c r="Q133" s="70"/>
      <c r="R133" s="70"/>
      <c r="S133" s="70"/>
      <c r="T133" s="70"/>
      <c r="U133" s="70"/>
      <c r="V133" s="70"/>
      <c r="W133" s="70"/>
      <c r="X133" s="70"/>
      <c r="Y133" s="70"/>
      <c r="Z133" s="70"/>
      <c r="AA133" s="70"/>
      <c r="AB133" s="70"/>
      <c r="AC133" s="70"/>
      <c r="AD133" s="70"/>
      <c r="AE133" s="70"/>
      <c r="AF133" s="70"/>
    </row>
    <row r="134" spans="3:32" x14ac:dyDescent="0.2">
      <c r="C134" s="70"/>
      <c r="D134" s="70"/>
      <c r="E134" s="70"/>
      <c r="F134" s="70"/>
      <c r="G134" s="70"/>
      <c r="H134" s="70"/>
      <c r="I134" s="70"/>
      <c r="J134" s="70"/>
      <c r="K134" s="70"/>
      <c r="L134" s="70"/>
      <c r="M134" s="70"/>
      <c r="N134" s="70"/>
      <c r="O134" s="70"/>
      <c r="P134" s="70"/>
      <c r="Q134" s="70"/>
      <c r="R134" s="70"/>
      <c r="S134" s="70"/>
      <c r="T134" s="70"/>
      <c r="U134" s="70"/>
      <c r="V134" s="70"/>
      <c r="W134" s="70"/>
      <c r="X134" s="70"/>
      <c r="Y134" s="70"/>
      <c r="Z134" s="70"/>
      <c r="AA134" s="70"/>
      <c r="AB134" s="70"/>
      <c r="AC134" s="70"/>
      <c r="AD134" s="70"/>
      <c r="AE134" s="70"/>
      <c r="AF134" s="70"/>
    </row>
    <row r="135" spans="3:32" x14ac:dyDescent="0.2">
      <c r="C135" s="70"/>
      <c r="D135" s="70"/>
      <c r="E135" s="70"/>
      <c r="F135" s="70"/>
      <c r="G135" s="70"/>
      <c r="H135" s="70"/>
      <c r="I135" s="70"/>
      <c r="J135" s="70"/>
      <c r="K135" s="70"/>
      <c r="L135" s="70"/>
      <c r="M135" s="70"/>
      <c r="N135" s="70"/>
      <c r="O135" s="70"/>
      <c r="P135" s="70"/>
      <c r="Q135" s="70"/>
      <c r="R135" s="70"/>
      <c r="S135" s="70"/>
      <c r="T135" s="70"/>
      <c r="U135" s="70"/>
      <c r="V135" s="70"/>
      <c r="W135" s="70"/>
      <c r="X135" s="70"/>
      <c r="Y135" s="70"/>
      <c r="Z135" s="70"/>
      <c r="AA135" s="70"/>
      <c r="AB135" s="70"/>
      <c r="AC135" s="70"/>
      <c r="AD135" s="70"/>
      <c r="AE135" s="70"/>
      <c r="AF135" s="70"/>
    </row>
    <row r="136" spans="3:32" x14ac:dyDescent="0.2">
      <c r="C136" s="70"/>
      <c r="D136" s="70"/>
      <c r="E136" s="70"/>
      <c r="F136" s="70"/>
      <c r="G136" s="70"/>
      <c r="H136" s="70"/>
      <c r="I136" s="70"/>
      <c r="J136" s="70"/>
      <c r="K136" s="70"/>
      <c r="L136" s="70"/>
      <c r="M136" s="70"/>
      <c r="N136" s="70"/>
      <c r="O136" s="70"/>
      <c r="P136" s="70"/>
      <c r="Q136" s="70"/>
      <c r="R136" s="70"/>
      <c r="S136" s="70"/>
      <c r="T136" s="70"/>
      <c r="U136" s="70"/>
      <c r="V136" s="70"/>
      <c r="W136" s="70"/>
      <c r="X136" s="70"/>
      <c r="Y136" s="70"/>
      <c r="Z136" s="70"/>
      <c r="AA136" s="70"/>
      <c r="AB136" s="70"/>
      <c r="AC136" s="70"/>
      <c r="AD136" s="70"/>
      <c r="AE136" s="70"/>
      <c r="AF136" s="70"/>
    </row>
    <row r="137" spans="3:32" x14ac:dyDescent="0.2">
      <c r="C137" s="70"/>
      <c r="D137" s="70"/>
      <c r="E137" s="70"/>
      <c r="F137" s="70"/>
      <c r="G137" s="70"/>
      <c r="H137" s="70"/>
      <c r="I137" s="70"/>
      <c r="J137" s="70"/>
      <c r="K137" s="70"/>
      <c r="L137" s="70"/>
      <c r="M137" s="70"/>
      <c r="N137" s="70"/>
      <c r="O137" s="70"/>
      <c r="P137" s="70"/>
      <c r="Q137" s="70"/>
      <c r="R137" s="70"/>
      <c r="S137" s="70"/>
      <c r="T137" s="70"/>
      <c r="U137" s="70"/>
      <c r="V137" s="70"/>
      <c r="W137" s="70"/>
      <c r="X137" s="70"/>
      <c r="Y137" s="70"/>
      <c r="Z137" s="70"/>
      <c r="AA137" s="70"/>
      <c r="AB137" s="70"/>
      <c r="AC137" s="70"/>
      <c r="AD137" s="70"/>
      <c r="AE137" s="70"/>
      <c r="AF137" s="70"/>
    </row>
    <row r="138" spans="3:32" x14ac:dyDescent="0.2">
      <c r="C138" s="70"/>
      <c r="D138" s="70"/>
      <c r="E138" s="70"/>
      <c r="F138" s="70"/>
      <c r="G138" s="70"/>
      <c r="H138" s="70"/>
      <c r="I138" s="70"/>
      <c r="J138" s="70"/>
      <c r="K138" s="70"/>
      <c r="L138" s="70"/>
      <c r="M138" s="70"/>
      <c r="N138" s="70"/>
      <c r="O138" s="70"/>
      <c r="P138" s="70"/>
      <c r="Q138" s="70"/>
      <c r="R138" s="70"/>
      <c r="S138" s="70"/>
      <c r="T138" s="70"/>
      <c r="U138" s="70"/>
      <c r="V138" s="70"/>
      <c r="W138" s="70"/>
      <c r="X138" s="70"/>
      <c r="Y138" s="70"/>
      <c r="Z138" s="70"/>
      <c r="AA138" s="70"/>
      <c r="AB138" s="70"/>
      <c r="AC138" s="70"/>
      <c r="AD138" s="70"/>
      <c r="AE138" s="70"/>
      <c r="AF138" s="70"/>
    </row>
    <row r="139" spans="3:32" x14ac:dyDescent="0.2">
      <c r="C139" s="70"/>
      <c r="D139" s="70"/>
      <c r="E139" s="70"/>
      <c r="F139" s="70"/>
      <c r="G139" s="70"/>
      <c r="H139" s="70"/>
      <c r="I139" s="70"/>
      <c r="J139" s="70"/>
      <c r="K139" s="70"/>
      <c r="L139" s="70"/>
      <c r="M139" s="70"/>
      <c r="N139" s="70"/>
      <c r="O139" s="70"/>
      <c r="P139" s="70"/>
      <c r="Q139" s="70"/>
      <c r="R139" s="70"/>
      <c r="S139" s="70"/>
      <c r="T139" s="70"/>
      <c r="U139" s="70"/>
      <c r="V139" s="70"/>
      <c r="W139" s="70"/>
      <c r="X139" s="70"/>
      <c r="Y139" s="70"/>
      <c r="Z139" s="70"/>
      <c r="AA139" s="70"/>
      <c r="AB139" s="70"/>
      <c r="AC139" s="70"/>
      <c r="AD139" s="70"/>
      <c r="AE139" s="70"/>
      <c r="AF139" s="70"/>
    </row>
    <row r="140" spans="3:32" x14ac:dyDescent="0.2">
      <c r="C140" s="70"/>
      <c r="D140" s="70"/>
      <c r="E140" s="70"/>
      <c r="F140" s="70"/>
      <c r="G140" s="70"/>
      <c r="H140" s="70"/>
      <c r="I140" s="70"/>
      <c r="J140" s="70"/>
      <c r="K140" s="70"/>
      <c r="L140" s="70"/>
      <c r="M140" s="70"/>
      <c r="N140" s="70"/>
      <c r="O140" s="70"/>
      <c r="P140" s="70"/>
      <c r="Q140" s="70"/>
      <c r="R140" s="70"/>
      <c r="S140" s="70"/>
      <c r="T140" s="70"/>
      <c r="U140" s="70"/>
      <c r="V140" s="70"/>
      <c r="W140" s="70"/>
      <c r="X140" s="70"/>
      <c r="Y140" s="70"/>
      <c r="Z140" s="70"/>
      <c r="AA140" s="70"/>
      <c r="AB140" s="70"/>
      <c r="AC140" s="70"/>
      <c r="AD140" s="70"/>
      <c r="AE140" s="70"/>
      <c r="AF140" s="70"/>
    </row>
    <row r="141" spans="3:32" x14ac:dyDescent="0.2">
      <c r="C141" s="70"/>
      <c r="D141" s="70"/>
      <c r="E141" s="70"/>
      <c r="F141" s="70"/>
      <c r="G141" s="70"/>
      <c r="H141" s="70"/>
      <c r="I141" s="70"/>
      <c r="J141" s="70"/>
      <c r="K141" s="70"/>
      <c r="L141" s="70"/>
      <c r="M141" s="70"/>
      <c r="N141" s="70"/>
      <c r="O141" s="70"/>
      <c r="P141" s="70"/>
      <c r="Q141" s="70"/>
      <c r="R141" s="70"/>
      <c r="S141" s="70"/>
      <c r="T141" s="70"/>
      <c r="U141" s="70"/>
      <c r="V141" s="70"/>
      <c r="W141" s="70"/>
      <c r="X141" s="70"/>
      <c r="Y141" s="70"/>
      <c r="Z141" s="70"/>
      <c r="AA141" s="70"/>
      <c r="AB141" s="70"/>
      <c r="AC141" s="70"/>
      <c r="AD141" s="70"/>
      <c r="AE141" s="70"/>
      <c r="AF141" s="70"/>
    </row>
    <row r="142" spans="3:32" x14ac:dyDescent="0.2">
      <c r="C142" s="70"/>
      <c r="D142" s="70"/>
      <c r="E142" s="70"/>
      <c r="F142" s="70"/>
      <c r="G142" s="70"/>
      <c r="H142" s="70"/>
      <c r="I142" s="70"/>
      <c r="J142" s="70"/>
      <c r="K142" s="70"/>
      <c r="L142" s="70"/>
      <c r="M142" s="70"/>
      <c r="N142" s="70"/>
      <c r="O142" s="70"/>
      <c r="P142" s="70"/>
      <c r="Q142" s="70"/>
      <c r="R142" s="70"/>
      <c r="S142" s="70"/>
      <c r="T142" s="70"/>
      <c r="U142" s="70"/>
      <c r="V142" s="70"/>
      <c r="W142" s="70"/>
      <c r="X142" s="70"/>
      <c r="Y142" s="70"/>
      <c r="Z142" s="70"/>
      <c r="AA142" s="70"/>
      <c r="AB142" s="70"/>
      <c r="AC142" s="70"/>
      <c r="AD142" s="70"/>
      <c r="AE142" s="70"/>
      <c r="AF142" s="70"/>
    </row>
    <row r="143" spans="3:32" x14ac:dyDescent="0.2">
      <c r="C143" s="70"/>
      <c r="D143" s="70"/>
      <c r="E143" s="70"/>
      <c r="F143" s="70"/>
      <c r="G143" s="70"/>
      <c r="H143" s="70"/>
      <c r="I143" s="70"/>
      <c r="J143" s="70"/>
      <c r="K143" s="70"/>
      <c r="L143" s="70"/>
      <c r="M143" s="70"/>
      <c r="N143" s="70"/>
      <c r="O143" s="70"/>
      <c r="P143" s="70"/>
      <c r="Q143" s="70"/>
      <c r="R143" s="70"/>
      <c r="S143" s="70"/>
      <c r="T143" s="70"/>
      <c r="U143" s="70"/>
      <c r="V143" s="70"/>
      <c r="W143" s="70"/>
      <c r="X143" s="70"/>
      <c r="Y143" s="70"/>
      <c r="Z143" s="70"/>
      <c r="AA143" s="70"/>
      <c r="AB143" s="70"/>
      <c r="AC143" s="70"/>
      <c r="AD143" s="70"/>
      <c r="AE143" s="70"/>
      <c r="AF143" s="70"/>
    </row>
    <row r="144" spans="3:32" x14ac:dyDescent="0.2">
      <c r="C144" s="70"/>
      <c r="D144" s="70"/>
      <c r="E144" s="70"/>
      <c r="F144" s="70"/>
      <c r="G144" s="70"/>
      <c r="H144" s="70"/>
      <c r="I144" s="70"/>
      <c r="J144" s="70"/>
      <c r="K144" s="70"/>
      <c r="L144" s="70"/>
      <c r="M144" s="70"/>
      <c r="N144" s="70"/>
      <c r="O144" s="70"/>
      <c r="P144" s="70"/>
      <c r="Q144" s="70"/>
      <c r="R144" s="70"/>
      <c r="S144" s="70"/>
      <c r="T144" s="70"/>
      <c r="U144" s="70"/>
      <c r="V144" s="70"/>
      <c r="W144" s="70"/>
      <c r="X144" s="70"/>
      <c r="Y144" s="70"/>
      <c r="Z144" s="70"/>
      <c r="AA144" s="70"/>
      <c r="AB144" s="70"/>
      <c r="AC144" s="70"/>
      <c r="AD144" s="70"/>
      <c r="AE144" s="70"/>
      <c r="AF144" s="70"/>
    </row>
    <row r="145" spans="3:32" x14ac:dyDescent="0.2">
      <c r="C145" s="70"/>
      <c r="D145" s="70"/>
      <c r="E145" s="70"/>
      <c r="F145" s="70"/>
      <c r="G145" s="70"/>
      <c r="H145" s="70"/>
      <c r="I145" s="70"/>
      <c r="J145" s="70"/>
      <c r="K145" s="70"/>
      <c r="L145" s="70"/>
      <c r="M145" s="70"/>
      <c r="N145" s="70"/>
      <c r="O145" s="70"/>
      <c r="P145" s="70"/>
      <c r="Q145" s="70"/>
      <c r="R145" s="70"/>
      <c r="S145" s="70"/>
      <c r="T145" s="70"/>
      <c r="U145" s="70"/>
      <c r="V145" s="70"/>
      <c r="W145" s="70"/>
      <c r="X145" s="70"/>
      <c r="Y145" s="70"/>
      <c r="Z145" s="70"/>
      <c r="AA145" s="70"/>
      <c r="AB145" s="70"/>
      <c r="AC145" s="70"/>
      <c r="AD145" s="70"/>
      <c r="AE145" s="70"/>
      <c r="AF145" s="70"/>
    </row>
    <row r="146" spans="3:32" x14ac:dyDescent="0.2">
      <c r="C146" s="70"/>
      <c r="D146" s="70"/>
      <c r="E146" s="70"/>
      <c r="F146" s="70"/>
      <c r="G146" s="70"/>
      <c r="H146" s="70"/>
      <c r="I146" s="70"/>
      <c r="J146" s="70"/>
      <c r="K146" s="70"/>
      <c r="L146" s="70"/>
      <c r="M146" s="70"/>
      <c r="N146" s="70"/>
      <c r="O146" s="70"/>
      <c r="P146" s="70"/>
      <c r="Q146" s="70"/>
      <c r="R146" s="70"/>
      <c r="S146" s="70"/>
      <c r="T146" s="70"/>
      <c r="U146" s="70"/>
      <c r="V146" s="70"/>
      <c r="W146" s="70"/>
      <c r="X146" s="70"/>
      <c r="Y146" s="70"/>
      <c r="Z146" s="70"/>
      <c r="AA146" s="70"/>
      <c r="AB146" s="70"/>
      <c r="AC146" s="70"/>
      <c r="AD146" s="70"/>
      <c r="AE146" s="70"/>
      <c r="AF146" s="70"/>
    </row>
    <row r="147" spans="3:32" x14ac:dyDescent="0.2">
      <c r="C147" s="70"/>
      <c r="D147" s="70"/>
      <c r="E147" s="70"/>
      <c r="F147" s="70"/>
      <c r="G147" s="70"/>
      <c r="H147" s="70"/>
      <c r="I147" s="70"/>
      <c r="J147" s="70"/>
      <c r="K147" s="70"/>
      <c r="L147" s="70"/>
      <c r="M147" s="70"/>
      <c r="N147" s="70"/>
      <c r="O147" s="70"/>
      <c r="P147" s="70"/>
      <c r="Q147" s="70"/>
      <c r="R147" s="70"/>
      <c r="S147" s="70"/>
      <c r="T147" s="70"/>
      <c r="U147" s="70"/>
      <c r="V147" s="70"/>
      <c r="W147" s="70"/>
      <c r="X147" s="70"/>
      <c r="Y147" s="70"/>
      <c r="Z147" s="70"/>
      <c r="AA147" s="70"/>
      <c r="AB147" s="70"/>
      <c r="AC147" s="70"/>
      <c r="AD147" s="70"/>
      <c r="AE147" s="70"/>
      <c r="AF147" s="70"/>
    </row>
    <row r="148" spans="3:32" x14ac:dyDescent="0.2">
      <c r="C148" s="70"/>
      <c r="D148" s="70"/>
      <c r="E148" s="70"/>
      <c r="F148" s="70"/>
      <c r="G148" s="70"/>
      <c r="H148" s="70"/>
      <c r="I148" s="70"/>
      <c r="J148" s="70"/>
      <c r="K148" s="70"/>
      <c r="L148" s="70"/>
      <c r="M148" s="70"/>
      <c r="N148" s="70"/>
      <c r="O148" s="70"/>
      <c r="P148" s="70"/>
      <c r="Q148" s="70"/>
      <c r="R148" s="70"/>
      <c r="S148" s="70"/>
      <c r="T148" s="70"/>
      <c r="U148" s="70"/>
      <c r="V148" s="70"/>
      <c r="W148" s="70"/>
      <c r="X148" s="70"/>
      <c r="Y148" s="70"/>
      <c r="Z148" s="70"/>
      <c r="AA148" s="70"/>
      <c r="AB148" s="70"/>
      <c r="AC148" s="70"/>
      <c r="AD148" s="70"/>
      <c r="AE148" s="70"/>
      <c r="AF148" s="70"/>
    </row>
    <row r="149" spans="3:32" x14ac:dyDescent="0.2">
      <c r="C149" s="70"/>
      <c r="D149" s="70"/>
      <c r="E149" s="70"/>
      <c r="F149" s="70"/>
      <c r="G149" s="70"/>
      <c r="H149" s="70"/>
      <c r="I149" s="70"/>
      <c r="J149" s="70"/>
      <c r="K149" s="70"/>
      <c r="L149" s="70"/>
      <c r="M149" s="70"/>
      <c r="N149" s="70"/>
      <c r="O149" s="70"/>
      <c r="P149" s="70"/>
      <c r="Q149" s="70"/>
      <c r="R149" s="70"/>
      <c r="S149" s="70"/>
      <c r="T149" s="70"/>
      <c r="U149" s="70"/>
      <c r="V149" s="70"/>
      <c r="W149" s="70"/>
      <c r="X149" s="70"/>
      <c r="Y149" s="70"/>
      <c r="Z149" s="70"/>
      <c r="AA149" s="70"/>
      <c r="AB149" s="70"/>
      <c r="AC149" s="70"/>
      <c r="AD149" s="70"/>
      <c r="AE149" s="70"/>
      <c r="AF149" s="70"/>
    </row>
    <row r="150" spans="3:32" x14ac:dyDescent="0.2">
      <c r="C150" s="70"/>
      <c r="D150" s="70"/>
      <c r="E150" s="70"/>
      <c r="F150" s="70"/>
      <c r="G150" s="70"/>
      <c r="H150" s="70"/>
      <c r="I150" s="70"/>
      <c r="J150" s="70"/>
      <c r="K150" s="70"/>
      <c r="L150" s="70"/>
      <c r="M150" s="70"/>
      <c r="N150" s="70"/>
      <c r="O150" s="70"/>
      <c r="P150" s="70"/>
      <c r="Q150" s="70"/>
      <c r="R150" s="70"/>
      <c r="S150" s="70"/>
      <c r="T150" s="70"/>
      <c r="U150" s="70"/>
      <c r="V150" s="70"/>
      <c r="W150" s="70"/>
      <c r="X150" s="70"/>
      <c r="Y150" s="70"/>
      <c r="Z150" s="70"/>
      <c r="AA150" s="70"/>
      <c r="AB150" s="70"/>
      <c r="AC150" s="70"/>
      <c r="AD150" s="70"/>
      <c r="AE150" s="70"/>
      <c r="AF150" s="70"/>
    </row>
    <row r="151" spans="3:32" x14ac:dyDescent="0.2">
      <c r="C151" s="70"/>
      <c r="D151" s="70"/>
      <c r="E151" s="70"/>
      <c r="F151" s="70"/>
      <c r="G151" s="70"/>
      <c r="H151" s="70"/>
      <c r="I151" s="70"/>
      <c r="J151" s="70"/>
      <c r="K151" s="70"/>
      <c r="L151" s="70"/>
      <c r="M151" s="70"/>
      <c r="N151" s="70"/>
      <c r="O151" s="70"/>
      <c r="P151" s="70"/>
      <c r="Q151" s="70"/>
      <c r="R151" s="70"/>
      <c r="S151" s="70"/>
      <c r="T151" s="70"/>
      <c r="U151" s="70"/>
      <c r="V151" s="70"/>
      <c r="W151" s="70"/>
      <c r="X151" s="70"/>
      <c r="Y151" s="70"/>
      <c r="Z151" s="70"/>
      <c r="AA151" s="70"/>
      <c r="AB151" s="70"/>
      <c r="AC151" s="70"/>
      <c r="AD151" s="70"/>
      <c r="AE151" s="70"/>
      <c r="AF151" s="70"/>
    </row>
    <row r="152" spans="3:32" x14ac:dyDescent="0.2">
      <c r="C152" s="70"/>
      <c r="D152" s="70"/>
      <c r="E152" s="70"/>
      <c r="F152" s="70"/>
      <c r="G152" s="70"/>
      <c r="H152" s="70"/>
      <c r="I152" s="70"/>
      <c r="J152" s="70"/>
      <c r="K152" s="70"/>
      <c r="L152" s="70"/>
      <c r="M152" s="70"/>
      <c r="N152" s="70"/>
      <c r="O152" s="70"/>
      <c r="P152" s="70"/>
      <c r="Q152" s="70"/>
      <c r="R152" s="70"/>
      <c r="S152" s="70"/>
      <c r="T152" s="70"/>
      <c r="U152" s="70"/>
      <c r="V152" s="70"/>
      <c r="W152" s="70"/>
      <c r="X152" s="70"/>
      <c r="Y152" s="70"/>
      <c r="Z152" s="70"/>
      <c r="AA152" s="70"/>
      <c r="AB152" s="70"/>
      <c r="AC152" s="70"/>
      <c r="AD152" s="70"/>
      <c r="AE152" s="70"/>
      <c r="AF152" s="70"/>
    </row>
    <row r="153" spans="3:32" x14ac:dyDescent="0.2">
      <c r="C153" s="70"/>
      <c r="D153" s="70"/>
      <c r="E153" s="70"/>
      <c r="F153" s="70"/>
      <c r="G153" s="70"/>
      <c r="H153" s="70"/>
      <c r="I153" s="70"/>
      <c r="J153" s="70"/>
      <c r="K153" s="70"/>
      <c r="L153" s="70"/>
      <c r="M153" s="70"/>
      <c r="N153" s="70"/>
      <c r="O153" s="70"/>
      <c r="P153" s="70"/>
      <c r="Q153" s="70"/>
      <c r="R153" s="70"/>
      <c r="S153" s="70"/>
      <c r="T153" s="70"/>
      <c r="U153" s="70"/>
      <c r="V153" s="70"/>
      <c r="W153" s="70"/>
      <c r="X153" s="70"/>
      <c r="Y153" s="70"/>
      <c r="Z153" s="70"/>
      <c r="AA153" s="70"/>
      <c r="AB153" s="70"/>
      <c r="AC153" s="70"/>
      <c r="AD153" s="70"/>
      <c r="AE153" s="70"/>
      <c r="AF153" s="70"/>
    </row>
    <row r="154" spans="3:32" x14ac:dyDescent="0.2">
      <c r="C154" s="70"/>
      <c r="D154" s="70"/>
      <c r="E154" s="70"/>
      <c r="F154" s="70"/>
      <c r="G154" s="70"/>
      <c r="H154" s="70"/>
      <c r="I154" s="70"/>
      <c r="J154" s="70"/>
      <c r="K154" s="70"/>
      <c r="L154" s="70"/>
      <c r="M154" s="70"/>
      <c r="N154" s="70"/>
      <c r="O154" s="70"/>
      <c r="P154" s="70"/>
      <c r="Q154" s="70"/>
      <c r="R154" s="70"/>
      <c r="S154" s="70"/>
      <c r="T154" s="70"/>
      <c r="U154" s="70"/>
      <c r="V154" s="70"/>
      <c r="W154" s="70"/>
      <c r="X154" s="70"/>
      <c r="Y154" s="70"/>
      <c r="Z154" s="70"/>
      <c r="AA154" s="70"/>
      <c r="AB154" s="70"/>
      <c r="AC154" s="70"/>
      <c r="AD154" s="70"/>
      <c r="AE154" s="70"/>
      <c r="AF154" s="70"/>
    </row>
    <row r="155" spans="3:32" x14ac:dyDescent="0.2">
      <c r="C155" s="70"/>
      <c r="D155" s="70"/>
      <c r="E155" s="70"/>
      <c r="F155" s="70"/>
      <c r="G155" s="70"/>
      <c r="H155" s="70"/>
      <c r="I155" s="70"/>
      <c r="J155" s="70"/>
      <c r="K155" s="70"/>
      <c r="L155" s="70"/>
      <c r="M155" s="70"/>
      <c r="N155" s="70"/>
      <c r="O155" s="70"/>
      <c r="P155" s="70"/>
      <c r="Q155" s="70"/>
      <c r="R155" s="70"/>
      <c r="S155" s="70"/>
      <c r="T155" s="70"/>
      <c r="U155" s="70"/>
      <c r="V155" s="70"/>
      <c r="W155" s="70"/>
      <c r="X155" s="70"/>
      <c r="Y155" s="70"/>
      <c r="Z155" s="70"/>
      <c r="AA155" s="70"/>
      <c r="AB155" s="70"/>
      <c r="AC155" s="70"/>
      <c r="AD155" s="70"/>
      <c r="AE155" s="70"/>
      <c r="AF155" s="70"/>
    </row>
    <row r="156" spans="3:32" x14ac:dyDescent="0.2">
      <c r="C156" s="70"/>
      <c r="D156" s="70"/>
      <c r="E156" s="70"/>
      <c r="F156" s="70"/>
      <c r="G156" s="70"/>
      <c r="H156" s="70"/>
      <c r="I156" s="70"/>
      <c r="J156" s="70"/>
      <c r="K156" s="70"/>
      <c r="L156" s="70"/>
      <c r="M156" s="70"/>
      <c r="N156" s="70"/>
      <c r="O156" s="70"/>
      <c r="P156" s="70"/>
      <c r="Q156" s="70"/>
      <c r="R156" s="70"/>
      <c r="S156" s="70"/>
      <c r="T156" s="70"/>
      <c r="U156" s="70"/>
      <c r="V156" s="70"/>
      <c r="W156" s="70"/>
      <c r="X156" s="70"/>
      <c r="Y156" s="70"/>
      <c r="Z156" s="70"/>
      <c r="AA156" s="70"/>
      <c r="AB156" s="70"/>
      <c r="AC156" s="70"/>
      <c r="AD156" s="70"/>
      <c r="AE156" s="70"/>
      <c r="AF156" s="70"/>
    </row>
    <row r="157" spans="3:32" x14ac:dyDescent="0.2">
      <c r="C157" s="70"/>
      <c r="D157" s="70"/>
      <c r="E157" s="70"/>
      <c r="F157" s="70"/>
      <c r="G157" s="70"/>
      <c r="H157" s="70"/>
      <c r="I157" s="70"/>
      <c r="J157" s="70"/>
      <c r="K157" s="70"/>
      <c r="L157" s="70"/>
      <c r="M157" s="70"/>
      <c r="N157" s="70"/>
      <c r="O157" s="70"/>
      <c r="P157" s="70"/>
      <c r="Q157" s="70"/>
      <c r="R157" s="70"/>
      <c r="S157" s="70"/>
      <c r="T157" s="70"/>
      <c r="U157" s="70"/>
      <c r="V157" s="70"/>
      <c r="W157" s="70"/>
      <c r="X157" s="70"/>
      <c r="Y157" s="70"/>
      <c r="Z157" s="70"/>
      <c r="AA157" s="70"/>
      <c r="AB157" s="70"/>
      <c r="AC157" s="70"/>
      <c r="AD157" s="70"/>
      <c r="AE157" s="70"/>
      <c r="AF157" s="70"/>
    </row>
    <row r="158" spans="3:32" x14ac:dyDescent="0.2">
      <c r="C158" s="70"/>
      <c r="D158" s="70"/>
      <c r="E158" s="70"/>
      <c r="F158" s="70"/>
      <c r="G158" s="70"/>
      <c r="H158" s="70"/>
      <c r="I158" s="70"/>
      <c r="J158" s="70"/>
      <c r="K158" s="70"/>
      <c r="L158" s="70"/>
      <c r="M158" s="70"/>
      <c r="N158" s="70"/>
      <c r="O158" s="70"/>
      <c r="P158" s="70"/>
      <c r="Q158" s="70"/>
      <c r="R158" s="70"/>
      <c r="S158" s="70"/>
      <c r="T158" s="70"/>
      <c r="U158" s="70"/>
      <c r="V158" s="70"/>
      <c r="W158" s="70"/>
      <c r="X158" s="70"/>
      <c r="Y158" s="70"/>
      <c r="Z158" s="70"/>
      <c r="AA158" s="70"/>
      <c r="AB158" s="70"/>
      <c r="AC158" s="70"/>
      <c r="AD158" s="70"/>
      <c r="AE158" s="70"/>
      <c r="AF158" s="70"/>
    </row>
    <row r="159" spans="3:32" x14ac:dyDescent="0.2">
      <c r="C159" s="70"/>
      <c r="D159" s="70"/>
      <c r="E159" s="70"/>
      <c r="F159" s="70"/>
      <c r="G159" s="70"/>
      <c r="H159" s="70"/>
      <c r="I159" s="70"/>
      <c r="J159" s="70"/>
      <c r="K159" s="70"/>
      <c r="L159" s="70"/>
      <c r="M159" s="70"/>
      <c r="N159" s="70"/>
      <c r="O159" s="70"/>
      <c r="P159" s="70"/>
      <c r="Q159" s="70"/>
      <c r="R159" s="70"/>
      <c r="S159" s="70"/>
      <c r="T159" s="70"/>
      <c r="U159" s="70"/>
      <c r="V159" s="70"/>
      <c r="W159" s="70"/>
      <c r="X159" s="70"/>
      <c r="Y159" s="70"/>
      <c r="Z159" s="70"/>
      <c r="AA159" s="70"/>
      <c r="AB159" s="70"/>
      <c r="AC159" s="70"/>
      <c r="AD159" s="70"/>
      <c r="AE159" s="70"/>
      <c r="AF159" s="70"/>
    </row>
    <row r="160" spans="3:32" x14ac:dyDescent="0.2">
      <c r="C160" s="70"/>
      <c r="D160" s="70"/>
      <c r="E160" s="70"/>
      <c r="F160" s="70"/>
      <c r="G160" s="70"/>
      <c r="H160" s="70"/>
      <c r="I160" s="70"/>
      <c r="J160" s="70"/>
      <c r="K160" s="70"/>
      <c r="L160" s="70"/>
      <c r="M160" s="70"/>
      <c r="N160" s="70"/>
      <c r="O160" s="70"/>
      <c r="P160" s="70"/>
      <c r="Q160" s="70"/>
      <c r="R160" s="70"/>
      <c r="S160" s="70"/>
      <c r="T160" s="70"/>
      <c r="U160" s="70"/>
      <c r="V160" s="70"/>
      <c r="W160" s="70"/>
      <c r="X160" s="70"/>
      <c r="Y160" s="70"/>
      <c r="Z160" s="70"/>
      <c r="AA160" s="70"/>
      <c r="AB160" s="70"/>
      <c r="AC160" s="70"/>
      <c r="AD160" s="70"/>
      <c r="AE160" s="70"/>
      <c r="AF160" s="70"/>
    </row>
    <row r="161" spans="3:32" x14ac:dyDescent="0.2">
      <c r="C161" s="70"/>
      <c r="D161" s="70"/>
      <c r="E161" s="70"/>
      <c r="F161" s="70"/>
      <c r="G161" s="70"/>
      <c r="H161" s="70"/>
      <c r="I161" s="70"/>
      <c r="J161" s="70"/>
      <c r="K161" s="70"/>
      <c r="L161" s="70"/>
      <c r="M161" s="70"/>
      <c r="N161" s="70"/>
      <c r="O161" s="70"/>
      <c r="P161" s="70"/>
      <c r="Q161" s="70"/>
      <c r="R161" s="70"/>
      <c r="S161" s="70"/>
      <c r="T161" s="70"/>
      <c r="U161" s="70"/>
      <c r="V161" s="70"/>
      <c r="W161" s="70"/>
      <c r="X161" s="70"/>
      <c r="Y161" s="70"/>
      <c r="Z161" s="70"/>
      <c r="AA161" s="70"/>
      <c r="AB161" s="70"/>
      <c r="AC161" s="70"/>
      <c r="AD161" s="70"/>
      <c r="AE161" s="70"/>
      <c r="AF161" s="70"/>
    </row>
    <row r="162" spans="3:32" x14ac:dyDescent="0.2">
      <c r="C162" s="70"/>
      <c r="D162" s="70"/>
      <c r="E162" s="70"/>
      <c r="F162" s="70"/>
      <c r="G162" s="70"/>
      <c r="H162" s="70"/>
      <c r="I162" s="70"/>
      <c r="J162" s="70"/>
      <c r="K162" s="70"/>
      <c r="L162" s="70"/>
      <c r="M162" s="70"/>
      <c r="N162" s="70"/>
      <c r="O162" s="70"/>
      <c r="P162" s="70"/>
      <c r="Q162" s="70"/>
      <c r="R162" s="70"/>
      <c r="S162" s="70"/>
      <c r="T162" s="70"/>
      <c r="U162" s="70"/>
      <c r="V162" s="70"/>
      <c r="W162" s="70"/>
      <c r="X162" s="70"/>
      <c r="Y162" s="70"/>
      <c r="Z162" s="70"/>
      <c r="AA162" s="70"/>
      <c r="AB162" s="70"/>
      <c r="AC162" s="70"/>
      <c r="AD162" s="70"/>
      <c r="AE162" s="70"/>
      <c r="AF162" s="70"/>
    </row>
    <row r="163" spans="3:32" x14ac:dyDescent="0.2">
      <c r="C163" s="70"/>
      <c r="D163" s="70"/>
      <c r="E163" s="70"/>
      <c r="F163" s="70"/>
      <c r="G163" s="70"/>
      <c r="H163" s="70"/>
      <c r="I163" s="70"/>
      <c r="J163" s="70"/>
      <c r="K163" s="70"/>
      <c r="L163" s="70"/>
      <c r="M163" s="70"/>
      <c r="N163" s="70"/>
      <c r="O163" s="70"/>
      <c r="P163" s="70"/>
      <c r="Q163" s="70"/>
      <c r="R163" s="70"/>
      <c r="S163" s="70"/>
      <c r="T163" s="70"/>
      <c r="U163" s="70"/>
      <c r="V163" s="70"/>
      <c r="W163" s="70"/>
      <c r="X163" s="70"/>
      <c r="Y163" s="70"/>
      <c r="Z163" s="70"/>
      <c r="AA163" s="70"/>
      <c r="AB163" s="70"/>
      <c r="AC163" s="70"/>
      <c r="AD163" s="70"/>
      <c r="AE163" s="70"/>
      <c r="AF163" s="70"/>
    </row>
    <row r="164" spans="3:32" x14ac:dyDescent="0.2">
      <c r="C164" s="70"/>
      <c r="D164" s="70"/>
      <c r="E164" s="70"/>
      <c r="F164" s="70"/>
      <c r="G164" s="70"/>
      <c r="H164" s="70"/>
      <c r="I164" s="70"/>
      <c r="J164" s="70"/>
      <c r="K164" s="70"/>
      <c r="L164" s="70"/>
      <c r="M164" s="70"/>
      <c r="N164" s="70"/>
      <c r="O164" s="70"/>
      <c r="P164" s="70"/>
      <c r="Q164" s="70"/>
      <c r="R164" s="70"/>
      <c r="S164" s="70"/>
      <c r="T164" s="70"/>
      <c r="U164" s="70"/>
      <c r="V164" s="70"/>
      <c r="W164" s="70"/>
      <c r="X164" s="70"/>
      <c r="Y164" s="70"/>
      <c r="Z164" s="70"/>
      <c r="AA164" s="70"/>
      <c r="AB164" s="70"/>
      <c r="AC164" s="70"/>
      <c r="AD164" s="70"/>
      <c r="AE164" s="70"/>
      <c r="AF164" s="70"/>
    </row>
    <row r="165" spans="3:32" x14ac:dyDescent="0.2">
      <c r="C165" s="70"/>
      <c r="D165" s="70"/>
      <c r="E165" s="70"/>
      <c r="F165" s="70"/>
      <c r="G165" s="70"/>
      <c r="H165" s="70"/>
      <c r="I165" s="70"/>
      <c r="J165" s="70"/>
      <c r="K165" s="70"/>
      <c r="L165" s="70"/>
      <c r="M165" s="70"/>
      <c r="N165" s="70"/>
      <c r="O165" s="70"/>
      <c r="P165" s="70"/>
      <c r="Q165" s="70"/>
      <c r="R165" s="70"/>
      <c r="S165" s="70"/>
      <c r="T165" s="70"/>
      <c r="U165" s="70"/>
      <c r="V165" s="70"/>
      <c r="W165" s="70"/>
      <c r="X165" s="70"/>
      <c r="Y165" s="70"/>
      <c r="Z165" s="70"/>
      <c r="AA165" s="70"/>
      <c r="AB165" s="70"/>
      <c r="AC165" s="70"/>
      <c r="AD165" s="70"/>
      <c r="AE165" s="70"/>
      <c r="AF165" s="70"/>
    </row>
    <row r="166" spans="3:32" x14ac:dyDescent="0.2">
      <c r="C166" s="70"/>
      <c r="D166" s="70"/>
      <c r="E166" s="70"/>
      <c r="F166" s="70"/>
      <c r="G166" s="70"/>
      <c r="H166" s="70"/>
      <c r="I166" s="70"/>
      <c r="J166" s="70"/>
      <c r="K166" s="70"/>
      <c r="L166" s="70"/>
      <c r="M166" s="70"/>
      <c r="N166" s="70"/>
      <c r="O166" s="70"/>
      <c r="P166" s="70"/>
      <c r="Q166" s="70"/>
      <c r="R166" s="70"/>
      <c r="S166" s="70"/>
      <c r="T166" s="70"/>
      <c r="U166" s="70"/>
      <c r="V166" s="70"/>
      <c r="W166" s="70"/>
      <c r="X166" s="70"/>
      <c r="Y166" s="70"/>
      <c r="Z166" s="70"/>
      <c r="AA166" s="70"/>
      <c r="AB166" s="70"/>
      <c r="AC166" s="70"/>
      <c r="AD166" s="70"/>
      <c r="AE166" s="70"/>
      <c r="AF166" s="70"/>
    </row>
    <row r="167" spans="3:32" x14ac:dyDescent="0.2">
      <c r="C167" s="70"/>
      <c r="D167" s="70"/>
      <c r="E167" s="70"/>
      <c r="F167" s="70"/>
      <c r="G167" s="70"/>
      <c r="H167" s="70"/>
      <c r="I167" s="70"/>
      <c r="J167" s="70"/>
      <c r="K167" s="70"/>
      <c r="L167" s="70"/>
      <c r="M167" s="70"/>
      <c r="N167" s="70"/>
      <c r="O167" s="70"/>
      <c r="P167" s="70"/>
      <c r="Q167" s="70"/>
      <c r="R167" s="70"/>
      <c r="S167" s="70"/>
      <c r="T167" s="70"/>
      <c r="U167" s="70"/>
      <c r="V167" s="70"/>
      <c r="W167" s="70"/>
      <c r="X167" s="70"/>
      <c r="Y167" s="70"/>
      <c r="Z167" s="70"/>
      <c r="AA167" s="70"/>
      <c r="AB167" s="70"/>
      <c r="AC167" s="70"/>
      <c r="AD167" s="70"/>
      <c r="AE167" s="70"/>
      <c r="AF167" s="70"/>
    </row>
    <row r="168" spans="3:32" x14ac:dyDescent="0.2">
      <c r="C168" s="70"/>
      <c r="D168" s="70"/>
      <c r="E168" s="70"/>
      <c r="F168" s="70"/>
      <c r="G168" s="70"/>
      <c r="H168" s="70"/>
      <c r="I168" s="70"/>
      <c r="J168" s="70"/>
      <c r="K168" s="70"/>
      <c r="L168" s="70"/>
      <c r="M168" s="70"/>
      <c r="N168" s="70"/>
      <c r="O168" s="70"/>
      <c r="P168" s="70"/>
      <c r="Q168" s="70"/>
      <c r="R168" s="70"/>
      <c r="S168" s="70"/>
      <c r="T168" s="70"/>
      <c r="U168" s="70"/>
      <c r="V168" s="70"/>
      <c r="W168" s="70"/>
      <c r="X168" s="70"/>
      <c r="Y168" s="70"/>
      <c r="Z168" s="70"/>
      <c r="AA168" s="70"/>
      <c r="AB168" s="70"/>
      <c r="AC168" s="70"/>
      <c r="AD168" s="70"/>
      <c r="AE168" s="70"/>
      <c r="AF168" s="70"/>
    </row>
    <row r="169" spans="3:32" x14ac:dyDescent="0.2">
      <c r="C169" s="70"/>
      <c r="D169" s="70"/>
      <c r="E169" s="70"/>
      <c r="F169" s="70"/>
      <c r="G169" s="70"/>
      <c r="H169" s="70"/>
      <c r="I169" s="70"/>
      <c r="J169" s="70"/>
      <c r="K169" s="70"/>
      <c r="L169" s="70"/>
      <c r="M169" s="70"/>
      <c r="N169" s="70"/>
      <c r="O169" s="70"/>
      <c r="P169" s="70"/>
      <c r="Q169" s="70"/>
      <c r="R169" s="70"/>
      <c r="S169" s="70"/>
      <c r="T169" s="70"/>
      <c r="U169" s="70"/>
      <c r="V169" s="70"/>
      <c r="W169" s="70"/>
      <c r="X169" s="70"/>
      <c r="Y169" s="70"/>
      <c r="Z169" s="70"/>
      <c r="AA169" s="70"/>
      <c r="AB169" s="70"/>
      <c r="AC169" s="70"/>
      <c r="AD169" s="70"/>
      <c r="AE169" s="70"/>
      <c r="AF169" s="70"/>
    </row>
    <row r="170" spans="3:32" x14ac:dyDescent="0.2">
      <c r="C170" s="70"/>
      <c r="D170" s="70"/>
      <c r="E170" s="70"/>
      <c r="F170" s="70"/>
      <c r="G170" s="70"/>
      <c r="H170" s="70"/>
      <c r="I170" s="70"/>
      <c r="J170" s="70"/>
      <c r="K170" s="70"/>
      <c r="L170" s="70"/>
      <c r="M170" s="70"/>
      <c r="N170" s="70"/>
      <c r="O170" s="70"/>
      <c r="P170" s="70"/>
      <c r="Q170" s="70"/>
      <c r="R170" s="70"/>
      <c r="S170" s="70"/>
      <c r="T170" s="70"/>
      <c r="U170" s="70"/>
      <c r="V170" s="70"/>
      <c r="W170" s="70"/>
      <c r="X170" s="70"/>
      <c r="Y170" s="70"/>
      <c r="Z170" s="70"/>
      <c r="AA170" s="70"/>
      <c r="AB170" s="70"/>
      <c r="AC170" s="70"/>
      <c r="AD170" s="70"/>
      <c r="AE170" s="70"/>
      <c r="AF170" s="70"/>
    </row>
    <row r="171" spans="3:32" x14ac:dyDescent="0.2">
      <c r="C171" s="70"/>
      <c r="D171" s="70"/>
      <c r="E171" s="70"/>
      <c r="F171" s="70"/>
      <c r="G171" s="70"/>
      <c r="H171" s="70"/>
      <c r="I171" s="70"/>
      <c r="J171" s="70"/>
      <c r="K171" s="70"/>
      <c r="L171" s="70"/>
      <c r="M171" s="70"/>
      <c r="N171" s="70"/>
      <c r="O171" s="70"/>
      <c r="P171" s="70"/>
      <c r="Q171" s="70"/>
      <c r="R171" s="70"/>
      <c r="S171" s="70"/>
      <c r="T171" s="70"/>
      <c r="U171" s="70"/>
      <c r="V171" s="70"/>
      <c r="W171" s="70"/>
      <c r="X171" s="70"/>
      <c r="Y171" s="70"/>
      <c r="Z171" s="70"/>
      <c r="AA171" s="70"/>
      <c r="AB171" s="70"/>
      <c r="AC171" s="70"/>
      <c r="AD171" s="70"/>
      <c r="AE171" s="70"/>
      <c r="AF171" s="70"/>
    </row>
    <row r="172" spans="3:32" x14ac:dyDescent="0.2">
      <c r="C172" s="70"/>
      <c r="D172" s="70"/>
      <c r="E172" s="70"/>
      <c r="F172" s="70"/>
      <c r="G172" s="70"/>
      <c r="H172" s="70"/>
      <c r="I172" s="70"/>
      <c r="J172" s="70"/>
      <c r="K172" s="70"/>
      <c r="L172" s="70"/>
      <c r="M172" s="70"/>
      <c r="N172" s="70"/>
      <c r="O172" s="70"/>
      <c r="P172" s="70"/>
      <c r="Q172" s="70"/>
      <c r="R172" s="70"/>
      <c r="S172" s="70"/>
      <c r="T172" s="70"/>
      <c r="U172" s="70"/>
      <c r="V172" s="70"/>
      <c r="W172" s="70"/>
      <c r="X172" s="70"/>
      <c r="Y172" s="70"/>
      <c r="Z172" s="70"/>
      <c r="AA172" s="70"/>
      <c r="AB172" s="70"/>
      <c r="AC172" s="70"/>
      <c r="AD172" s="70"/>
      <c r="AE172" s="70"/>
      <c r="AF172" s="70"/>
    </row>
    <row r="173" spans="3:32" x14ac:dyDescent="0.2">
      <c r="C173" s="70"/>
      <c r="D173" s="70"/>
      <c r="E173" s="70"/>
      <c r="F173" s="70"/>
      <c r="G173" s="70"/>
      <c r="H173" s="70"/>
      <c r="I173" s="70"/>
      <c r="J173" s="70"/>
      <c r="K173" s="70"/>
      <c r="L173" s="70"/>
      <c r="M173" s="70"/>
      <c r="N173" s="70"/>
      <c r="O173" s="70"/>
      <c r="P173" s="70"/>
      <c r="Q173" s="70"/>
      <c r="R173" s="70"/>
      <c r="S173" s="70"/>
      <c r="T173" s="70"/>
      <c r="U173" s="70"/>
      <c r="V173" s="70"/>
      <c r="W173" s="70"/>
      <c r="X173" s="70"/>
      <c r="Y173" s="70"/>
      <c r="Z173" s="70"/>
      <c r="AA173" s="70"/>
      <c r="AB173" s="70"/>
      <c r="AC173" s="70"/>
      <c r="AD173" s="70"/>
      <c r="AE173" s="70"/>
      <c r="AF173" s="70"/>
    </row>
    <row r="174" spans="3:32" x14ac:dyDescent="0.2">
      <c r="C174" s="70"/>
      <c r="D174" s="70"/>
      <c r="E174" s="70"/>
      <c r="F174" s="70"/>
      <c r="G174" s="70"/>
      <c r="H174" s="70"/>
      <c r="I174" s="70"/>
      <c r="J174" s="70"/>
      <c r="K174" s="70"/>
      <c r="L174" s="70"/>
      <c r="M174" s="70"/>
      <c r="N174" s="70"/>
      <c r="O174" s="70"/>
      <c r="P174" s="70"/>
      <c r="Q174" s="70"/>
      <c r="R174" s="70"/>
      <c r="S174" s="70"/>
      <c r="T174" s="70"/>
      <c r="U174" s="70"/>
      <c r="V174" s="70"/>
      <c r="W174" s="70"/>
      <c r="X174" s="70"/>
      <c r="Y174" s="70"/>
      <c r="Z174" s="70"/>
      <c r="AA174" s="70"/>
      <c r="AB174" s="70"/>
      <c r="AC174" s="70"/>
      <c r="AD174" s="70"/>
      <c r="AE174" s="70"/>
      <c r="AF174" s="70"/>
    </row>
    <row r="175" spans="3:32" x14ac:dyDescent="0.2">
      <c r="C175" s="70"/>
      <c r="D175" s="70"/>
      <c r="E175" s="70"/>
      <c r="F175" s="70"/>
      <c r="G175" s="70"/>
      <c r="H175" s="70"/>
      <c r="I175" s="70"/>
      <c r="J175" s="70"/>
      <c r="K175" s="70"/>
      <c r="L175" s="70"/>
      <c r="M175" s="70"/>
      <c r="N175" s="70"/>
      <c r="O175" s="70"/>
      <c r="P175" s="70"/>
      <c r="Q175" s="70"/>
      <c r="R175" s="70"/>
      <c r="S175" s="70"/>
      <c r="T175" s="70"/>
      <c r="U175" s="70"/>
      <c r="V175" s="70"/>
      <c r="W175" s="70"/>
      <c r="X175" s="70"/>
      <c r="Y175" s="70"/>
      <c r="Z175" s="70"/>
      <c r="AA175" s="70"/>
      <c r="AB175" s="70"/>
      <c r="AC175" s="70"/>
      <c r="AD175" s="70"/>
      <c r="AE175" s="70"/>
      <c r="AF175" s="70"/>
    </row>
    <row r="176" spans="3:32" x14ac:dyDescent="0.2">
      <c r="C176" s="70"/>
      <c r="D176" s="70"/>
      <c r="E176" s="70"/>
      <c r="F176" s="70"/>
      <c r="G176" s="70"/>
      <c r="H176" s="70"/>
      <c r="I176" s="70"/>
      <c r="J176" s="70"/>
      <c r="K176" s="70"/>
      <c r="L176" s="70"/>
      <c r="M176" s="70"/>
      <c r="N176" s="70"/>
      <c r="O176" s="70"/>
      <c r="P176" s="70"/>
      <c r="Q176" s="70"/>
      <c r="R176" s="70"/>
      <c r="S176" s="70"/>
      <c r="T176" s="70"/>
      <c r="U176" s="70"/>
      <c r="V176" s="70"/>
      <c r="W176" s="70"/>
      <c r="X176" s="70"/>
      <c r="Y176" s="70"/>
      <c r="Z176" s="70"/>
      <c r="AA176" s="70"/>
      <c r="AB176" s="70"/>
      <c r="AC176" s="70"/>
      <c r="AD176" s="70"/>
      <c r="AE176" s="70"/>
      <c r="AF176" s="70"/>
    </row>
    <row r="177" spans="3:32" x14ac:dyDescent="0.2">
      <c r="C177" s="70"/>
      <c r="D177" s="70"/>
      <c r="E177" s="70"/>
      <c r="F177" s="70"/>
      <c r="G177" s="70"/>
      <c r="H177" s="70"/>
      <c r="I177" s="70"/>
      <c r="J177" s="70"/>
      <c r="K177" s="70"/>
      <c r="L177" s="70"/>
      <c r="M177" s="70"/>
      <c r="N177" s="70"/>
      <c r="O177" s="70"/>
      <c r="P177" s="70"/>
      <c r="Q177" s="70"/>
      <c r="R177" s="70"/>
      <c r="S177" s="70"/>
      <c r="T177" s="70"/>
      <c r="U177" s="70"/>
      <c r="V177" s="70"/>
      <c r="W177" s="70"/>
      <c r="X177" s="70"/>
      <c r="Y177" s="70"/>
      <c r="Z177" s="70"/>
      <c r="AA177" s="70"/>
      <c r="AB177" s="70"/>
      <c r="AC177" s="70"/>
      <c r="AD177" s="70"/>
      <c r="AE177" s="70"/>
      <c r="AF177" s="70"/>
    </row>
    <row r="178" spans="3:32" x14ac:dyDescent="0.2">
      <c r="C178" s="70"/>
      <c r="D178" s="70"/>
      <c r="E178" s="70"/>
      <c r="F178" s="70"/>
      <c r="G178" s="70"/>
      <c r="H178" s="70"/>
      <c r="I178" s="70"/>
      <c r="J178" s="70"/>
      <c r="K178" s="70"/>
      <c r="L178" s="70"/>
      <c r="M178" s="70"/>
      <c r="N178" s="70"/>
      <c r="O178" s="70"/>
      <c r="P178" s="70"/>
      <c r="Q178" s="70"/>
      <c r="R178" s="70"/>
      <c r="S178" s="70"/>
      <c r="T178" s="70"/>
      <c r="U178" s="70"/>
      <c r="V178" s="70"/>
      <c r="W178" s="70"/>
      <c r="X178" s="70"/>
      <c r="Y178" s="70"/>
      <c r="Z178" s="70"/>
      <c r="AA178" s="70"/>
      <c r="AB178" s="70"/>
      <c r="AC178" s="70"/>
      <c r="AD178" s="70"/>
      <c r="AE178" s="70"/>
      <c r="AF178" s="70"/>
    </row>
    <row r="179" spans="3:32" x14ac:dyDescent="0.2">
      <c r="C179" s="70"/>
      <c r="D179" s="70"/>
      <c r="E179" s="70"/>
      <c r="F179" s="70"/>
      <c r="G179" s="70"/>
      <c r="H179" s="70"/>
      <c r="I179" s="70"/>
      <c r="J179" s="70"/>
      <c r="K179" s="70"/>
      <c r="L179" s="70"/>
      <c r="M179" s="70"/>
      <c r="N179" s="70"/>
      <c r="O179" s="70"/>
      <c r="P179" s="70"/>
      <c r="Q179" s="70"/>
      <c r="R179" s="70"/>
      <c r="S179" s="70"/>
      <c r="T179" s="70"/>
      <c r="U179" s="70"/>
      <c r="V179" s="70"/>
      <c r="W179" s="70"/>
      <c r="X179" s="70"/>
      <c r="Y179" s="70"/>
      <c r="Z179" s="70"/>
      <c r="AA179" s="70"/>
      <c r="AB179" s="70"/>
      <c r="AC179" s="70"/>
      <c r="AD179" s="70"/>
      <c r="AE179" s="70"/>
      <c r="AF179" s="70"/>
    </row>
    <row r="180" spans="3:32" x14ac:dyDescent="0.2">
      <c r="C180" s="70"/>
      <c r="D180" s="70"/>
      <c r="E180" s="70"/>
      <c r="F180" s="70"/>
      <c r="G180" s="70"/>
      <c r="H180" s="70"/>
      <c r="I180" s="70"/>
      <c r="J180" s="70"/>
      <c r="K180" s="70"/>
      <c r="L180" s="70"/>
      <c r="M180" s="70"/>
      <c r="N180" s="70"/>
      <c r="O180" s="70"/>
      <c r="P180" s="70"/>
      <c r="Q180" s="70"/>
      <c r="R180" s="70"/>
      <c r="S180" s="70"/>
      <c r="T180" s="70"/>
      <c r="U180" s="70"/>
      <c r="V180" s="70"/>
      <c r="W180" s="70"/>
      <c r="X180" s="70"/>
      <c r="Y180" s="70"/>
      <c r="Z180" s="70"/>
      <c r="AA180" s="70"/>
      <c r="AB180" s="70"/>
      <c r="AC180" s="70"/>
      <c r="AD180" s="70"/>
      <c r="AE180" s="70"/>
      <c r="AF180" s="70"/>
    </row>
    <row r="181" spans="3:32" x14ac:dyDescent="0.2">
      <c r="C181" s="70"/>
      <c r="D181" s="70"/>
      <c r="E181" s="70"/>
      <c r="F181" s="70"/>
      <c r="G181" s="70"/>
      <c r="H181" s="70"/>
      <c r="I181" s="70"/>
      <c r="J181" s="70"/>
      <c r="K181" s="70"/>
      <c r="L181" s="70"/>
      <c r="M181" s="70"/>
      <c r="N181" s="70"/>
      <c r="O181" s="70"/>
      <c r="P181" s="70"/>
      <c r="Q181" s="70"/>
      <c r="R181" s="70"/>
      <c r="S181" s="70"/>
      <c r="T181" s="70"/>
      <c r="U181" s="70"/>
      <c r="V181" s="70"/>
      <c r="W181" s="70"/>
      <c r="X181" s="70"/>
      <c r="Y181" s="70"/>
      <c r="Z181" s="70"/>
      <c r="AA181" s="70"/>
      <c r="AB181" s="70"/>
      <c r="AC181" s="70"/>
      <c r="AD181" s="70"/>
      <c r="AE181" s="70"/>
      <c r="AF181" s="70"/>
    </row>
    <row r="182" spans="3:32" x14ac:dyDescent="0.2">
      <c r="C182" s="70"/>
      <c r="D182" s="70"/>
      <c r="E182" s="70"/>
      <c r="F182" s="70"/>
      <c r="G182" s="70"/>
      <c r="H182" s="70"/>
      <c r="I182" s="70"/>
      <c r="J182" s="70"/>
      <c r="K182" s="70"/>
      <c r="L182" s="70"/>
      <c r="M182" s="70"/>
      <c r="N182" s="70"/>
      <c r="O182" s="70"/>
      <c r="P182" s="70"/>
      <c r="Q182" s="70"/>
      <c r="R182" s="70"/>
      <c r="S182" s="70"/>
      <c r="T182" s="70"/>
      <c r="U182" s="70"/>
      <c r="V182" s="70"/>
      <c r="W182" s="70"/>
      <c r="X182" s="70"/>
      <c r="Y182" s="70"/>
      <c r="Z182" s="70"/>
      <c r="AA182" s="70"/>
      <c r="AB182" s="70"/>
      <c r="AC182" s="70"/>
      <c r="AD182" s="70"/>
      <c r="AE182" s="70"/>
      <c r="AF182" s="70"/>
    </row>
    <row r="183" spans="3:32" x14ac:dyDescent="0.2">
      <c r="C183" s="70"/>
      <c r="D183" s="70"/>
      <c r="E183" s="70"/>
      <c r="F183" s="70"/>
      <c r="G183" s="70"/>
      <c r="H183" s="70"/>
      <c r="I183" s="70"/>
      <c r="J183" s="70"/>
      <c r="K183" s="70"/>
      <c r="L183" s="70"/>
      <c r="M183" s="70"/>
      <c r="N183" s="70"/>
      <c r="O183" s="70"/>
      <c r="P183" s="70"/>
      <c r="Q183" s="70"/>
      <c r="R183" s="70"/>
      <c r="S183" s="70"/>
      <c r="T183" s="70"/>
      <c r="U183" s="70"/>
      <c r="V183" s="70"/>
      <c r="W183" s="70"/>
      <c r="X183" s="70"/>
      <c r="Y183" s="70"/>
      <c r="Z183" s="70"/>
      <c r="AA183" s="70"/>
      <c r="AB183" s="70"/>
      <c r="AC183" s="70"/>
      <c r="AD183" s="70"/>
      <c r="AE183" s="70"/>
      <c r="AF183" s="70"/>
    </row>
    <row r="184" spans="3:32" x14ac:dyDescent="0.2">
      <c r="C184" s="70"/>
      <c r="D184" s="70"/>
      <c r="E184" s="70"/>
      <c r="F184" s="70"/>
      <c r="G184" s="70"/>
      <c r="H184" s="70"/>
      <c r="I184" s="70"/>
      <c r="J184" s="70"/>
      <c r="K184" s="70"/>
      <c r="L184" s="70"/>
      <c r="M184" s="70"/>
      <c r="N184" s="70"/>
      <c r="O184" s="70"/>
      <c r="P184" s="70"/>
      <c r="Q184" s="70"/>
      <c r="R184" s="70"/>
      <c r="S184" s="70"/>
      <c r="T184" s="70"/>
      <c r="U184" s="70"/>
      <c r="V184" s="70"/>
      <c r="W184" s="70"/>
      <c r="X184" s="70"/>
      <c r="Y184" s="70"/>
      <c r="Z184" s="70"/>
      <c r="AA184" s="70"/>
      <c r="AB184" s="70"/>
      <c r="AC184" s="70"/>
      <c r="AD184" s="70"/>
      <c r="AE184" s="70"/>
      <c r="AF184" s="70"/>
    </row>
    <row r="185" spans="3:32" x14ac:dyDescent="0.2">
      <c r="C185" s="70"/>
      <c r="D185" s="70"/>
      <c r="E185" s="70"/>
      <c r="F185" s="70"/>
      <c r="G185" s="70"/>
      <c r="H185" s="70"/>
      <c r="I185" s="70"/>
      <c r="J185" s="70"/>
      <c r="K185" s="70"/>
      <c r="L185" s="70"/>
      <c r="M185" s="70"/>
      <c r="N185" s="70"/>
      <c r="O185" s="70"/>
      <c r="P185" s="70"/>
      <c r="Q185" s="70"/>
      <c r="R185" s="70"/>
      <c r="S185" s="70"/>
      <c r="T185" s="70"/>
      <c r="U185" s="70"/>
      <c r="V185" s="70"/>
      <c r="W185" s="70"/>
      <c r="X185" s="70"/>
      <c r="Y185" s="70"/>
      <c r="Z185" s="70"/>
      <c r="AA185" s="70"/>
      <c r="AB185" s="70"/>
      <c r="AC185" s="70"/>
      <c r="AD185" s="70"/>
      <c r="AE185" s="70"/>
      <c r="AF185" s="70"/>
    </row>
    <row r="186" spans="3:32" x14ac:dyDescent="0.2">
      <c r="C186" s="70"/>
      <c r="D186" s="70"/>
      <c r="E186" s="70"/>
      <c r="F186" s="70"/>
      <c r="G186" s="70"/>
      <c r="H186" s="70"/>
      <c r="I186" s="70"/>
      <c r="J186" s="70"/>
      <c r="K186" s="70"/>
      <c r="L186" s="70"/>
      <c r="M186" s="70"/>
      <c r="N186" s="70"/>
      <c r="O186" s="70"/>
      <c r="P186" s="70"/>
      <c r="Q186" s="70"/>
      <c r="R186" s="70"/>
      <c r="S186" s="70"/>
      <c r="T186" s="70"/>
      <c r="U186" s="70"/>
      <c r="V186" s="70"/>
      <c r="W186" s="70"/>
      <c r="X186" s="70"/>
      <c r="Y186" s="70"/>
      <c r="Z186" s="70"/>
      <c r="AA186" s="70"/>
      <c r="AB186" s="70"/>
      <c r="AC186" s="70"/>
      <c r="AD186" s="70"/>
      <c r="AE186" s="70"/>
      <c r="AF186" s="70"/>
    </row>
    <row r="187" spans="3:32" x14ac:dyDescent="0.2">
      <c r="C187" s="70"/>
      <c r="D187" s="70"/>
      <c r="E187" s="70"/>
      <c r="F187" s="70"/>
      <c r="G187" s="70"/>
      <c r="H187" s="70"/>
      <c r="I187" s="70"/>
      <c r="J187" s="70"/>
      <c r="K187" s="70"/>
      <c r="L187" s="70"/>
      <c r="M187" s="70"/>
      <c r="N187" s="70"/>
      <c r="O187" s="70"/>
      <c r="P187" s="70"/>
      <c r="Q187" s="70"/>
      <c r="R187" s="70"/>
      <c r="S187" s="70"/>
      <c r="T187" s="70"/>
      <c r="U187" s="70"/>
      <c r="V187" s="70"/>
      <c r="W187" s="70"/>
      <c r="X187" s="70"/>
      <c r="Y187" s="70"/>
      <c r="Z187" s="70"/>
      <c r="AA187" s="70"/>
      <c r="AB187" s="70"/>
      <c r="AC187" s="70"/>
      <c r="AD187" s="70"/>
      <c r="AE187" s="70"/>
      <c r="AF187" s="70"/>
    </row>
    <row r="188" spans="3:32" x14ac:dyDescent="0.2">
      <c r="C188" s="70"/>
      <c r="D188" s="70"/>
      <c r="E188" s="70"/>
      <c r="F188" s="70"/>
      <c r="G188" s="70"/>
      <c r="H188" s="70"/>
      <c r="I188" s="70"/>
      <c r="J188" s="70"/>
      <c r="K188" s="70"/>
      <c r="L188" s="70"/>
      <c r="M188" s="70"/>
      <c r="N188" s="70"/>
      <c r="O188" s="70"/>
      <c r="P188" s="70"/>
      <c r="Q188" s="70"/>
      <c r="R188" s="70"/>
      <c r="S188" s="70"/>
      <c r="T188" s="70"/>
      <c r="U188" s="70"/>
      <c r="V188" s="70"/>
      <c r="W188" s="70"/>
      <c r="X188" s="70"/>
      <c r="Y188" s="70"/>
      <c r="Z188" s="70"/>
      <c r="AA188" s="70"/>
      <c r="AB188" s="70"/>
      <c r="AC188" s="70"/>
      <c r="AD188" s="70"/>
      <c r="AE188" s="70"/>
      <c r="AF188" s="70"/>
    </row>
    <row r="189" spans="3:32" x14ac:dyDescent="0.2">
      <c r="C189" s="70"/>
      <c r="D189" s="70"/>
      <c r="E189" s="70"/>
      <c r="F189" s="70"/>
      <c r="G189" s="70"/>
      <c r="H189" s="70"/>
      <c r="I189" s="70"/>
      <c r="J189" s="70"/>
      <c r="K189" s="70"/>
      <c r="L189" s="70"/>
      <c r="M189" s="70"/>
      <c r="N189" s="70"/>
      <c r="O189" s="70"/>
      <c r="P189" s="70"/>
      <c r="Q189" s="70"/>
      <c r="R189" s="70"/>
      <c r="S189" s="70"/>
      <c r="T189" s="70"/>
      <c r="U189" s="70"/>
      <c r="V189" s="70"/>
      <c r="W189" s="70"/>
      <c r="X189" s="70"/>
      <c r="Y189" s="70"/>
      <c r="Z189" s="70"/>
      <c r="AA189" s="70"/>
      <c r="AB189" s="70"/>
      <c r="AC189" s="70"/>
      <c r="AD189" s="70"/>
      <c r="AE189" s="70"/>
      <c r="AF189" s="70"/>
    </row>
    <row r="190" spans="3:32" x14ac:dyDescent="0.2">
      <c r="C190" s="70"/>
      <c r="D190" s="70"/>
      <c r="E190" s="70"/>
      <c r="F190" s="70"/>
      <c r="G190" s="70"/>
      <c r="H190" s="70"/>
      <c r="I190" s="70"/>
      <c r="J190" s="70"/>
      <c r="K190" s="70"/>
      <c r="L190" s="70"/>
      <c r="M190" s="70"/>
      <c r="N190" s="70"/>
      <c r="O190" s="70"/>
      <c r="P190" s="70"/>
      <c r="Q190" s="70"/>
      <c r="R190" s="70"/>
      <c r="S190" s="70"/>
      <c r="T190" s="70"/>
      <c r="U190" s="70"/>
      <c r="V190" s="70"/>
      <c r="W190" s="70"/>
      <c r="X190" s="70"/>
      <c r="Y190" s="70"/>
      <c r="Z190" s="70"/>
      <c r="AA190" s="70"/>
      <c r="AB190" s="70"/>
      <c r="AC190" s="70"/>
      <c r="AD190" s="70"/>
      <c r="AE190" s="70"/>
      <c r="AF190" s="70"/>
    </row>
    <row r="191" spans="3:32" x14ac:dyDescent="0.2">
      <c r="C191" s="70"/>
      <c r="D191" s="70"/>
      <c r="E191" s="70"/>
      <c r="F191" s="70"/>
      <c r="G191" s="70"/>
      <c r="H191" s="70"/>
      <c r="I191" s="70"/>
      <c r="J191" s="70"/>
      <c r="K191" s="70"/>
      <c r="L191" s="70"/>
      <c r="M191" s="70"/>
      <c r="N191" s="70"/>
      <c r="O191" s="70"/>
      <c r="P191" s="70"/>
      <c r="Q191" s="70"/>
      <c r="R191" s="70"/>
      <c r="S191" s="70"/>
      <c r="T191" s="70"/>
      <c r="U191" s="70"/>
      <c r="V191" s="70"/>
      <c r="W191" s="70"/>
      <c r="X191" s="70"/>
      <c r="Y191" s="70"/>
      <c r="Z191" s="70"/>
      <c r="AA191" s="70"/>
      <c r="AB191" s="70"/>
      <c r="AC191" s="70"/>
      <c r="AD191" s="70"/>
      <c r="AE191" s="70"/>
      <c r="AF191" s="70"/>
    </row>
    <row r="192" spans="3:32" x14ac:dyDescent="0.2">
      <c r="C192" s="70"/>
      <c r="D192" s="70"/>
      <c r="E192" s="70"/>
      <c r="F192" s="70"/>
      <c r="G192" s="70"/>
      <c r="H192" s="70"/>
      <c r="I192" s="70"/>
      <c r="J192" s="70"/>
      <c r="K192" s="70"/>
      <c r="L192" s="70"/>
      <c r="M192" s="70"/>
      <c r="N192" s="70"/>
      <c r="O192" s="70"/>
      <c r="P192" s="70"/>
      <c r="Q192" s="70"/>
      <c r="R192" s="70"/>
      <c r="S192" s="70"/>
      <c r="T192" s="70"/>
      <c r="U192" s="70"/>
      <c r="V192" s="70"/>
      <c r="W192" s="70"/>
      <c r="X192" s="70"/>
      <c r="Y192" s="70"/>
      <c r="Z192" s="70"/>
      <c r="AA192" s="70"/>
      <c r="AB192" s="70"/>
      <c r="AC192" s="70"/>
      <c r="AD192" s="70"/>
      <c r="AE192" s="70"/>
      <c r="AF192" s="70"/>
    </row>
    <row r="193" spans="3:32" x14ac:dyDescent="0.2">
      <c r="C193" s="70"/>
      <c r="D193" s="70"/>
      <c r="E193" s="70"/>
      <c r="F193" s="70"/>
      <c r="G193" s="70"/>
      <c r="H193" s="70"/>
      <c r="I193" s="70"/>
      <c r="J193" s="70"/>
      <c r="K193" s="70"/>
      <c r="L193" s="70"/>
      <c r="M193" s="70"/>
      <c r="N193" s="70"/>
      <c r="O193" s="70"/>
      <c r="P193" s="70"/>
      <c r="Q193" s="70"/>
      <c r="R193" s="70"/>
      <c r="S193" s="70"/>
      <c r="T193" s="70"/>
      <c r="U193" s="70"/>
      <c r="V193" s="70"/>
      <c r="W193" s="70"/>
      <c r="X193" s="70"/>
      <c r="Y193" s="70"/>
      <c r="Z193" s="70"/>
      <c r="AA193" s="70"/>
      <c r="AB193" s="70"/>
      <c r="AC193" s="70"/>
      <c r="AD193" s="70"/>
      <c r="AE193" s="70"/>
      <c r="AF193" s="70"/>
    </row>
    <row r="194" spans="3:32" x14ac:dyDescent="0.2">
      <c r="C194" s="70"/>
      <c r="D194" s="70"/>
      <c r="E194" s="70"/>
      <c r="F194" s="70"/>
      <c r="G194" s="70"/>
      <c r="H194" s="70"/>
      <c r="I194" s="70"/>
      <c r="J194" s="70"/>
      <c r="K194" s="70"/>
      <c r="L194" s="70"/>
      <c r="M194" s="70"/>
      <c r="N194" s="70"/>
      <c r="O194" s="70"/>
      <c r="P194" s="70"/>
      <c r="Q194" s="70"/>
      <c r="R194" s="70"/>
      <c r="S194" s="70"/>
      <c r="T194" s="70"/>
      <c r="U194" s="70"/>
      <c r="V194" s="70"/>
      <c r="W194" s="70"/>
      <c r="X194" s="70"/>
      <c r="Y194" s="70"/>
      <c r="Z194" s="70"/>
      <c r="AA194" s="70"/>
      <c r="AB194" s="70"/>
      <c r="AC194" s="70"/>
      <c r="AD194" s="70"/>
      <c r="AE194" s="70"/>
      <c r="AF194" s="70"/>
    </row>
    <row r="195" spans="3:32" x14ac:dyDescent="0.2">
      <c r="C195" s="70"/>
      <c r="D195" s="70"/>
      <c r="E195" s="70"/>
      <c r="F195" s="70"/>
      <c r="G195" s="70"/>
      <c r="H195" s="70"/>
      <c r="I195" s="70"/>
      <c r="J195" s="70"/>
      <c r="K195" s="70"/>
      <c r="L195" s="70"/>
      <c r="M195" s="70"/>
      <c r="N195" s="70"/>
      <c r="O195" s="70"/>
      <c r="P195" s="70"/>
      <c r="Q195" s="70"/>
      <c r="R195" s="70"/>
      <c r="S195" s="70"/>
      <c r="T195" s="70"/>
      <c r="U195" s="70"/>
      <c r="V195" s="70"/>
      <c r="W195" s="70"/>
      <c r="X195" s="70"/>
      <c r="Y195" s="70"/>
      <c r="Z195" s="70"/>
      <c r="AA195" s="70"/>
      <c r="AB195" s="70"/>
      <c r="AC195" s="70"/>
      <c r="AD195" s="70"/>
      <c r="AE195" s="70"/>
      <c r="AF195" s="70"/>
    </row>
    <row r="196" spans="3:32" x14ac:dyDescent="0.2">
      <c r="C196" s="70"/>
      <c r="D196" s="70"/>
      <c r="E196" s="70"/>
      <c r="F196" s="70"/>
      <c r="G196" s="70"/>
      <c r="H196" s="70"/>
      <c r="I196" s="70"/>
      <c r="J196" s="70"/>
      <c r="K196" s="70"/>
      <c r="L196" s="70"/>
      <c r="M196" s="70"/>
      <c r="N196" s="70"/>
      <c r="O196" s="70"/>
      <c r="P196" s="70"/>
      <c r="Q196" s="70"/>
      <c r="R196" s="70"/>
      <c r="S196" s="70"/>
      <c r="T196" s="70"/>
      <c r="U196" s="70"/>
      <c r="V196" s="70"/>
      <c r="W196" s="70"/>
      <c r="X196" s="70"/>
      <c r="Y196" s="70"/>
      <c r="Z196" s="70"/>
      <c r="AA196" s="70"/>
      <c r="AB196" s="70"/>
      <c r="AC196" s="70"/>
      <c r="AD196" s="70"/>
      <c r="AE196" s="70"/>
      <c r="AF196" s="70"/>
    </row>
    <row r="197" spans="3:32" x14ac:dyDescent="0.2">
      <c r="C197" s="70"/>
      <c r="D197" s="70"/>
      <c r="E197" s="70"/>
      <c r="F197" s="70"/>
      <c r="G197" s="70"/>
      <c r="H197" s="70"/>
      <c r="I197" s="70"/>
      <c r="J197" s="70"/>
      <c r="K197" s="70"/>
      <c r="L197" s="70"/>
      <c r="M197" s="70"/>
      <c r="N197" s="70"/>
      <c r="O197" s="70"/>
      <c r="P197" s="70"/>
      <c r="Q197" s="70"/>
      <c r="R197" s="70"/>
      <c r="S197" s="70"/>
      <c r="T197" s="70"/>
      <c r="U197" s="70"/>
      <c r="V197" s="70"/>
      <c r="W197" s="70"/>
      <c r="X197" s="70"/>
      <c r="Y197" s="70"/>
      <c r="Z197" s="70"/>
      <c r="AA197" s="70"/>
      <c r="AB197" s="70"/>
      <c r="AC197" s="70"/>
      <c r="AD197" s="70"/>
      <c r="AE197" s="70"/>
      <c r="AF197" s="70"/>
    </row>
    <row r="198" spans="3:32" x14ac:dyDescent="0.2">
      <c r="C198" s="70"/>
      <c r="D198" s="70"/>
      <c r="E198" s="70"/>
      <c r="F198" s="70"/>
      <c r="G198" s="70"/>
      <c r="H198" s="70"/>
      <c r="I198" s="70"/>
      <c r="J198" s="70"/>
      <c r="K198" s="70"/>
      <c r="L198" s="70"/>
      <c r="M198" s="70"/>
      <c r="N198" s="70"/>
      <c r="O198" s="70"/>
      <c r="P198" s="70"/>
      <c r="Q198" s="70"/>
      <c r="R198" s="70"/>
      <c r="S198" s="70"/>
      <c r="T198" s="70"/>
      <c r="U198" s="70"/>
      <c r="V198" s="70"/>
      <c r="W198" s="70"/>
      <c r="X198" s="70"/>
      <c r="Y198" s="70"/>
      <c r="Z198" s="70"/>
      <c r="AA198" s="70"/>
      <c r="AB198" s="70"/>
      <c r="AC198" s="70"/>
      <c r="AD198" s="70"/>
      <c r="AE198" s="70"/>
      <c r="AF198" s="70"/>
    </row>
    <row r="199" spans="3:32" x14ac:dyDescent="0.2">
      <c r="C199" s="70"/>
      <c r="D199" s="70"/>
      <c r="E199" s="70"/>
      <c r="F199" s="70"/>
      <c r="G199" s="70"/>
      <c r="H199" s="70"/>
      <c r="I199" s="70"/>
      <c r="J199" s="70"/>
      <c r="K199" s="70"/>
      <c r="L199" s="70"/>
      <c r="M199" s="70"/>
      <c r="N199" s="70"/>
      <c r="O199" s="70"/>
      <c r="P199" s="70"/>
      <c r="Q199" s="70"/>
      <c r="R199" s="70"/>
      <c r="S199" s="70"/>
      <c r="T199" s="70"/>
      <c r="U199" s="70"/>
      <c r="V199" s="70"/>
      <c r="W199" s="70"/>
      <c r="X199" s="70"/>
      <c r="Y199" s="70"/>
      <c r="Z199" s="70"/>
      <c r="AA199" s="70"/>
      <c r="AB199" s="70"/>
      <c r="AC199" s="70"/>
      <c r="AD199" s="70"/>
      <c r="AE199" s="70"/>
      <c r="AF199" s="70"/>
    </row>
    <row r="200" spans="3:32" x14ac:dyDescent="0.2">
      <c r="C200" s="70"/>
      <c r="D200" s="70"/>
      <c r="E200" s="70"/>
      <c r="F200" s="70"/>
      <c r="G200" s="70"/>
      <c r="H200" s="70"/>
      <c r="I200" s="70"/>
      <c r="J200" s="70"/>
      <c r="K200" s="70"/>
      <c r="L200" s="70"/>
      <c r="M200" s="70"/>
      <c r="N200" s="70"/>
      <c r="O200" s="70"/>
      <c r="P200" s="70"/>
      <c r="Q200" s="70"/>
      <c r="R200" s="70"/>
      <c r="S200" s="70"/>
      <c r="T200" s="70"/>
      <c r="U200" s="70"/>
      <c r="V200" s="70"/>
      <c r="W200" s="70"/>
      <c r="X200" s="70"/>
      <c r="Y200" s="70"/>
      <c r="Z200" s="70"/>
      <c r="AA200" s="70"/>
      <c r="AB200" s="70"/>
      <c r="AC200" s="70"/>
      <c r="AD200" s="70"/>
      <c r="AE200" s="70"/>
      <c r="AF200" s="70"/>
    </row>
    <row r="201" spans="3:32" x14ac:dyDescent="0.2">
      <c r="C201" s="70"/>
      <c r="D201" s="70"/>
      <c r="E201" s="70"/>
      <c r="F201" s="70"/>
      <c r="G201" s="70"/>
      <c r="H201" s="70"/>
      <c r="I201" s="70"/>
      <c r="J201" s="70"/>
      <c r="K201" s="70"/>
      <c r="L201" s="70"/>
      <c r="M201" s="70"/>
      <c r="N201" s="70"/>
      <c r="O201" s="70"/>
      <c r="P201" s="70"/>
      <c r="Q201" s="70"/>
      <c r="R201" s="70"/>
      <c r="S201" s="70"/>
      <c r="T201" s="70"/>
      <c r="U201" s="70"/>
      <c r="V201" s="70"/>
      <c r="W201" s="70"/>
      <c r="X201" s="70"/>
      <c r="Y201" s="70"/>
      <c r="Z201" s="70"/>
      <c r="AA201" s="70"/>
      <c r="AB201" s="70"/>
      <c r="AC201" s="70"/>
      <c r="AD201" s="70"/>
      <c r="AE201" s="70"/>
      <c r="AF201" s="70"/>
    </row>
    <row r="202" spans="3:32" x14ac:dyDescent="0.2">
      <c r="C202" s="70"/>
      <c r="D202" s="70"/>
      <c r="E202" s="70"/>
      <c r="F202" s="70"/>
      <c r="G202" s="70"/>
      <c r="H202" s="70"/>
      <c r="I202" s="70"/>
      <c r="J202" s="70"/>
      <c r="K202" s="70"/>
      <c r="L202" s="70"/>
      <c r="M202" s="70"/>
      <c r="N202" s="70"/>
      <c r="O202" s="70"/>
      <c r="P202" s="70"/>
      <c r="Q202" s="70"/>
      <c r="R202" s="70"/>
      <c r="S202" s="70"/>
      <c r="T202" s="70"/>
      <c r="U202" s="70"/>
      <c r="V202" s="70"/>
      <c r="W202" s="70"/>
      <c r="X202" s="70"/>
      <c r="Y202" s="70"/>
      <c r="Z202" s="70"/>
      <c r="AA202" s="70"/>
      <c r="AB202" s="70"/>
      <c r="AC202" s="70"/>
      <c r="AD202" s="70"/>
      <c r="AE202" s="70"/>
      <c r="AF202" s="70"/>
    </row>
    <row r="203" spans="3:32" x14ac:dyDescent="0.2">
      <c r="C203" s="70"/>
      <c r="D203" s="70"/>
      <c r="E203" s="70"/>
      <c r="F203" s="70"/>
      <c r="G203" s="70"/>
      <c r="H203" s="70"/>
      <c r="I203" s="70"/>
      <c r="J203" s="70"/>
      <c r="K203" s="70"/>
      <c r="L203" s="70"/>
      <c r="M203" s="70"/>
      <c r="N203" s="70"/>
      <c r="O203" s="70"/>
      <c r="P203" s="70"/>
      <c r="Q203" s="70"/>
      <c r="R203" s="70"/>
      <c r="S203" s="70"/>
      <c r="T203" s="70"/>
      <c r="U203" s="70"/>
      <c r="V203" s="70"/>
      <c r="W203" s="70"/>
      <c r="X203" s="70"/>
      <c r="Y203" s="70"/>
      <c r="Z203" s="70"/>
      <c r="AA203" s="70"/>
      <c r="AB203" s="70"/>
      <c r="AC203" s="70"/>
      <c r="AD203" s="70"/>
      <c r="AE203" s="70"/>
      <c r="AF203" s="70"/>
    </row>
    <row r="204" spans="3:32" x14ac:dyDescent="0.2">
      <c r="C204" s="70"/>
      <c r="D204" s="70"/>
      <c r="E204" s="70"/>
      <c r="F204" s="70"/>
      <c r="G204" s="70"/>
      <c r="H204" s="70"/>
      <c r="I204" s="70"/>
      <c r="J204" s="70"/>
      <c r="K204" s="70"/>
      <c r="L204" s="70"/>
      <c r="M204" s="70"/>
      <c r="N204" s="70"/>
      <c r="O204" s="70"/>
      <c r="P204" s="70"/>
      <c r="Q204" s="70"/>
      <c r="R204" s="70"/>
      <c r="S204" s="70"/>
      <c r="T204" s="70"/>
      <c r="U204" s="70"/>
      <c r="V204" s="70"/>
      <c r="W204" s="70"/>
      <c r="X204" s="70"/>
      <c r="Y204" s="70"/>
      <c r="Z204" s="70"/>
      <c r="AA204" s="70"/>
      <c r="AB204" s="70"/>
      <c r="AC204" s="70"/>
      <c r="AD204" s="70"/>
      <c r="AE204" s="70"/>
      <c r="AF204" s="70"/>
    </row>
    <row r="205" spans="3:32" x14ac:dyDescent="0.2">
      <c r="C205" s="70"/>
      <c r="D205" s="70"/>
      <c r="E205" s="70"/>
      <c r="F205" s="70"/>
      <c r="G205" s="70"/>
      <c r="H205" s="70"/>
      <c r="I205" s="70"/>
      <c r="J205" s="70"/>
      <c r="K205" s="70"/>
      <c r="L205" s="70"/>
      <c r="M205" s="70"/>
      <c r="N205" s="70"/>
      <c r="O205" s="70"/>
      <c r="P205" s="70"/>
      <c r="Q205" s="70"/>
      <c r="R205" s="70"/>
      <c r="S205" s="70"/>
      <c r="T205" s="70"/>
      <c r="U205" s="70"/>
      <c r="V205" s="70"/>
      <c r="W205" s="70"/>
      <c r="X205" s="70"/>
      <c r="Y205" s="70"/>
      <c r="Z205" s="70"/>
      <c r="AA205" s="70"/>
      <c r="AB205" s="70"/>
      <c r="AC205" s="70"/>
      <c r="AD205" s="70"/>
      <c r="AE205" s="70"/>
      <c r="AF205" s="70"/>
    </row>
    <row r="206" spans="3:32" x14ac:dyDescent="0.2">
      <c r="C206" s="70"/>
      <c r="D206" s="70"/>
      <c r="E206" s="70"/>
      <c r="F206" s="70"/>
      <c r="G206" s="70"/>
      <c r="H206" s="70"/>
      <c r="I206" s="70"/>
      <c r="J206" s="70"/>
      <c r="K206" s="70"/>
      <c r="L206" s="70"/>
      <c r="M206" s="70"/>
      <c r="N206" s="70"/>
      <c r="O206" s="70"/>
      <c r="P206" s="70"/>
      <c r="Q206" s="70"/>
      <c r="R206" s="70"/>
      <c r="S206" s="70"/>
      <c r="T206" s="70"/>
      <c r="U206" s="70"/>
      <c r="V206" s="70"/>
      <c r="W206" s="70"/>
      <c r="X206" s="70"/>
      <c r="Y206" s="70"/>
      <c r="Z206" s="70"/>
      <c r="AA206" s="70"/>
      <c r="AB206" s="70"/>
      <c r="AC206" s="70"/>
      <c r="AD206" s="70"/>
      <c r="AE206" s="70"/>
      <c r="AF206" s="70"/>
    </row>
    <row r="207" spans="3:32" x14ac:dyDescent="0.2">
      <c r="C207" s="70"/>
      <c r="D207" s="70"/>
      <c r="E207" s="70"/>
      <c r="F207" s="70"/>
      <c r="G207" s="70"/>
      <c r="H207" s="70"/>
      <c r="I207" s="70"/>
      <c r="J207" s="70"/>
      <c r="K207" s="70"/>
      <c r="L207" s="70"/>
      <c r="M207" s="70"/>
      <c r="N207" s="70"/>
      <c r="O207" s="70"/>
      <c r="P207" s="70"/>
      <c r="Q207" s="70"/>
      <c r="R207" s="70"/>
      <c r="S207" s="70"/>
      <c r="T207" s="70"/>
      <c r="U207" s="70"/>
      <c r="V207" s="70"/>
      <c r="W207" s="70"/>
      <c r="X207" s="70"/>
      <c r="Y207" s="70"/>
      <c r="Z207" s="70"/>
      <c r="AA207" s="70"/>
      <c r="AB207" s="70"/>
      <c r="AC207" s="70"/>
      <c r="AD207" s="70"/>
      <c r="AE207" s="70"/>
      <c r="AF207" s="70"/>
    </row>
    <row r="208" spans="3:32" x14ac:dyDescent="0.2">
      <c r="C208" s="70"/>
      <c r="D208" s="70"/>
      <c r="E208" s="70"/>
      <c r="F208" s="70"/>
      <c r="G208" s="70"/>
      <c r="H208" s="70"/>
      <c r="I208" s="70"/>
      <c r="J208" s="70"/>
      <c r="K208" s="70"/>
      <c r="L208" s="70"/>
      <c r="M208" s="70"/>
      <c r="N208" s="70"/>
      <c r="O208" s="70"/>
      <c r="P208" s="70"/>
      <c r="Q208" s="70"/>
      <c r="R208" s="70"/>
      <c r="S208" s="70"/>
      <c r="T208" s="70"/>
      <c r="U208" s="70"/>
      <c r="V208" s="70"/>
      <c r="W208" s="70"/>
      <c r="X208" s="70"/>
      <c r="Y208" s="70"/>
      <c r="Z208" s="70"/>
      <c r="AA208" s="70"/>
      <c r="AB208" s="70"/>
      <c r="AC208" s="70"/>
      <c r="AD208" s="70"/>
      <c r="AE208" s="70"/>
      <c r="AF208" s="70"/>
    </row>
    <row r="209" spans="3:32" x14ac:dyDescent="0.2">
      <c r="C209" s="70"/>
      <c r="D209" s="70"/>
      <c r="E209" s="70"/>
      <c r="F209" s="70"/>
      <c r="G209" s="70"/>
      <c r="H209" s="70"/>
      <c r="I209" s="70"/>
      <c r="J209" s="70"/>
      <c r="K209" s="70"/>
      <c r="L209" s="70"/>
      <c r="M209" s="70"/>
      <c r="N209" s="70"/>
      <c r="O209" s="70"/>
      <c r="P209" s="70"/>
      <c r="Q209" s="70"/>
      <c r="R209" s="70"/>
      <c r="S209" s="70"/>
      <c r="T209" s="70"/>
      <c r="U209" s="70"/>
      <c r="V209" s="70"/>
      <c r="W209" s="70"/>
      <c r="X209" s="70"/>
      <c r="Y209" s="70"/>
      <c r="Z209" s="70"/>
      <c r="AA209" s="70"/>
      <c r="AB209" s="70"/>
      <c r="AC209" s="70"/>
      <c r="AD209" s="70"/>
      <c r="AE209" s="70"/>
      <c r="AF209" s="70"/>
    </row>
    <row r="210" spans="3:32" x14ac:dyDescent="0.2">
      <c r="C210" s="70"/>
      <c r="D210" s="70"/>
      <c r="E210" s="70"/>
      <c r="F210" s="70"/>
      <c r="G210" s="70"/>
      <c r="H210" s="70"/>
      <c r="I210" s="70"/>
      <c r="J210" s="70"/>
      <c r="K210" s="70"/>
      <c r="L210" s="70"/>
      <c r="M210" s="70"/>
      <c r="N210" s="70"/>
      <c r="O210" s="70"/>
      <c r="P210" s="70"/>
      <c r="Q210" s="70"/>
      <c r="R210" s="70"/>
      <c r="S210" s="70"/>
      <c r="T210" s="70"/>
      <c r="U210" s="70"/>
      <c r="V210" s="70"/>
      <c r="W210" s="70"/>
      <c r="X210" s="70"/>
      <c r="Y210" s="70"/>
      <c r="Z210" s="70"/>
      <c r="AA210" s="70"/>
      <c r="AB210" s="70"/>
      <c r="AC210" s="70"/>
      <c r="AD210" s="70"/>
      <c r="AE210" s="70"/>
      <c r="AF210" s="70"/>
    </row>
    <row r="211" spans="3:32" x14ac:dyDescent="0.2">
      <c r="C211" s="70"/>
      <c r="D211" s="70"/>
      <c r="E211" s="70"/>
      <c r="F211" s="70"/>
      <c r="G211" s="70"/>
      <c r="H211" s="70"/>
      <c r="I211" s="70"/>
      <c r="J211" s="70"/>
      <c r="K211" s="70"/>
      <c r="L211" s="70"/>
      <c r="M211" s="70"/>
      <c r="N211" s="70"/>
      <c r="O211" s="70"/>
      <c r="P211" s="70"/>
      <c r="Q211" s="70"/>
      <c r="R211" s="70"/>
      <c r="S211" s="70"/>
      <c r="T211" s="70"/>
      <c r="U211" s="70"/>
      <c r="V211" s="70"/>
      <c r="W211" s="70"/>
      <c r="X211" s="70"/>
      <c r="Y211" s="70"/>
      <c r="Z211" s="70"/>
      <c r="AA211" s="70"/>
      <c r="AB211" s="70"/>
      <c r="AC211" s="70"/>
      <c r="AD211" s="70"/>
      <c r="AE211" s="70"/>
      <c r="AF211" s="70"/>
    </row>
    <row r="212" spans="3:32" x14ac:dyDescent="0.2">
      <c r="C212" s="70"/>
      <c r="D212" s="70"/>
      <c r="E212" s="70"/>
      <c r="F212" s="70"/>
      <c r="G212" s="70"/>
      <c r="H212" s="70"/>
      <c r="I212" s="70"/>
      <c r="J212" s="70"/>
      <c r="K212" s="70"/>
      <c r="L212" s="70"/>
      <c r="M212" s="70"/>
      <c r="N212" s="70"/>
      <c r="O212" s="70"/>
      <c r="P212" s="70"/>
      <c r="Q212" s="70"/>
      <c r="R212" s="70"/>
      <c r="S212" s="70"/>
      <c r="T212" s="70"/>
      <c r="U212" s="70"/>
      <c r="V212" s="70"/>
      <c r="W212" s="70"/>
      <c r="X212" s="70"/>
      <c r="Y212" s="70"/>
      <c r="Z212" s="70"/>
      <c r="AA212" s="70"/>
      <c r="AB212" s="70"/>
      <c r="AC212" s="70"/>
      <c r="AD212" s="70"/>
      <c r="AE212" s="70"/>
      <c r="AF212" s="70"/>
    </row>
    <row r="213" spans="3:32" x14ac:dyDescent="0.2">
      <c r="C213" s="70"/>
      <c r="D213" s="70"/>
      <c r="E213" s="70"/>
      <c r="F213" s="70"/>
      <c r="G213" s="70"/>
      <c r="H213" s="70"/>
      <c r="I213" s="70"/>
      <c r="J213" s="70"/>
      <c r="K213" s="70"/>
      <c r="L213" s="70"/>
      <c r="M213" s="70"/>
      <c r="N213" s="70"/>
      <c r="O213" s="70"/>
      <c r="P213" s="70"/>
      <c r="Q213" s="70"/>
      <c r="R213" s="70"/>
      <c r="S213" s="70"/>
      <c r="T213" s="70"/>
      <c r="U213" s="70"/>
      <c r="V213" s="70"/>
      <c r="W213" s="70"/>
      <c r="X213" s="70"/>
      <c r="Y213" s="70"/>
      <c r="Z213" s="70"/>
      <c r="AA213" s="70"/>
      <c r="AB213" s="70"/>
      <c r="AC213" s="70"/>
      <c r="AD213" s="70"/>
      <c r="AE213" s="70"/>
      <c r="AF213" s="70"/>
    </row>
    <row r="214" spans="3:32" x14ac:dyDescent="0.2">
      <c r="C214" s="70"/>
      <c r="D214" s="70"/>
      <c r="E214" s="70"/>
      <c r="F214" s="70"/>
      <c r="G214" s="70"/>
      <c r="H214" s="70"/>
      <c r="I214" s="70"/>
      <c r="J214" s="70"/>
      <c r="K214" s="70"/>
      <c r="L214" s="70"/>
      <c r="M214" s="70"/>
      <c r="N214" s="70"/>
      <c r="O214" s="70"/>
      <c r="P214" s="70"/>
      <c r="Q214" s="70"/>
      <c r="R214" s="70"/>
      <c r="S214" s="70"/>
      <c r="T214" s="70"/>
      <c r="U214" s="70"/>
      <c r="V214" s="70"/>
      <c r="W214" s="70"/>
      <c r="X214" s="70"/>
      <c r="Y214" s="70"/>
      <c r="Z214" s="70"/>
      <c r="AA214" s="70"/>
      <c r="AB214" s="70"/>
      <c r="AC214" s="70"/>
      <c r="AD214" s="70"/>
      <c r="AE214" s="70"/>
      <c r="AF214" s="70"/>
    </row>
    <row r="215" spans="3:32" x14ac:dyDescent="0.2">
      <c r="C215" s="70"/>
      <c r="D215" s="70"/>
      <c r="E215" s="70"/>
      <c r="F215" s="70"/>
      <c r="G215" s="70"/>
      <c r="H215" s="70"/>
      <c r="I215" s="70"/>
      <c r="J215" s="70"/>
      <c r="K215" s="70"/>
      <c r="L215" s="70"/>
      <c r="M215" s="70"/>
      <c r="N215" s="70"/>
      <c r="O215" s="70"/>
      <c r="P215" s="70"/>
      <c r="Q215" s="70"/>
      <c r="R215" s="70"/>
      <c r="S215" s="70"/>
      <c r="T215" s="70"/>
      <c r="U215" s="70"/>
      <c r="V215" s="70"/>
      <c r="W215" s="70"/>
      <c r="X215" s="70"/>
      <c r="Y215" s="70"/>
      <c r="Z215" s="70"/>
      <c r="AA215" s="70"/>
      <c r="AB215" s="70"/>
      <c r="AC215" s="70"/>
      <c r="AD215" s="70"/>
      <c r="AE215" s="70"/>
      <c r="AF215" s="70"/>
    </row>
    <row r="216" spans="3:32" x14ac:dyDescent="0.2">
      <c r="C216" s="70"/>
      <c r="D216" s="70"/>
      <c r="E216" s="70"/>
      <c r="F216" s="70"/>
      <c r="G216" s="70"/>
      <c r="H216" s="70"/>
      <c r="I216" s="70"/>
      <c r="J216" s="70"/>
      <c r="K216" s="70"/>
      <c r="L216" s="70"/>
      <c r="M216" s="70"/>
      <c r="N216" s="70"/>
      <c r="O216" s="70"/>
      <c r="P216" s="70"/>
      <c r="Q216" s="70"/>
      <c r="R216" s="70"/>
      <c r="S216" s="70"/>
      <c r="T216" s="70"/>
      <c r="U216" s="70"/>
      <c r="V216" s="70"/>
      <c r="W216" s="70"/>
      <c r="X216" s="70"/>
      <c r="Y216" s="70"/>
      <c r="Z216" s="70"/>
      <c r="AA216" s="70"/>
      <c r="AB216" s="70"/>
      <c r="AC216" s="70"/>
      <c r="AD216" s="70"/>
      <c r="AE216" s="70"/>
      <c r="AF216" s="70"/>
    </row>
    <row r="217" spans="3:32" x14ac:dyDescent="0.2">
      <c r="C217" s="70"/>
      <c r="D217" s="70"/>
      <c r="E217" s="70"/>
      <c r="F217" s="70"/>
      <c r="G217" s="70"/>
      <c r="H217" s="70"/>
      <c r="I217" s="70"/>
      <c r="J217" s="70"/>
      <c r="K217" s="70"/>
      <c r="L217" s="70"/>
      <c r="M217" s="70"/>
      <c r="N217" s="70"/>
      <c r="O217" s="70"/>
      <c r="P217" s="70"/>
      <c r="Q217" s="70"/>
      <c r="R217" s="70"/>
      <c r="S217" s="70"/>
      <c r="T217" s="70"/>
      <c r="U217" s="70"/>
      <c r="V217" s="70"/>
      <c r="W217" s="70"/>
      <c r="X217" s="70"/>
      <c r="Y217" s="70"/>
      <c r="Z217" s="70"/>
      <c r="AA217" s="70"/>
      <c r="AB217" s="70"/>
      <c r="AC217" s="70"/>
      <c r="AD217" s="70"/>
      <c r="AE217" s="70"/>
      <c r="AF217" s="70"/>
    </row>
    <row r="218" spans="3:32" x14ac:dyDescent="0.2">
      <c r="C218" s="70"/>
      <c r="D218" s="70"/>
      <c r="E218" s="70"/>
      <c r="F218" s="70"/>
      <c r="G218" s="70"/>
      <c r="H218" s="70"/>
      <c r="I218" s="70"/>
      <c r="J218" s="70"/>
      <c r="K218" s="70"/>
      <c r="L218" s="70"/>
      <c r="M218" s="70"/>
      <c r="N218" s="70"/>
      <c r="O218" s="70"/>
      <c r="P218" s="70"/>
      <c r="Q218" s="70"/>
      <c r="R218" s="70"/>
      <c r="S218" s="70"/>
      <c r="T218" s="70"/>
      <c r="U218" s="70"/>
      <c r="V218" s="70"/>
      <c r="W218" s="70"/>
      <c r="X218" s="70"/>
      <c r="Y218" s="70"/>
      <c r="Z218" s="70"/>
      <c r="AA218" s="70"/>
      <c r="AB218" s="70"/>
      <c r="AC218" s="70"/>
      <c r="AD218" s="70"/>
      <c r="AE218" s="70"/>
      <c r="AF218" s="70"/>
    </row>
    <row r="219" spans="3:32" x14ac:dyDescent="0.2">
      <c r="C219" s="70"/>
      <c r="D219" s="70"/>
      <c r="E219" s="70"/>
      <c r="F219" s="70"/>
      <c r="G219" s="70"/>
      <c r="H219" s="70"/>
      <c r="I219" s="70"/>
      <c r="J219" s="70"/>
      <c r="K219" s="70"/>
      <c r="L219" s="70"/>
      <c r="M219" s="70"/>
      <c r="N219" s="70"/>
      <c r="O219" s="70"/>
      <c r="P219" s="70"/>
      <c r="Q219" s="70"/>
      <c r="R219" s="70"/>
      <c r="S219" s="70"/>
      <c r="T219" s="70"/>
      <c r="U219" s="70"/>
      <c r="V219" s="70"/>
      <c r="W219" s="70"/>
      <c r="X219" s="70"/>
      <c r="Y219" s="70"/>
      <c r="Z219" s="70"/>
      <c r="AA219" s="70"/>
      <c r="AB219" s="70"/>
      <c r="AC219" s="70"/>
      <c r="AD219" s="70"/>
      <c r="AE219" s="70"/>
      <c r="AF219" s="70"/>
    </row>
  </sheetData>
  <mergeCells count="59">
    <mergeCell ref="DS5:DU5"/>
    <mergeCell ref="DV5:EA5"/>
    <mergeCell ref="EB5:EB6"/>
    <mergeCell ref="CD5:CD6"/>
    <mergeCell ref="CE5:CG5"/>
    <mergeCell ref="CH5:CM5"/>
    <mergeCell ref="CN5:CN6"/>
    <mergeCell ref="CO5:CQ5"/>
    <mergeCell ref="CR5:CW5"/>
    <mergeCell ref="CX5:CX6"/>
    <mergeCell ref="CY5:DA5"/>
    <mergeCell ref="DB5:DG5"/>
    <mergeCell ref="DH5:DH6"/>
    <mergeCell ref="DI5:DK5"/>
    <mergeCell ref="DL5:DQ5"/>
    <mergeCell ref="DR5:DR6"/>
    <mergeCell ref="BU5:BW5"/>
    <mergeCell ref="BX5:CC5"/>
    <mergeCell ref="BA5:BC5"/>
    <mergeCell ref="BD5:BI5"/>
    <mergeCell ref="BJ5:BJ6"/>
    <mergeCell ref="BK5:BM5"/>
    <mergeCell ref="W5:Y5"/>
    <mergeCell ref="Z5:AE5"/>
    <mergeCell ref="AF5:AF6"/>
    <mergeCell ref="BN5:BS5"/>
    <mergeCell ref="BT5:BT6"/>
    <mergeCell ref="V5:V6"/>
    <mergeCell ref="BK3:CN3"/>
    <mergeCell ref="DS3:EB4"/>
    <mergeCell ref="C4:L4"/>
    <mergeCell ref="M4:V4"/>
    <mergeCell ref="W4:AF4"/>
    <mergeCell ref="AG4:AP4"/>
    <mergeCell ref="AQ4:AZ4"/>
    <mergeCell ref="BA4:BJ4"/>
    <mergeCell ref="BK4:BT4"/>
    <mergeCell ref="BU4:CD4"/>
    <mergeCell ref="CE4:CN4"/>
    <mergeCell ref="CO3:DR3"/>
    <mergeCell ref="CO4:CX4"/>
    <mergeCell ref="CY4:DH4"/>
    <mergeCell ref="DI4:DR4"/>
    <mergeCell ref="F1:G1"/>
    <mergeCell ref="I1:J1"/>
    <mergeCell ref="B3:B5"/>
    <mergeCell ref="C3:AF3"/>
    <mergeCell ref="AG3:BJ3"/>
    <mergeCell ref="AG5:AI5"/>
    <mergeCell ref="AJ5:AO5"/>
    <mergeCell ref="AP5:AP6"/>
    <mergeCell ref="AQ5:AS5"/>
    <mergeCell ref="AT5:AY5"/>
    <mergeCell ref="AZ5:AZ6"/>
    <mergeCell ref="C5:E5"/>
    <mergeCell ref="F5:K5"/>
    <mergeCell ref="L5:L6"/>
    <mergeCell ref="M5:O5"/>
    <mergeCell ref="P5:U5"/>
  </mergeCells>
  <phoneticPr fontId="4"/>
  <pageMargins left="0.78740157480314965" right="0.31496062992125984" top="0.27559055118110237" bottom="0.39370078740157483" header="0.19685039370078741" footer="0.19685039370078741"/>
  <pageSetup paperSize="9" scale="45" orientation="landscape" r:id="rId1"/>
  <headerFooter alignWithMargins="0">
    <oddFooter>&amp;L&amp;20&amp;A&amp;C&amp;P/&amp;N</oddFooter>
  </headerFooter>
  <colBreaks count="3" manualBreakCount="3">
    <brk id="32" max="1048575" man="1"/>
    <brk id="62" max="1048575" man="1"/>
    <brk id="122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KM41"/>
  <sheetViews>
    <sheetView zoomScaleNormal="100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5" width="7.88671875" style="70" customWidth="1"/>
    <col min="6" max="6" width="8.109375" style="70" customWidth="1"/>
    <col min="7" max="11" width="7.88671875" style="70" customWidth="1"/>
    <col min="12" max="13" width="8.77734375" style="70" customWidth="1"/>
    <col min="14" max="33" width="7.88671875" style="70" customWidth="1"/>
    <col min="34" max="34" width="9.109375" style="70" customWidth="1"/>
    <col min="35" max="35" width="8.44140625" style="70" customWidth="1"/>
    <col min="36" max="55" width="7.88671875" style="70" customWidth="1"/>
    <col min="56" max="56" width="9.109375" style="70" customWidth="1"/>
    <col min="57" max="57" width="8.44140625" style="70" customWidth="1"/>
    <col min="58" max="77" width="7.88671875" style="70" customWidth="1"/>
    <col min="78" max="78" width="9.109375" style="70" customWidth="1"/>
    <col min="79" max="79" width="8.44140625" style="70" customWidth="1"/>
    <col min="80" max="86" width="7.88671875" style="70" customWidth="1"/>
    <col min="87" max="102" width="9" style="70"/>
    <col min="103" max="148" width="9" style="71"/>
    <col min="149" max="149" width="7.77734375" style="71" customWidth="1"/>
    <col min="150" max="159" width="9" style="71"/>
    <col min="160" max="160" width="8.109375" style="71" customWidth="1"/>
    <col min="161" max="16384" width="9" style="71"/>
  </cols>
  <sheetData>
    <row r="1" spans="2:299" ht="24" customHeight="1" x14ac:dyDescent="0.2">
      <c r="B1" s="9" t="s">
        <v>119</v>
      </c>
      <c r="F1" s="442">
        <f>第１表!F2</f>
        <v>7</v>
      </c>
      <c r="G1" s="442"/>
      <c r="H1" s="18">
        <f>第１表!G2</f>
        <v>2</v>
      </c>
      <c r="I1" s="424">
        <f>H1</f>
        <v>2</v>
      </c>
      <c r="J1" s="424"/>
    </row>
    <row r="2" spans="2:299" ht="24" customHeight="1" thickBot="1" x14ac:dyDescent="0.25">
      <c r="B2" s="10" t="s">
        <v>126</v>
      </c>
    </row>
    <row r="3" spans="2:299" ht="21" customHeight="1" thickBot="1" x14ac:dyDescent="0.25">
      <c r="B3" s="425" t="s">
        <v>38</v>
      </c>
      <c r="C3" s="437" t="s">
        <v>96</v>
      </c>
      <c r="D3" s="437"/>
      <c r="E3" s="437"/>
      <c r="F3" s="437"/>
      <c r="G3" s="437"/>
      <c r="H3" s="437"/>
      <c r="I3" s="437"/>
      <c r="J3" s="437"/>
      <c r="K3" s="437"/>
      <c r="L3" s="437"/>
      <c r="M3" s="437"/>
      <c r="N3" s="437"/>
      <c r="O3" s="437"/>
      <c r="P3" s="437"/>
      <c r="Q3" s="437"/>
      <c r="R3" s="437"/>
      <c r="S3" s="437"/>
      <c r="T3" s="437"/>
      <c r="U3" s="437"/>
      <c r="V3" s="437"/>
      <c r="W3" s="437"/>
      <c r="X3" s="437"/>
      <c r="Y3" s="437"/>
      <c r="Z3" s="437"/>
      <c r="AA3" s="437"/>
      <c r="AB3" s="437"/>
      <c r="AC3" s="437"/>
      <c r="AD3" s="437"/>
      <c r="AE3" s="437"/>
      <c r="AF3" s="437"/>
      <c r="AG3" s="437"/>
      <c r="AH3" s="437"/>
      <c r="AI3" s="437"/>
      <c r="AJ3" s="437"/>
      <c r="AK3" s="437"/>
      <c r="AL3" s="437"/>
      <c r="AM3" s="437"/>
      <c r="AN3" s="437"/>
      <c r="AO3" s="437"/>
      <c r="AP3" s="437"/>
      <c r="AQ3" s="437"/>
      <c r="AR3" s="437"/>
      <c r="AS3" s="437"/>
      <c r="AT3" s="437"/>
      <c r="AU3" s="437"/>
      <c r="AV3" s="437"/>
      <c r="AW3" s="437"/>
      <c r="AX3" s="437"/>
      <c r="AY3" s="437"/>
      <c r="AZ3" s="437"/>
      <c r="BA3" s="437"/>
      <c r="BB3" s="437"/>
      <c r="BC3" s="437"/>
      <c r="BD3" s="437"/>
      <c r="BE3" s="437"/>
      <c r="BF3" s="437"/>
      <c r="BG3" s="437"/>
      <c r="BH3" s="437"/>
      <c r="BI3" s="437"/>
      <c r="BJ3" s="437"/>
      <c r="BK3" s="437"/>
      <c r="BL3" s="437"/>
      <c r="BM3" s="437"/>
      <c r="BN3" s="437"/>
      <c r="BO3" s="437"/>
      <c r="BP3" s="437"/>
      <c r="BQ3" s="437"/>
      <c r="BR3" s="437"/>
      <c r="BS3" s="437"/>
      <c r="BT3" s="437"/>
      <c r="BU3" s="437"/>
      <c r="BV3" s="437"/>
      <c r="BW3" s="437"/>
      <c r="BX3" s="437"/>
      <c r="BY3" s="437"/>
      <c r="BZ3" s="437"/>
      <c r="CA3" s="437"/>
      <c r="CB3" s="437"/>
      <c r="CC3" s="437"/>
      <c r="CD3" s="437"/>
      <c r="CE3" s="437"/>
      <c r="CF3" s="437"/>
      <c r="CG3" s="437"/>
      <c r="CH3" s="437"/>
      <c r="CI3" s="437"/>
      <c r="CJ3" s="437"/>
      <c r="CK3" s="437"/>
      <c r="CL3" s="437"/>
      <c r="CM3" s="437"/>
      <c r="CN3" s="437"/>
      <c r="CO3" s="437"/>
      <c r="CP3" s="437"/>
      <c r="CQ3" s="437"/>
      <c r="CR3" s="437"/>
      <c r="CS3" s="437"/>
      <c r="CT3" s="437"/>
      <c r="CU3" s="437"/>
      <c r="CV3" s="437"/>
      <c r="CW3" s="438"/>
      <c r="CX3" s="437" t="s">
        <v>102</v>
      </c>
      <c r="CY3" s="437"/>
      <c r="CZ3" s="437"/>
      <c r="DA3" s="437"/>
      <c r="DB3" s="437"/>
      <c r="DC3" s="437"/>
      <c r="DD3" s="437"/>
      <c r="DE3" s="437"/>
      <c r="DF3" s="437"/>
      <c r="DG3" s="437"/>
      <c r="DH3" s="437"/>
      <c r="DI3" s="437"/>
      <c r="DJ3" s="437"/>
      <c r="DK3" s="437"/>
      <c r="DL3" s="437"/>
      <c r="DM3" s="437"/>
      <c r="DN3" s="437"/>
      <c r="DO3" s="437"/>
      <c r="DP3" s="437"/>
      <c r="DQ3" s="437"/>
      <c r="DR3" s="437"/>
      <c r="DS3" s="437"/>
      <c r="DT3" s="437"/>
      <c r="DU3" s="437"/>
      <c r="DV3" s="437"/>
      <c r="DW3" s="437"/>
      <c r="DX3" s="437"/>
      <c r="DY3" s="437"/>
      <c r="DZ3" s="437"/>
      <c r="EA3" s="437"/>
      <c r="EB3" s="437"/>
      <c r="EC3" s="437"/>
      <c r="ED3" s="437"/>
      <c r="EE3" s="437"/>
      <c r="EF3" s="437"/>
      <c r="EG3" s="437"/>
      <c r="EH3" s="437"/>
      <c r="EI3" s="437"/>
      <c r="EJ3" s="437"/>
      <c r="EK3" s="437"/>
      <c r="EL3" s="437"/>
      <c r="EM3" s="437"/>
      <c r="EN3" s="437"/>
      <c r="EO3" s="437"/>
      <c r="EP3" s="437"/>
      <c r="EQ3" s="437"/>
      <c r="ER3" s="437"/>
      <c r="ES3" s="437"/>
      <c r="ET3" s="437"/>
      <c r="EU3" s="437"/>
      <c r="EV3" s="437"/>
      <c r="EW3" s="437"/>
      <c r="EX3" s="437"/>
      <c r="EY3" s="437"/>
      <c r="EZ3" s="437"/>
      <c r="FA3" s="437"/>
      <c r="FB3" s="437"/>
      <c r="FC3" s="437"/>
      <c r="FD3" s="437"/>
      <c r="FE3" s="437"/>
      <c r="FF3" s="437"/>
      <c r="FG3" s="437"/>
      <c r="FH3" s="437"/>
      <c r="FI3" s="437"/>
      <c r="FJ3" s="437"/>
      <c r="FK3" s="437"/>
      <c r="FL3" s="437"/>
      <c r="FM3" s="437"/>
      <c r="FN3" s="437"/>
      <c r="FO3" s="437"/>
      <c r="FP3" s="437"/>
      <c r="FQ3" s="437"/>
      <c r="FR3" s="437"/>
      <c r="FS3" s="437"/>
      <c r="FT3" s="437"/>
      <c r="FU3" s="437"/>
      <c r="FV3" s="437"/>
      <c r="FW3" s="437"/>
      <c r="FX3" s="437"/>
      <c r="FY3" s="437"/>
      <c r="FZ3" s="437"/>
      <c r="GA3" s="437"/>
      <c r="GB3" s="437"/>
      <c r="GC3" s="437"/>
      <c r="GD3" s="437"/>
      <c r="GE3" s="437"/>
      <c r="GF3" s="437"/>
      <c r="GG3" s="437"/>
      <c r="GH3" s="437"/>
      <c r="GI3" s="437"/>
      <c r="GJ3" s="437"/>
      <c r="GK3" s="437"/>
      <c r="GL3" s="437"/>
      <c r="GM3" s="437"/>
      <c r="GN3" s="437"/>
      <c r="GO3" s="437"/>
      <c r="GP3" s="437"/>
      <c r="GQ3" s="437"/>
      <c r="GR3" s="438"/>
      <c r="GS3" s="437" t="s">
        <v>103</v>
      </c>
      <c r="GT3" s="437"/>
      <c r="GU3" s="437"/>
      <c r="GV3" s="437"/>
      <c r="GW3" s="437"/>
      <c r="GX3" s="437"/>
      <c r="GY3" s="437"/>
      <c r="GZ3" s="437"/>
      <c r="HA3" s="437"/>
      <c r="HB3" s="437"/>
      <c r="HC3" s="437"/>
      <c r="HD3" s="437"/>
      <c r="HE3" s="437"/>
      <c r="HF3" s="437"/>
      <c r="HG3" s="437"/>
      <c r="HH3" s="437"/>
      <c r="HI3" s="437"/>
      <c r="HJ3" s="437"/>
      <c r="HK3" s="437"/>
      <c r="HL3" s="437"/>
      <c r="HM3" s="437"/>
      <c r="HN3" s="437"/>
      <c r="HO3" s="437"/>
      <c r="HP3" s="437"/>
      <c r="HQ3" s="437"/>
      <c r="HR3" s="437"/>
      <c r="HS3" s="437"/>
      <c r="HT3" s="437"/>
      <c r="HU3" s="437"/>
      <c r="HV3" s="437"/>
      <c r="HW3" s="437"/>
      <c r="HX3" s="437"/>
      <c r="HY3" s="437"/>
      <c r="HZ3" s="437"/>
      <c r="IA3" s="437"/>
      <c r="IB3" s="437"/>
      <c r="IC3" s="437"/>
      <c r="ID3" s="437"/>
      <c r="IE3" s="437"/>
      <c r="IF3" s="437"/>
      <c r="IG3" s="437"/>
      <c r="IH3" s="437"/>
      <c r="II3" s="437"/>
      <c r="IJ3" s="437"/>
      <c r="IK3" s="437"/>
      <c r="IL3" s="437"/>
      <c r="IM3" s="437"/>
      <c r="IN3" s="437"/>
      <c r="IO3" s="437"/>
      <c r="IP3" s="437"/>
      <c r="IQ3" s="437"/>
      <c r="IR3" s="437"/>
      <c r="IS3" s="437"/>
      <c r="IT3" s="437"/>
      <c r="IU3" s="437"/>
      <c r="IV3" s="437"/>
      <c r="IW3" s="437"/>
      <c r="IX3" s="437"/>
      <c r="IY3" s="437"/>
      <c r="IZ3" s="437"/>
      <c r="JA3" s="437"/>
      <c r="JB3" s="437"/>
      <c r="JC3" s="437"/>
      <c r="JD3" s="437"/>
      <c r="JE3" s="437"/>
      <c r="JF3" s="437"/>
      <c r="JG3" s="437"/>
      <c r="JH3" s="437"/>
      <c r="JI3" s="437"/>
      <c r="JJ3" s="437"/>
      <c r="JK3" s="437"/>
      <c r="JL3" s="437"/>
      <c r="JM3" s="437"/>
      <c r="JN3" s="437"/>
      <c r="JO3" s="437"/>
      <c r="JP3" s="437"/>
      <c r="JQ3" s="437"/>
      <c r="JR3" s="437"/>
      <c r="JS3" s="437"/>
      <c r="JT3" s="437"/>
      <c r="JU3" s="437"/>
      <c r="JV3" s="437"/>
      <c r="JW3" s="437"/>
      <c r="JX3" s="437"/>
      <c r="JY3" s="437"/>
      <c r="JZ3" s="437"/>
      <c r="KA3" s="437"/>
      <c r="KB3" s="437"/>
      <c r="KC3" s="437"/>
      <c r="KD3" s="437"/>
      <c r="KE3" s="437"/>
      <c r="KF3" s="437"/>
      <c r="KG3" s="437"/>
      <c r="KH3" s="437"/>
      <c r="KI3" s="437"/>
      <c r="KJ3" s="437"/>
      <c r="KK3" s="437"/>
      <c r="KL3" s="437"/>
      <c r="KM3" s="438"/>
    </row>
    <row r="4" spans="2:299" ht="21" customHeight="1" thickBot="1" x14ac:dyDescent="0.25">
      <c r="B4" s="443"/>
      <c r="C4" s="439" t="s">
        <v>39</v>
      </c>
      <c r="D4" s="440"/>
      <c r="E4" s="440"/>
      <c r="F4" s="440"/>
      <c r="G4" s="440"/>
      <c r="H4" s="440"/>
      <c r="I4" s="440"/>
      <c r="J4" s="440"/>
      <c r="K4" s="440"/>
      <c r="L4" s="440"/>
      <c r="M4" s="440"/>
      <c r="N4" s="440"/>
      <c r="O4" s="440"/>
      <c r="P4" s="440"/>
      <c r="Q4" s="440"/>
      <c r="R4" s="440"/>
      <c r="S4" s="440"/>
      <c r="T4" s="440"/>
      <c r="U4" s="440"/>
      <c r="V4" s="440"/>
      <c r="W4" s="440"/>
      <c r="X4" s="440"/>
      <c r="Y4" s="440"/>
      <c r="Z4" s="440"/>
      <c r="AA4" s="440"/>
      <c r="AB4" s="440"/>
      <c r="AC4" s="440"/>
      <c r="AD4" s="440"/>
      <c r="AE4" s="440"/>
      <c r="AF4" s="440"/>
      <c r="AG4" s="440"/>
      <c r="AH4" s="440"/>
      <c r="AI4" s="440"/>
      <c r="AJ4" s="440"/>
      <c r="AK4" s="440"/>
      <c r="AL4" s="440"/>
      <c r="AM4" s="440"/>
      <c r="AN4" s="440"/>
      <c r="AO4" s="440"/>
      <c r="AP4" s="440"/>
      <c r="AQ4" s="440"/>
      <c r="AR4" s="440"/>
      <c r="AS4" s="440"/>
      <c r="AT4" s="440"/>
      <c r="AU4" s="440"/>
      <c r="AV4" s="440"/>
      <c r="AW4" s="440"/>
      <c r="AX4" s="440"/>
      <c r="AY4" s="440"/>
      <c r="AZ4" s="440"/>
      <c r="BA4" s="440"/>
      <c r="BB4" s="440"/>
      <c r="BC4" s="440"/>
      <c r="BD4" s="440"/>
      <c r="BE4" s="440"/>
      <c r="BF4" s="440"/>
      <c r="BG4" s="440"/>
      <c r="BH4" s="440"/>
      <c r="BI4" s="440"/>
      <c r="BJ4" s="440"/>
      <c r="BK4" s="440"/>
      <c r="BL4" s="440"/>
      <c r="BM4" s="440"/>
      <c r="BN4" s="440"/>
      <c r="BO4" s="440"/>
      <c r="BP4" s="440"/>
      <c r="BQ4" s="440"/>
      <c r="BR4" s="440"/>
      <c r="BS4" s="440"/>
      <c r="BT4" s="440"/>
      <c r="BU4" s="440"/>
      <c r="BV4" s="440"/>
      <c r="BW4" s="440"/>
      <c r="BX4" s="440"/>
      <c r="BY4" s="440"/>
      <c r="BZ4" s="440"/>
      <c r="CA4" s="441"/>
      <c r="CB4" s="425" t="s">
        <v>40</v>
      </c>
      <c r="CC4" s="426"/>
      <c r="CD4" s="426"/>
      <c r="CE4" s="426"/>
      <c r="CF4" s="426"/>
      <c r="CG4" s="426"/>
      <c r="CH4" s="426"/>
      <c r="CI4" s="426"/>
      <c r="CJ4" s="426"/>
      <c r="CK4" s="426"/>
      <c r="CL4" s="427"/>
      <c r="CM4" s="425" t="s">
        <v>41</v>
      </c>
      <c r="CN4" s="426"/>
      <c r="CO4" s="426"/>
      <c r="CP4" s="426"/>
      <c r="CQ4" s="426"/>
      <c r="CR4" s="426"/>
      <c r="CS4" s="426"/>
      <c r="CT4" s="426"/>
      <c r="CU4" s="426"/>
      <c r="CV4" s="426"/>
      <c r="CW4" s="427"/>
      <c r="CX4" s="439" t="s">
        <v>39</v>
      </c>
      <c r="CY4" s="440"/>
      <c r="CZ4" s="440"/>
      <c r="DA4" s="440"/>
      <c r="DB4" s="440"/>
      <c r="DC4" s="440"/>
      <c r="DD4" s="440"/>
      <c r="DE4" s="440"/>
      <c r="DF4" s="440"/>
      <c r="DG4" s="440"/>
      <c r="DH4" s="440"/>
      <c r="DI4" s="440"/>
      <c r="DJ4" s="440"/>
      <c r="DK4" s="440"/>
      <c r="DL4" s="440"/>
      <c r="DM4" s="440"/>
      <c r="DN4" s="440"/>
      <c r="DO4" s="440"/>
      <c r="DP4" s="440"/>
      <c r="DQ4" s="440"/>
      <c r="DR4" s="440"/>
      <c r="DS4" s="440"/>
      <c r="DT4" s="440"/>
      <c r="DU4" s="440"/>
      <c r="DV4" s="440"/>
      <c r="DW4" s="440"/>
      <c r="DX4" s="440"/>
      <c r="DY4" s="440"/>
      <c r="DZ4" s="440"/>
      <c r="EA4" s="440"/>
      <c r="EB4" s="440"/>
      <c r="EC4" s="440"/>
      <c r="ED4" s="440"/>
      <c r="EE4" s="440"/>
      <c r="EF4" s="440"/>
      <c r="EG4" s="440"/>
      <c r="EH4" s="440"/>
      <c r="EI4" s="440"/>
      <c r="EJ4" s="440"/>
      <c r="EK4" s="440"/>
      <c r="EL4" s="440"/>
      <c r="EM4" s="440"/>
      <c r="EN4" s="440"/>
      <c r="EO4" s="440"/>
      <c r="EP4" s="440"/>
      <c r="EQ4" s="440"/>
      <c r="ER4" s="440"/>
      <c r="ES4" s="440"/>
      <c r="ET4" s="440"/>
      <c r="EU4" s="440"/>
      <c r="EV4" s="440"/>
      <c r="EW4" s="440"/>
      <c r="EX4" s="440"/>
      <c r="EY4" s="440"/>
      <c r="EZ4" s="440"/>
      <c r="FA4" s="440"/>
      <c r="FB4" s="440"/>
      <c r="FC4" s="440"/>
      <c r="FD4" s="440"/>
      <c r="FE4" s="440"/>
      <c r="FF4" s="440"/>
      <c r="FG4" s="440"/>
      <c r="FH4" s="440"/>
      <c r="FI4" s="440"/>
      <c r="FJ4" s="440"/>
      <c r="FK4" s="440"/>
      <c r="FL4" s="440"/>
      <c r="FM4" s="440"/>
      <c r="FN4" s="440"/>
      <c r="FO4" s="440"/>
      <c r="FP4" s="440"/>
      <c r="FQ4" s="440"/>
      <c r="FR4" s="440"/>
      <c r="FS4" s="440"/>
      <c r="FT4" s="440"/>
      <c r="FU4" s="440"/>
      <c r="FV4" s="441"/>
      <c r="FW4" s="425" t="s">
        <v>40</v>
      </c>
      <c r="FX4" s="426"/>
      <c r="FY4" s="426"/>
      <c r="FZ4" s="426"/>
      <c r="GA4" s="426"/>
      <c r="GB4" s="426"/>
      <c r="GC4" s="426"/>
      <c r="GD4" s="426"/>
      <c r="GE4" s="426"/>
      <c r="GF4" s="426"/>
      <c r="GG4" s="427"/>
      <c r="GH4" s="425" t="s">
        <v>41</v>
      </c>
      <c r="GI4" s="426"/>
      <c r="GJ4" s="426"/>
      <c r="GK4" s="426"/>
      <c r="GL4" s="426"/>
      <c r="GM4" s="426"/>
      <c r="GN4" s="426"/>
      <c r="GO4" s="426"/>
      <c r="GP4" s="426"/>
      <c r="GQ4" s="426"/>
      <c r="GR4" s="427"/>
      <c r="GS4" s="439" t="s">
        <v>39</v>
      </c>
      <c r="GT4" s="440"/>
      <c r="GU4" s="440"/>
      <c r="GV4" s="440"/>
      <c r="GW4" s="440"/>
      <c r="GX4" s="440"/>
      <c r="GY4" s="440"/>
      <c r="GZ4" s="440"/>
      <c r="HA4" s="440"/>
      <c r="HB4" s="440"/>
      <c r="HC4" s="440"/>
      <c r="HD4" s="440"/>
      <c r="HE4" s="440"/>
      <c r="HF4" s="440"/>
      <c r="HG4" s="440"/>
      <c r="HH4" s="440"/>
      <c r="HI4" s="440"/>
      <c r="HJ4" s="440"/>
      <c r="HK4" s="440"/>
      <c r="HL4" s="440"/>
      <c r="HM4" s="440"/>
      <c r="HN4" s="440"/>
      <c r="HO4" s="440"/>
      <c r="HP4" s="440"/>
      <c r="HQ4" s="440"/>
      <c r="HR4" s="440"/>
      <c r="HS4" s="440"/>
      <c r="HT4" s="440"/>
      <c r="HU4" s="440"/>
      <c r="HV4" s="440"/>
      <c r="HW4" s="440"/>
      <c r="HX4" s="440"/>
      <c r="HY4" s="440"/>
      <c r="HZ4" s="440"/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1"/>
      <c r="JR4" s="425" t="s">
        <v>40</v>
      </c>
      <c r="JS4" s="426"/>
      <c r="JT4" s="426"/>
      <c r="JU4" s="426"/>
      <c r="JV4" s="426"/>
      <c r="JW4" s="426"/>
      <c r="JX4" s="426"/>
      <c r="JY4" s="426"/>
      <c r="JZ4" s="426"/>
      <c r="KA4" s="426"/>
      <c r="KB4" s="427"/>
      <c r="KC4" s="425" t="s">
        <v>41</v>
      </c>
      <c r="KD4" s="426"/>
      <c r="KE4" s="426"/>
      <c r="KF4" s="426"/>
      <c r="KG4" s="426"/>
      <c r="KH4" s="426"/>
      <c r="KI4" s="426"/>
      <c r="KJ4" s="426"/>
      <c r="KK4" s="426"/>
      <c r="KL4" s="426"/>
      <c r="KM4" s="427"/>
    </row>
    <row r="5" spans="2:299" ht="21" customHeight="1" thickBot="1" x14ac:dyDescent="0.25">
      <c r="B5" s="431"/>
      <c r="C5" s="431"/>
      <c r="D5" s="432"/>
      <c r="E5" s="432"/>
      <c r="F5" s="432"/>
      <c r="G5" s="432"/>
      <c r="H5" s="432"/>
      <c r="I5" s="432"/>
      <c r="J5" s="432"/>
      <c r="K5" s="432"/>
      <c r="L5" s="432"/>
      <c r="M5" s="433"/>
      <c r="N5" s="434" t="s">
        <v>97</v>
      </c>
      <c r="O5" s="435"/>
      <c r="P5" s="435"/>
      <c r="Q5" s="435"/>
      <c r="R5" s="435"/>
      <c r="S5" s="435"/>
      <c r="T5" s="435"/>
      <c r="U5" s="435"/>
      <c r="V5" s="435"/>
      <c r="W5" s="435"/>
      <c r="X5" s="436"/>
      <c r="Y5" s="434" t="s">
        <v>98</v>
      </c>
      <c r="Z5" s="435"/>
      <c r="AA5" s="435"/>
      <c r="AB5" s="435"/>
      <c r="AC5" s="435"/>
      <c r="AD5" s="435"/>
      <c r="AE5" s="435"/>
      <c r="AF5" s="435"/>
      <c r="AG5" s="435"/>
      <c r="AH5" s="435"/>
      <c r="AI5" s="436"/>
      <c r="AJ5" s="434" t="s">
        <v>99</v>
      </c>
      <c r="AK5" s="435"/>
      <c r="AL5" s="435"/>
      <c r="AM5" s="435"/>
      <c r="AN5" s="435"/>
      <c r="AO5" s="435"/>
      <c r="AP5" s="435"/>
      <c r="AQ5" s="435"/>
      <c r="AR5" s="435"/>
      <c r="AS5" s="435"/>
      <c r="AT5" s="436"/>
      <c r="AU5" s="434" t="s">
        <v>100</v>
      </c>
      <c r="AV5" s="435"/>
      <c r="AW5" s="435"/>
      <c r="AX5" s="435"/>
      <c r="AY5" s="435"/>
      <c r="AZ5" s="435"/>
      <c r="BA5" s="435"/>
      <c r="BB5" s="435"/>
      <c r="BC5" s="435"/>
      <c r="BD5" s="435"/>
      <c r="BE5" s="436"/>
      <c r="BF5" s="434" t="s">
        <v>161</v>
      </c>
      <c r="BG5" s="435"/>
      <c r="BH5" s="435"/>
      <c r="BI5" s="435"/>
      <c r="BJ5" s="435"/>
      <c r="BK5" s="435"/>
      <c r="BL5" s="435"/>
      <c r="BM5" s="435"/>
      <c r="BN5" s="435"/>
      <c r="BO5" s="435"/>
      <c r="BP5" s="436"/>
      <c r="BQ5" s="434" t="s">
        <v>101</v>
      </c>
      <c r="BR5" s="435"/>
      <c r="BS5" s="435"/>
      <c r="BT5" s="435"/>
      <c r="BU5" s="435"/>
      <c r="BV5" s="435"/>
      <c r="BW5" s="435"/>
      <c r="BX5" s="435"/>
      <c r="BY5" s="435"/>
      <c r="BZ5" s="435"/>
      <c r="CA5" s="436"/>
      <c r="CB5" s="428"/>
      <c r="CC5" s="429"/>
      <c r="CD5" s="429"/>
      <c r="CE5" s="429"/>
      <c r="CF5" s="429"/>
      <c r="CG5" s="429"/>
      <c r="CH5" s="429"/>
      <c r="CI5" s="429"/>
      <c r="CJ5" s="429"/>
      <c r="CK5" s="429"/>
      <c r="CL5" s="430"/>
      <c r="CM5" s="428"/>
      <c r="CN5" s="429"/>
      <c r="CO5" s="429"/>
      <c r="CP5" s="429"/>
      <c r="CQ5" s="429"/>
      <c r="CR5" s="429"/>
      <c r="CS5" s="429"/>
      <c r="CT5" s="429"/>
      <c r="CU5" s="429"/>
      <c r="CV5" s="429"/>
      <c r="CW5" s="430"/>
      <c r="CX5" s="431"/>
      <c r="CY5" s="432"/>
      <c r="CZ5" s="432"/>
      <c r="DA5" s="432"/>
      <c r="DB5" s="432"/>
      <c r="DC5" s="432"/>
      <c r="DD5" s="432"/>
      <c r="DE5" s="432"/>
      <c r="DF5" s="432"/>
      <c r="DG5" s="432"/>
      <c r="DH5" s="433"/>
      <c r="DI5" s="434" t="s">
        <v>97</v>
      </c>
      <c r="DJ5" s="435"/>
      <c r="DK5" s="435"/>
      <c r="DL5" s="435"/>
      <c r="DM5" s="435"/>
      <c r="DN5" s="435"/>
      <c r="DO5" s="435"/>
      <c r="DP5" s="435"/>
      <c r="DQ5" s="435"/>
      <c r="DR5" s="435"/>
      <c r="DS5" s="436"/>
      <c r="DT5" s="434" t="s">
        <v>98</v>
      </c>
      <c r="DU5" s="435"/>
      <c r="DV5" s="435"/>
      <c r="DW5" s="435"/>
      <c r="DX5" s="435"/>
      <c r="DY5" s="435"/>
      <c r="DZ5" s="435"/>
      <c r="EA5" s="435"/>
      <c r="EB5" s="435"/>
      <c r="EC5" s="435"/>
      <c r="ED5" s="436"/>
      <c r="EE5" s="434" t="s">
        <v>99</v>
      </c>
      <c r="EF5" s="435"/>
      <c r="EG5" s="435"/>
      <c r="EH5" s="435"/>
      <c r="EI5" s="435"/>
      <c r="EJ5" s="435"/>
      <c r="EK5" s="435"/>
      <c r="EL5" s="435"/>
      <c r="EM5" s="435"/>
      <c r="EN5" s="435"/>
      <c r="EO5" s="436"/>
      <c r="EP5" s="434" t="s">
        <v>100</v>
      </c>
      <c r="EQ5" s="435"/>
      <c r="ER5" s="435"/>
      <c r="ES5" s="435"/>
      <c r="ET5" s="435"/>
      <c r="EU5" s="435"/>
      <c r="EV5" s="435"/>
      <c r="EW5" s="435"/>
      <c r="EX5" s="435"/>
      <c r="EY5" s="435"/>
      <c r="EZ5" s="436"/>
      <c r="FA5" s="434" t="s">
        <v>161</v>
      </c>
      <c r="FB5" s="435"/>
      <c r="FC5" s="435"/>
      <c r="FD5" s="435"/>
      <c r="FE5" s="435"/>
      <c r="FF5" s="435"/>
      <c r="FG5" s="435"/>
      <c r="FH5" s="435"/>
      <c r="FI5" s="435"/>
      <c r="FJ5" s="435"/>
      <c r="FK5" s="436"/>
      <c r="FL5" s="434" t="s">
        <v>101</v>
      </c>
      <c r="FM5" s="435"/>
      <c r="FN5" s="435"/>
      <c r="FO5" s="435"/>
      <c r="FP5" s="435"/>
      <c r="FQ5" s="435"/>
      <c r="FR5" s="435"/>
      <c r="FS5" s="435"/>
      <c r="FT5" s="435"/>
      <c r="FU5" s="435"/>
      <c r="FV5" s="436"/>
      <c r="FW5" s="428"/>
      <c r="FX5" s="429"/>
      <c r="FY5" s="429"/>
      <c r="FZ5" s="429"/>
      <c r="GA5" s="429"/>
      <c r="GB5" s="429"/>
      <c r="GC5" s="429"/>
      <c r="GD5" s="429"/>
      <c r="GE5" s="429"/>
      <c r="GF5" s="429"/>
      <c r="GG5" s="430"/>
      <c r="GH5" s="428"/>
      <c r="GI5" s="429"/>
      <c r="GJ5" s="429"/>
      <c r="GK5" s="429"/>
      <c r="GL5" s="429"/>
      <c r="GM5" s="429"/>
      <c r="GN5" s="429"/>
      <c r="GO5" s="429"/>
      <c r="GP5" s="429"/>
      <c r="GQ5" s="429"/>
      <c r="GR5" s="430"/>
      <c r="GS5" s="431"/>
      <c r="GT5" s="432"/>
      <c r="GU5" s="432"/>
      <c r="GV5" s="432"/>
      <c r="GW5" s="432"/>
      <c r="GX5" s="432"/>
      <c r="GY5" s="432"/>
      <c r="GZ5" s="432"/>
      <c r="HA5" s="432"/>
      <c r="HB5" s="432"/>
      <c r="HC5" s="433"/>
      <c r="HD5" s="434" t="s">
        <v>97</v>
      </c>
      <c r="HE5" s="435"/>
      <c r="HF5" s="435"/>
      <c r="HG5" s="435"/>
      <c r="HH5" s="435"/>
      <c r="HI5" s="435"/>
      <c r="HJ5" s="435"/>
      <c r="HK5" s="435"/>
      <c r="HL5" s="435"/>
      <c r="HM5" s="435"/>
      <c r="HN5" s="436"/>
      <c r="HO5" s="434" t="s">
        <v>98</v>
      </c>
      <c r="HP5" s="435"/>
      <c r="HQ5" s="435"/>
      <c r="HR5" s="435"/>
      <c r="HS5" s="435"/>
      <c r="HT5" s="435"/>
      <c r="HU5" s="435"/>
      <c r="HV5" s="435"/>
      <c r="HW5" s="435"/>
      <c r="HX5" s="435"/>
      <c r="HY5" s="436"/>
      <c r="HZ5" s="434" t="s">
        <v>99</v>
      </c>
      <c r="IA5" s="435"/>
      <c r="IB5" s="435"/>
      <c r="IC5" s="435"/>
      <c r="ID5" s="435"/>
      <c r="IE5" s="435"/>
      <c r="IF5" s="435"/>
      <c r="IG5" s="435"/>
      <c r="IH5" s="435"/>
      <c r="II5" s="435"/>
      <c r="IJ5" s="436"/>
      <c r="IK5" s="434" t="s">
        <v>100</v>
      </c>
      <c r="IL5" s="435"/>
      <c r="IM5" s="435"/>
      <c r="IN5" s="435"/>
      <c r="IO5" s="435"/>
      <c r="IP5" s="435"/>
      <c r="IQ5" s="435"/>
      <c r="IR5" s="435"/>
      <c r="IS5" s="435"/>
      <c r="IT5" s="435"/>
      <c r="IU5" s="436"/>
      <c r="IV5" s="434" t="s">
        <v>161</v>
      </c>
      <c r="IW5" s="435"/>
      <c r="IX5" s="435"/>
      <c r="IY5" s="435"/>
      <c r="IZ5" s="435"/>
      <c r="JA5" s="435"/>
      <c r="JB5" s="435"/>
      <c r="JC5" s="435"/>
      <c r="JD5" s="435"/>
      <c r="JE5" s="435"/>
      <c r="JF5" s="436"/>
      <c r="JG5" s="434" t="s">
        <v>101</v>
      </c>
      <c r="JH5" s="435"/>
      <c r="JI5" s="435"/>
      <c r="JJ5" s="435"/>
      <c r="JK5" s="435"/>
      <c r="JL5" s="435"/>
      <c r="JM5" s="435"/>
      <c r="JN5" s="435"/>
      <c r="JO5" s="435"/>
      <c r="JP5" s="435"/>
      <c r="JQ5" s="436"/>
      <c r="JR5" s="428"/>
      <c r="JS5" s="429"/>
      <c r="JT5" s="429"/>
      <c r="JU5" s="429"/>
      <c r="JV5" s="429"/>
      <c r="JW5" s="429"/>
      <c r="JX5" s="429"/>
      <c r="JY5" s="429"/>
      <c r="JZ5" s="429"/>
      <c r="KA5" s="429"/>
      <c r="KB5" s="430"/>
      <c r="KC5" s="428"/>
      <c r="KD5" s="429"/>
      <c r="KE5" s="429"/>
      <c r="KF5" s="429"/>
      <c r="KG5" s="429"/>
      <c r="KH5" s="429"/>
      <c r="KI5" s="429"/>
      <c r="KJ5" s="429"/>
      <c r="KK5" s="429"/>
      <c r="KL5" s="429"/>
      <c r="KM5" s="430"/>
    </row>
    <row r="6" spans="2:299" ht="30" customHeight="1" thickBot="1" x14ac:dyDescent="0.25">
      <c r="B6" s="72" t="s">
        <v>42</v>
      </c>
      <c r="C6" s="73" t="s">
        <v>43</v>
      </c>
      <c r="D6" s="74" t="s">
        <v>44</v>
      </c>
      <c r="E6" s="75" t="s">
        <v>45</v>
      </c>
      <c r="F6" s="76" t="s">
        <v>46</v>
      </c>
      <c r="G6" s="74" t="s">
        <v>47</v>
      </c>
      <c r="H6" s="74" t="s">
        <v>48</v>
      </c>
      <c r="I6" s="74" t="s">
        <v>49</v>
      </c>
      <c r="J6" s="74" t="s">
        <v>50</v>
      </c>
      <c r="K6" s="74" t="s">
        <v>51</v>
      </c>
      <c r="L6" s="75" t="s">
        <v>45</v>
      </c>
      <c r="M6" s="77" t="s">
        <v>52</v>
      </c>
      <c r="N6" s="78" t="s">
        <v>43</v>
      </c>
      <c r="O6" s="79" t="s">
        <v>44</v>
      </c>
      <c r="P6" s="80" t="s">
        <v>45</v>
      </c>
      <c r="Q6" s="81" t="s">
        <v>46</v>
      </c>
      <c r="R6" s="79" t="s">
        <v>47</v>
      </c>
      <c r="S6" s="79" t="s">
        <v>48</v>
      </c>
      <c r="T6" s="79" t="s">
        <v>49</v>
      </c>
      <c r="U6" s="79" t="s">
        <v>50</v>
      </c>
      <c r="V6" s="79" t="s">
        <v>51</v>
      </c>
      <c r="W6" s="80" t="s">
        <v>45</v>
      </c>
      <c r="X6" s="82" t="s">
        <v>52</v>
      </c>
      <c r="Y6" s="78" t="s">
        <v>43</v>
      </c>
      <c r="Z6" s="79" t="s">
        <v>44</v>
      </c>
      <c r="AA6" s="80" t="s">
        <v>45</v>
      </c>
      <c r="AB6" s="81" t="s">
        <v>46</v>
      </c>
      <c r="AC6" s="79" t="s">
        <v>47</v>
      </c>
      <c r="AD6" s="79" t="s">
        <v>48</v>
      </c>
      <c r="AE6" s="79" t="s">
        <v>49</v>
      </c>
      <c r="AF6" s="79" t="s">
        <v>50</v>
      </c>
      <c r="AG6" s="79" t="s">
        <v>51</v>
      </c>
      <c r="AH6" s="80" t="s">
        <v>45</v>
      </c>
      <c r="AI6" s="83" t="s">
        <v>52</v>
      </c>
      <c r="AJ6" s="78" t="s">
        <v>43</v>
      </c>
      <c r="AK6" s="79" t="s">
        <v>44</v>
      </c>
      <c r="AL6" s="80" t="s">
        <v>45</v>
      </c>
      <c r="AM6" s="81" t="s">
        <v>46</v>
      </c>
      <c r="AN6" s="79" t="s">
        <v>47</v>
      </c>
      <c r="AO6" s="79" t="s">
        <v>48</v>
      </c>
      <c r="AP6" s="79" t="s">
        <v>49</v>
      </c>
      <c r="AQ6" s="79" t="s">
        <v>50</v>
      </c>
      <c r="AR6" s="79" t="s">
        <v>51</v>
      </c>
      <c r="AS6" s="80" t="s">
        <v>45</v>
      </c>
      <c r="AT6" s="83" t="s">
        <v>52</v>
      </c>
      <c r="AU6" s="78" t="s">
        <v>43</v>
      </c>
      <c r="AV6" s="79" t="s">
        <v>44</v>
      </c>
      <c r="AW6" s="80" t="s">
        <v>45</v>
      </c>
      <c r="AX6" s="81" t="s">
        <v>46</v>
      </c>
      <c r="AY6" s="79" t="s">
        <v>47</v>
      </c>
      <c r="AZ6" s="79" t="s">
        <v>48</v>
      </c>
      <c r="BA6" s="79" t="s">
        <v>49</v>
      </c>
      <c r="BB6" s="79" t="s">
        <v>50</v>
      </c>
      <c r="BC6" s="79" t="s">
        <v>51</v>
      </c>
      <c r="BD6" s="80" t="s">
        <v>45</v>
      </c>
      <c r="BE6" s="83" t="s">
        <v>52</v>
      </c>
      <c r="BF6" s="78" t="s">
        <v>43</v>
      </c>
      <c r="BG6" s="79" t="s">
        <v>44</v>
      </c>
      <c r="BH6" s="80" t="s">
        <v>45</v>
      </c>
      <c r="BI6" s="81" t="s">
        <v>46</v>
      </c>
      <c r="BJ6" s="79" t="s">
        <v>47</v>
      </c>
      <c r="BK6" s="79" t="s">
        <v>48</v>
      </c>
      <c r="BL6" s="79" t="s">
        <v>49</v>
      </c>
      <c r="BM6" s="79" t="s">
        <v>50</v>
      </c>
      <c r="BN6" s="79" t="s">
        <v>51</v>
      </c>
      <c r="BO6" s="80" t="s">
        <v>45</v>
      </c>
      <c r="BP6" s="83" t="s">
        <v>52</v>
      </c>
      <c r="BQ6" s="78" t="s">
        <v>43</v>
      </c>
      <c r="BR6" s="79" t="s">
        <v>44</v>
      </c>
      <c r="BS6" s="80" t="s">
        <v>45</v>
      </c>
      <c r="BT6" s="81" t="s">
        <v>46</v>
      </c>
      <c r="BU6" s="79" t="s">
        <v>47</v>
      </c>
      <c r="BV6" s="79" t="s">
        <v>48</v>
      </c>
      <c r="BW6" s="79" t="s">
        <v>49</v>
      </c>
      <c r="BX6" s="79" t="s">
        <v>50</v>
      </c>
      <c r="BY6" s="79" t="s">
        <v>51</v>
      </c>
      <c r="BZ6" s="80" t="s">
        <v>45</v>
      </c>
      <c r="CA6" s="83" t="s">
        <v>52</v>
      </c>
      <c r="CB6" s="78" t="s">
        <v>43</v>
      </c>
      <c r="CC6" s="79" t="s">
        <v>44</v>
      </c>
      <c r="CD6" s="80" t="s">
        <v>45</v>
      </c>
      <c r="CE6" s="81" t="s">
        <v>46</v>
      </c>
      <c r="CF6" s="79" t="s">
        <v>47</v>
      </c>
      <c r="CG6" s="79" t="s">
        <v>48</v>
      </c>
      <c r="CH6" s="79" t="s">
        <v>49</v>
      </c>
      <c r="CI6" s="79" t="s">
        <v>50</v>
      </c>
      <c r="CJ6" s="79" t="s">
        <v>51</v>
      </c>
      <c r="CK6" s="80" t="s">
        <v>45</v>
      </c>
      <c r="CL6" s="83" t="s">
        <v>52</v>
      </c>
      <c r="CM6" s="78" t="s">
        <v>43</v>
      </c>
      <c r="CN6" s="79" t="s">
        <v>44</v>
      </c>
      <c r="CO6" s="80" t="s">
        <v>45</v>
      </c>
      <c r="CP6" s="81" t="s">
        <v>46</v>
      </c>
      <c r="CQ6" s="79" t="s">
        <v>47</v>
      </c>
      <c r="CR6" s="79" t="s">
        <v>48</v>
      </c>
      <c r="CS6" s="79" t="s">
        <v>49</v>
      </c>
      <c r="CT6" s="79" t="s">
        <v>50</v>
      </c>
      <c r="CU6" s="79" t="s">
        <v>51</v>
      </c>
      <c r="CV6" s="80" t="s">
        <v>45</v>
      </c>
      <c r="CW6" s="83" t="s">
        <v>52</v>
      </c>
      <c r="CX6" s="73" t="s">
        <v>43</v>
      </c>
      <c r="CY6" s="74" t="s">
        <v>44</v>
      </c>
      <c r="CZ6" s="75" t="s">
        <v>45</v>
      </c>
      <c r="DA6" s="76" t="s">
        <v>46</v>
      </c>
      <c r="DB6" s="74" t="s">
        <v>47</v>
      </c>
      <c r="DC6" s="74" t="s">
        <v>48</v>
      </c>
      <c r="DD6" s="74" t="s">
        <v>49</v>
      </c>
      <c r="DE6" s="74" t="s">
        <v>50</v>
      </c>
      <c r="DF6" s="74" t="s">
        <v>51</v>
      </c>
      <c r="DG6" s="75" t="s">
        <v>45</v>
      </c>
      <c r="DH6" s="77" t="s">
        <v>52</v>
      </c>
      <c r="DI6" s="78" t="s">
        <v>43</v>
      </c>
      <c r="DJ6" s="79" t="s">
        <v>44</v>
      </c>
      <c r="DK6" s="80" t="s">
        <v>45</v>
      </c>
      <c r="DL6" s="81" t="s">
        <v>46</v>
      </c>
      <c r="DM6" s="79" t="s">
        <v>47</v>
      </c>
      <c r="DN6" s="79" t="s">
        <v>48</v>
      </c>
      <c r="DO6" s="79" t="s">
        <v>49</v>
      </c>
      <c r="DP6" s="79" t="s">
        <v>50</v>
      </c>
      <c r="DQ6" s="79" t="s">
        <v>51</v>
      </c>
      <c r="DR6" s="80" t="s">
        <v>45</v>
      </c>
      <c r="DS6" s="83" t="s">
        <v>52</v>
      </c>
      <c r="DT6" s="78" t="s">
        <v>43</v>
      </c>
      <c r="DU6" s="79" t="s">
        <v>44</v>
      </c>
      <c r="DV6" s="80" t="s">
        <v>45</v>
      </c>
      <c r="DW6" s="81" t="s">
        <v>46</v>
      </c>
      <c r="DX6" s="79" t="s">
        <v>47</v>
      </c>
      <c r="DY6" s="79" t="s">
        <v>48</v>
      </c>
      <c r="DZ6" s="79" t="s">
        <v>49</v>
      </c>
      <c r="EA6" s="79" t="s">
        <v>50</v>
      </c>
      <c r="EB6" s="79" t="s">
        <v>51</v>
      </c>
      <c r="EC6" s="80" t="s">
        <v>45</v>
      </c>
      <c r="ED6" s="83" t="s">
        <v>52</v>
      </c>
      <c r="EE6" s="78" t="s">
        <v>43</v>
      </c>
      <c r="EF6" s="79" t="s">
        <v>44</v>
      </c>
      <c r="EG6" s="80" t="s">
        <v>45</v>
      </c>
      <c r="EH6" s="81" t="s">
        <v>46</v>
      </c>
      <c r="EI6" s="79" t="s">
        <v>47</v>
      </c>
      <c r="EJ6" s="79" t="s">
        <v>48</v>
      </c>
      <c r="EK6" s="79" t="s">
        <v>49</v>
      </c>
      <c r="EL6" s="79" t="s">
        <v>50</v>
      </c>
      <c r="EM6" s="79" t="s">
        <v>51</v>
      </c>
      <c r="EN6" s="80" t="s">
        <v>45</v>
      </c>
      <c r="EO6" s="83" t="s">
        <v>52</v>
      </c>
      <c r="EP6" s="78" t="s">
        <v>43</v>
      </c>
      <c r="EQ6" s="79" t="s">
        <v>44</v>
      </c>
      <c r="ER6" s="80" t="s">
        <v>45</v>
      </c>
      <c r="ES6" s="81" t="s">
        <v>46</v>
      </c>
      <c r="ET6" s="79" t="s">
        <v>47</v>
      </c>
      <c r="EU6" s="79" t="s">
        <v>48</v>
      </c>
      <c r="EV6" s="79" t="s">
        <v>49</v>
      </c>
      <c r="EW6" s="79" t="s">
        <v>50</v>
      </c>
      <c r="EX6" s="79" t="s">
        <v>51</v>
      </c>
      <c r="EY6" s="80" t="s">
        <v>45</v>
      </c>
      <c r="EZ6" s="83" t="s">
        <v>52</v>
      </c>
      <c r="FA6" s="78" t="s">
        <v>43</v>
      </c>
      <c r="FB6" s="79" t="s">
        <v>44</v>
      </c>
      <c r="FC6" s="80" t="s">
        <v>45</v>
      </c>
      <c r="FD6" s="81" t="s">
        <v>46</v>
      </c>
      <c r="FE6" s="79" t="s">
        <v>47</v>
      </c>
      <c r="FF6" s="79" t="s">
        <v>48</v>
      </c>
      <c r="FG6" s="79" t="s">
        <v>49</v>
      </c>
      <c r="FH6" s="79" t="s">
        <v>50</v>
      </c>
      <c r="FI6" s="79" t="s">
        <v>51</v>
      </c>
      <c r="FJ6" s="80" t="s">
        <v>45</v>
      </c>
      <c r="FK6" s="83" t="s">
        <v>52</v>
      </c>
      <c r="FL6" s="78" t="s">
        <v>43</v>
      </c>
      <c r="FM6" s="79" t="s">
        <v>44</v>
      </c>
      <c r="FN6" s="80" t="s">
        <v>45</v>
      </c>
      <c r="FO6" s="81" t="s">
        <v>46</v>
      </c>
      <c r="FP6" s="79" t="s">
        <v>47</v>
      </c>
      <c r="FQ6" s="79" t="s">
        <v>48</v>
      </c>
      <c r="FR6" s="79" t="s">
        <v>49</v>
      </c>
      <c r="FS6" s="79" t="s">
        <v>50</v>
      </c>
      <c r="FT6" s="79" t="s">
        <v>51</v>
      </c>
      <c r="FU6" s="80" t="s">
        <v>45</v>
      </c>
      <c r="FV6" s="83" t="s">
        <v>52</v>
      </c>
      <c r="FW6" s="78" t="s">
        <v>43</v>
      </c>
      <c r="FX6" s="79" t="s">
        <v>44</v>
      </c>
      <c r="FY6" s="80" t="s">
        <v>45</v>
      </c>
      <c r="FZ6" s="81" t="s">
        <v>46</v>
      </c>
      <c r="GA6" s="79" t="s">
        <v>47</v>
      </c>
      <c r="GB6" s="79" t="s">
        <v>48</v>
      </c>
      <c r="GC6" s="79" t="s">
        <v>49</v>
      </c>
      <c r="GD6" s="79" t="s">
        <v>50</v>
      </c>
      <c r="GE6" s="79" t="s">
        <v>51</v>
      </c>
      <c r="GF6" s="80" t="s">
        <v>45</v>
      </c>
      <c r="GG6" s="83" t="s">
        <v>52</v>
      </c>
      <c r="GH6" s="78" t="s">
        <v>43</v>
      </c>
      <c r="GI6" s="79" t="s">
        <v>44</v>
      </c>
      <c r="GJ6" s="80" t="s">
        <v>45</v>
      </c>
      <c r="GK6" s="81" t="s">
        <v>46</v>
      </c>
      <c r="GL6" s="79" t="s">
        <v>47</v>
      </c>
      <c r="GM6" s="79" t="s">
        <v>48</v>
      </c>
      <c r="GN6" s="79" t="s">
        <v>49</v>
      </c>
      <c r="GO6" s="79" t="s">
        <v>50</v>
      </c>
      <c r="GP6" s="79" t="s">
        <v>51</v>
      </c>
      <c r="GQ6" s="80" t="s">
        <v>45</v>
      </c>
      <c r="GR6" s="83" t="s">
        <v>52</v>
      </c>
      <c r="GS6" s="73" t="s">
        <v>43</v>
      </c>
      <c r="GT6" s="74" t="s">
        <v>44</v>
      </c>
      <c r="GU6" s="75" t="s">
        <v>45</v>
      </c>
      <c r="GV6" s="76" t="s">
        <v>46</v>
      </c>
      <c r="GW6" s="74" t="s">
        <v>47</v>
      </c>
      <c r="GX6" s="74" t="s">
        <v>48</v>
      </c>
      <c r="GY6" s="74" t="s">
        <v>49</v>
      </c>
      <c r="GZ6" s="74" t="s">
        <v>50</v>
      </c>
      <c r="HA6" s="74" t="s">
        <v>51</v>
      </c>
      <c r="HB6" s="75" t="s">
        <v>45</v>
      </c>
      <c r="HC6" s="77" t="s">
        <v>52</v>
      </c>
      <c r="HD6" s="78" t="s">
        <v>43</v>
      </c>
      <c r="HE6" s="79" t="s">
        <v>44</v>
      </c>
      <c r="HF6" s="80" t="s">
        <v>45</v>
      </c>
      <c r="HG6" s="81" t="s">
        <v>46</v>
      </c>
      <c r="HH6" s="79" t="s">
        <v>47</v>
      </c>
      <c r="HI6" s="79" t="s">
        <v>48</v>
      </c>
      <c r="HJ6" s="79" t="s">
        <v>49</v>
      </c>
      <c r="HK6" s="79" t="s">
        <v>50</v>
      </c>
      <c r="HL6" s="79" t="s">
        <v>51</v>
      </c>
      <c r="HM6" s="80" t="s">
        <v>45</v>
      </c>
      <c r="HN6" s="83" t="s">
        <v>52</v>
      </c>
      <c r="HO6" s="78" t="s">
        <v>43</v>
      </c>
      <c r="HP6" s="79" t="s">
        <v>44</v>
      </c>
      <c r="HQ6" s="80" t="s">
        <v>45</v>
      </c>
      <c r="HR6" s="81" t="s">
        <v>46</v>
      </c>
      <c r="HS6" s="79" t="s">
        <v>47</v>
      </c>
      <c r="HT6" s="79" t="s">
        <v>48</v>
      </c>
      <c r="HU6" s="79" t="s">
        <v>49</v>
      </c>
      <c r="HV6" s="79" t="s">
        <v>50</v>
      </c>
      <c r="HW6" s="79" t="s">
        <v>51</v>
      </c>
      <c r="HX6" s="80" t="s">
        <v>45</v>
      </c>
      <c r="HY6" s="83" t="s">
        <v>52</v>
      </c>
      <c r="HZ6" s="78" t="s">
        <v>43</v>
      </c>
      <c r="IA6" s="79" t="s">
        <v>44</v>
      </c>
      <c r="IB6" s="80" t="s">
        <v>45</v>
      </c>
      <c r="IC6" s="81" t="s">
        <v>46</v>
      </c>
      <c r="ID6" s="79" t="s">
        <v>47</v>
      </c>
      <c r="IE6" s="79" t="s">
        <v>48</v>
      </c>
      <c r="IF6" s="79" t="s">
        <v>49</v>
      </c>
      <c r="IG6" s="79" t="s">
        <v>50</v>
      </c>
      <c r="IH6" s="79" t="s">
        <v>51</v>
      </c>
      <c r="II6" s="80" t="s">
        <v>45</v>
      </c>
      <c r="IJ6" s="83" t="s">
        <v>52</v>
      </c>
      <c r="IK6" s="78" t="s">
        <v>43</v>
      </c>
      <c r="IL6" s="79" t="s">
        <v>44</v>
      </c>
      <c r="IM6" s="80" t="s">
        <v>45</v>
      </c>
      <c r="IN6" s="81" t="s">
        <v>46</v>
      </c>
      <c r="IO6" s="79" t="s">
        <v>47</v>
      </c>
      <c r="IP6" s="79" t="s">
        <v>48</v>
      </c>
      <c r="IQ6" s="79" t="s">
        <v>49</v>
      </c>
      <c r="IR6" s="79" t="s">
        <v>50</v>
      </c>
      <c r="IS6" s="79" t="s">
        <v>51</v>
      </c>
      <c r="IT6" s="80" t="s">
        <v>45</v>
      </c>
      <c r="IU6" s="83" t="s">
        <v>52</v>
      </c>
      <c r="IV6" s="78" t="s">
        <v>43</v>
      </c>
      <c r="IW6" s="79" t="s">
        <v>44</v>
      </c>
      <c r="IX6" s="80" t="s">
        <v>45</v>
      </c>
      <c r="IY6" s="81" t="s">
        <v>46</v>
      </c>
      <c r="IZ6" s="79" t="s">
        <v>47</v>
      </c>
      <c r="JA6" s="79" t="s">
        <v>48</v>
      </c>
      <c r="JB6" s="79" t="s">
        <v>49</v>
      </c>
      <c r="JC6" s="79" t="s">
        <v>50</v>
      </c>
      <c r="JD6" s="79" t="s">
        <v>51</v>
      </c>
      <c r="JE6" s="80" t="s">
        <v>45</v>
      </c>
      <c r="JF6" s="83" t="s">
        <v>52</v>
      </c>
      <c r="JG6" s="78" t="s">
        <v>43</v>
      </c>
      <c r="JH6" s="79" t="s">
        <v>44</v>
      </c>
      <c r="JI6" s="80" t="s">
        <v>45</v>
      </c>
      <c r="JJ6" s="81" t="s">
        <v>46</v>
      </c>
      <c r="JK6" s="79" t="s">
        <v>47</v>
      </c>
      <c r="JL6" s="79" t="s">
        <v>48</v>
      </c>
      <c r="JM6" s="79" t="s">
        <v>49</v>
      </c>
      <c r="JN6" s="79" t="s">
        <v>50</v>
      </c>
      <c r="JO6" s="79" t="s">
        <v>51</v>
      </c>
      <c r="JP6" s="80" t="s">
        <v>45</v>
      </c>
      <c r="JQ6" s="83" t="s">
        <v>52</v>
      </c>
      <c r="JR6" s="78" t="s">
        <v>43</v>
      </c>
      <c r="JS6" s="79" t="s">
        <v>44</v>
      </c>
      <c r="JT6" s="80" t="s">
        <v>45</v>
      </c>
      <c r="JU6" s="81" t="s">
        <v>46</v>
      </c>
      <c r="JV6" s="79" t="s">
        <v>47</v>
      </c>
      <c r="JW6" s="79" t="s">
        <v>48</v>
      </c>
      <c r="JX6" s="79" t="s">
        <v>49</v>
      </c>
      <c r="JY6" s="79" t="s">
        <v>50</v>
      </c>
      <c r="JZ6" s="79" t="s">
        <v>51</v>
      </c>
      <c r="KA6" s="80" t="s">
        <v>45</v>
      </c>
      <c r="KB6" s="83" t="s">
        <v>52</v>
      </c>
      <c r="KC6" s="78" t="s">
        <v>43</v>
      </c>
      <c r="KD6" s="79" t="s">
        <v>44</v>
      </c>
      <c r="KE6" s="80" t="s">
        <v>45</v>
      </c>
      <c r="KF6" s="81" t="s">
        <v>46</v>
      </c>
      <c r="KG6" s="79" t="s">
        <v>47</v>
      </c>
      <c r="KH6" s="79" t="s">
        <v>48</v>
      </c>
      <c r="KI6" s="79" t="s">
        <v>49</v>
      </c>
      <c r="KJ6" s="79" t="s">
        <v>50</v>
      </c>
      <c r="KK6" s="79" t="s">
        <v>51</v>
      </c>
      <c r="KL6" s="80" t="s">
        <v>45</v>
      </c>
      <c r="KM6" s="83" t="s">
        <v>52</v>
      </c>
    </row>
    <row r="7" spans="2:299" s="70" customFormat="1" ht="21" customHeight="1" x14ac:dyDescent="0.2">
      <c r="B7" s="84" t="s">
        <v>4</v>
      </c>
      <c r="C7" s="85">
        <v>21354</v>
      </c>
      <c r="D7" s="86">
        <v>22013</v>
      </c>
      <c r="E7" s="87">
        <v>43367</v>
      </c>
      <c r="F7" s="412">
        <v>0</v>
      </c>
      <c r="G7" s="86">
        <v>31830</v>
      </c>
      <c r="H7" s="86">
        <v>32145</v>
      </c>
      <c r="I7" s="86">
        <v>21132</v>
      </c>
      <c r="J7" s="86">
        <v>17432</v>
      </c>
      <c r="K7" s="86">
        <v>10289</v>
      </c>
      <c r="L7" s="88">
        <v>112828</v>
      </c>
      <c r="M7" s="89">
        <v>156195</v>
      </c>
      <c r="N7" s="90">
        <v>834</v>
      </c>
      <c r="O7" s="91">
        <v>1010</v>
      </c>
      <c r="P7" s="92">
        <v>1844</v>
      </c>
      <c r="Q7" s="412">
        <v>0</v>
      </c>
      <c r="R7" s="91">
        <v>1262</v>
      </c>
      <c r="S7" s="91">
        <v>1606</v>
      </c>
      <c r="T7" s="91">
        <v>1057</v>
      </c>
      <c r="U7" s="91">
        <v>946</v>
      </c>
      <c r="V7" s="91">
        <v>665</v>
      </c>
      <c r="W7" s="92">
        <v>5536</v>
      </c>
      <c r="X7" s="93">
        <v>7380</v>
      </c>
      <c r="Y7" s="90">
        <v>1720</v>
      </c>
      <c r="Z7" s="91">
        <v>2147</v>
      </c>
      <c r="AA7" s="92">
        <v>3867</v>
      </c>
      <c r="AB7" s="412">
        <v>0</v>
      </c>
      <c r="AC7" s="91">
        <v>2606</v>
      </c>
      <c r="AD7" s="91">
        <v>3074</v>
      </c>
      <c r="AE7" s="91">
        <v>1998</v>
      </c>
      <c r="AF7" s="91">
        <v>1824</v>
      </c>
      <c r="AG7" s="91">
        <v>1287</v>
      </c>
      <c r="AH7" s="92">
        <v>10789</v>
      </c>
      <c r="AI7" s="93">
        <v>14656</v>
      </c>
      <c r="AJ7" s="90">
        <v>3334</v>
      </c>
      <c r="AK7" s="91">
        <v>3758</v>
      </c>
      <c r="AL7" s="92">
        <v>7092</v>
      </c>
      <c r="AM7" s="412">
        <v>0</v>
      </c>
      <c r="AN7" s="91">
        <v>4960</v>
      </c>
      <c r="AO7" s="91">
        <v>5435</v>
      </c>
      <c r="AP7" s="91">
        <v>3457</v>
      </c>
      <c r="AQ7" s="91">
        <v>2980</v>
      </c>
      <c r="AR7" s="91">
        <v>1957</v>
      </c>
      <c r="AS7" s="92">
        <v>18789</v>
      </c>
      <c r="AT7" s="93">
        <v>25881</v>
      </c>
      <c r="AU7" s="90">
        <v>5642</v>
      </c>
      <c r="AV7" s="91">
        <v>5508</v>
      </c>
      <c r="AW7" s="92">
        <v>11150</v>
      </c>
      <c r="AX7" s="412">
        <v>0</v>
      </c>
      <c r="AY7" s="91">
        <v>8236</v>
      </c>
      <c r="AZ7" s="91">
        <v>7769</v>
      </c>
      <c r="BA7" s="91">
        <v>4873</v>
      </c>
      <c r="BB7" s="91">
        <v>3936</v>
      </c>
      <c r="BC7" s="91">
        <v>2434</v>
      </c>
      <c r="BD7" s="92">
        <v>27248</v>
      </c>
      <c r="BE7" s="93">
        <v>38398</v>
      </c>
      <c r="BF7" s="90">
        <v>6024</v>
      </c>
      <c r="BG7" s="91">
        <v>5620</v>
      </c>
      <c r="BH7" s="92">
        <v>11644</v>
      </c>
      <c r="BI7" s="412">
        <v>0</v>
      </c>
      <c r="BJ7" s="91">
        <v>8652</v>
      </c>
      <c r="BK7" s="91">
        <v>7779</v>
      </c>
      <c r="BL7" s="91">
        <v>5255</v>
      </c>
      <c r="BM7" s="91">
        <v>4016</v>
      </c>
      <c r="BN7" s="91">
        <v>2178</v>
      </c>
      <c r="BO7" s="92">
        <v>27880</v>
      </c>
      <c r="BP7" s="93">
        <v>39524</v>
      </c>
      <c r="BQ7" s="90">
        <v>3800</v>
      </c>
      <c r="BR7" s="91">
        <v>3970</v>
      </c>
      <c r="BS7" s="92">
        <v>7770</v>
      </c>
      <c r="BT7" s="412">
        <v>0</v>
      </c>
      <c r="BU7" s="91">
        <v>6114</v>
      </c>
      <c r="BV7" s="91">
        <v>6482</v>
      </c>
      <c r="BW7" s="91">
        <v>4492</v>
      </c>
      <c r="BX7" s="91">
        <v>3730</v>
      </c>
      <c r="BY7" s="91">
        <v>1768</v>
      </c>
      <c r="BZ7" s="92">
        <v>22586</v>
      </c>
      <c r="CA7" s="93">
        <v>30356</v>
      </c>
      <c r="CB7" s="90">
        <v>520</v>
      </c>
      <c r="CC7" s="91">
        <v>878</v>
      </c>
      <c r="CD7" s="92">
        <v>1398</v>
      </c>
      <c r="CE7" s="412">
        <v>0</v>
      </c>
      <c r="CF7" s="91">
        <v>876</v>
      </c>
      <c r="CG7" s="91">
        <v>1492</v>
      </c>
      <c r="CH7" s="91">
        <v>903</v>
      </c>
      <c r="CI7" s="91">
        <v>833</v>
      </c>
      <c r="CJ7" s="91">
        <v>763</v>
      </c>
      <c r="CK7" s="92">
        <v>4867</v>
      </c>
      <c r="CL7" s="93">
        <v>6265</v>
      </c>
      <c r="CM7" s="90">
        <v>21874</v>
      </c>
      <c r="CN7" s="91">
        <v>22891</v>
      </c>
      <c r="CO7" s="92">
        <v>44765</v>
      </c>
      <c r="CP7" s="412">
        <v>0</v>
      </c>
      <c r="CQ7" s="91">
        <v>32706</v>
      </c>
      <c r="CR7" s="91">
        <v>33637</v>
      </c>
      <c r="CS7" s="91">
        <v>22035</v>
      </c>
      <c r="CT7" s="91">
        <v>18265</v>
      </c>
      <c r="CU7" s="91">
        <v>11052</v>
      </c>
      <c r="CV7" s="92">
        <v>117695</v>
      </c>
      <c r="CW7" s="93">
        <v>162460</v>
      </c>
      <c r="CX7" s="94">
        <v>41214</v>
      </c>
      <c r="CY7" s="86">
        <v>48866</v>
      </c>
      <c r="CZ7" s="87">
        <v>90080</v>
      </c>
      <c r="DA7" s="412">
        <v>0</v>
      </c>
      <c r="DB7" s="86">
        <v>58774</v>
      </c>
      <c r="DC7" s="86">
        <v>55985</v>
      </c>
      <c r="DD7" s="86">
        <v>40277</v>
      </c>
      <c r="DE7" s="86">
        <v>39284</v>
      </c>
      <c r="DF7" s="86">
        <v>24877</v>
      </c>
      <c r="DG7" s="88">
        <v>219197</v>
      </c>
      <c r="DH7" s="89">
        <v>309277</v>
      </c>
      <c r="DI7" s="90">
        <v>852</v>
      </c>
      <c r="DJ7" s="91">
        <v>1104</v>
      </c>
      <c r="DK7" s="92">
        <v>1956</v>
      </c>
      <c r="DL7" s="412">
        <v>0</v>
      </c>
      <c r="DM7" s="91">
        <v>948</v>
      </c>
      <c r="DN7" s="91">
        <v>1072</v>
      </c>
      <c r="DO7" s="91">
        <v>717</v>
      </c>
      <c r="DP7" s="91">
        <v>687</v>
      </c>
      <c r="DQ7" s="91">
        <v>558</v>
      </c>
      <c r="DR7" s="92">
        <v>3982</v>
      </c>
      <c r="DS7" s="93">
        <v>5938</v>
      </c>
      <c r="DT7" s="90">
        <v>2263</v>
      </c>
      <c r="DU7" s="91">
        <v>2873</v>
      </c>
      <c r="DV7" s="92">
        <v>5136</v>
      </c>
      <c r="DW7" s="412">
        <v>0</v>
      </c>
      <c r="DX7" s="91">
        <v>2445</v>
      </c>
      <c r="DY7" s="91">
        <v>2630</v>
      </c>
      <c r="DZ7" s="91">
        <v>1609</v>
      </c>
      <c r="EA7" s="91">
        <v>1554</v>
      </c>
      <c r="EB7" s="91">
        <v>1279</v>
      </c>
      <c r="EC7" s="92">
        <v>9517</v>
      </c>
      <c r="ED7" s="93">
        <v>14653</v>
      </c>
      <c r="EE7" s="90">
        <v>6323</v>
      </c>
      <c r="EF7" s="91">
        <v>7003</v>
      </c>
      <c r="EG7" s="92">
        <v>13326</v>
      </c>
      <c r="EH7" s="412">
        <v>0</v>
      </c>
      <c r="EI7" s="91">
        <v>6711</v>
      </c>
      <c r="EJ7" s="91">
        <v>5971</v>
      </c>
      <c r="EK7" s="91">
        <v>3554</v>
      </c>
      <c r="EL7" s="91">
        <v>3532</v>
      </c>
      <c r="EM7" s="91">
        <v>2557</v>
      </c>
      <c r="EN7" s="92">
        <v>22325</v>
      </c>
      <c r="EO7" s="93">
        <v>35651</v>
      </c>
      <c r="EP7" s="90">
        <v>12704</v>
      </c>
      <c r="EQ7" s="91">
        <v>13657</v>
      </c>
      <c r="ER7" s="92">
        <v>26361</v>
      </c>
      <c r="ES7" s="412">
        <v>0</v>
      </c>
      <c r="ET7" s="91">
        <v>14649</v>
      </c>
      <c r="EU7" s="91">
        <v>12034</v>
      </c>
      <c r="EV7" s="91">
        <v>7719</v>
      </c>
      <c r="EW7" s="91">
        <v>6747</v>
      </c>
      <c r="EX7" s="91">
        <v>4695</v>
      </c>
      <c r="EY7" s="92">
        <v>45844</v>
      </c>
      <c r="EZ7" s="93">
        <v>72205</v>
      </c>
      <c r="FA7" s="90">
        <v>12343</v>
      </c>
      <c r="FB7" s="91">
        <v>14255</v>
      </c>
      <c r="FC7" s="92">
        <v>26598</v>
      </c>
      <c r="FD7" s="412">
        <v>0</v>
      </c>
      <c r="FE7" s="91">
        <v>17752</v>
      </c>
      <c r="FF7" s="91">
        <v>15750</v>
      </c>
      <c r="FG7" s="91">
        <v>10729</v>
      </c>
      <c r="FH7" s="91">
        <v>9845</v>
      </c>
      <c r="FI7" s="91">
        <v>6192</v>
      </c>
      <c r="FJ7" s="92">
        <v>60268</v>
      </c>
      <c r="FK7" s="93">
        <v>86866</v>
      </c>
      <c r="FL7" s="90">
        <v>6729</v>
      </c>
      <c r="FM7" s="91">
        <v>9974</v>
      </c>
      <c r="FN7" s="92">
        <v>16703</v>
      </c>
      <c r="FO7" s="412">
        <v>0</v>
      </c>
      <c r="FP7" s="91">
        <v>16269</v>
      </c>
      <c r="FQ7" s="91">
        <v>18528</v>
      </c>
      <c r="FR7" s="91">
        <v>15949</v>
      </c>
      <c r="FS7" s="91">
        <v>16919</v>
      </c>
      <c r="FT7" s="91">
        <v>9596</v>
      </c>
      <c r="FU7" s="92">
        <v>77261</v>
      </c>
      <c r="FV7" s="93">
        <v>93964</v>
      </c>
      <c r="FW7" s="90">
        <v>370</v>
      </c>
      <c r="FX7" s="91">
        <v>762</v>
      </c>
      <c r="FY7" s="92">
        <v>1132</v>
      </c>
      <c r="FZ7" s="412">
        <v>0</v>
      </c>
      <c r="GA7" s="91">
        <v>688</v>
      </c>
      <c r="GB7" s="91">
        <v>1128</v>
      </c>
      <c r="GC7" s="91">
        <v>628</v>
      </c>
      <c r="GD7" s="91">
        <v>591</v>
      </c>
      <c r="GE7" s="91">
        <v>639</v>
      </c>
      <c r="GF7" s="92">
        <v>3674</v>
      </c>
      <c r="GG7" s="93">
        <v>4806</v>
      </c>
      <c r="GH7" s="90">
        <v>41584</v>
      </c>
      <c r="GI7" s="91">
        <v>49628</v>
      </c>
      <c r="GJ7" s="92">
        <v>91212</v>
      </c>
      <c r="GK7" s="412">
        <v>0</v>
      </c>
      <c r="GL7" s="91">
        <v>59462</v>
      </c>
      <c r="GM7" s="91">
        <v>57113</v>
      </c>
      <c r="GN7" s="91">
        <v>40905</v>
      </c>
      <c r="GO7" s="91">
        <v>39875</v>
      </c>
      <c r="GP7" s="91">
        <v>25516</v>
      </c>
      <c r="GQ7" s="92">
        <v>222871</v>
      </c>
      <c r="GR7" s="93">
        <v>314083</v>
      </c>
      <c r="GS7" s="94">
        <v>62568</v>
      </c>
      <c r="GT7" s="86">
        <v>70879</v>
      </c>
      <c r="GU7" s="87">
        <v>133447</v>
      </c>
      <c r="GV7" s="412">
        <v>0</v>
      </c>
      <c r="GW7" s="86">
        <v>90604</v>
      </c>
      <c r="GX7" s="86">
        <v>88130</v>
      </c>
      <c r="GY7" s="86">
        <v>61409</v>
      </c>
      <c r="GZ7" s="86">
        <v>56716</v>
      </c>
      <c r="HA7" s="86">
        <v>35166</v>
      </c>
      <c r="HB7" s="88">
        <v>332025</v>
      </c>
      <c r="HC7" s="89">
        <v>465472</v>
      </c>
      <c r="HD7" s="90">
        <v>1686</v>
      </c>
      <c r="HE7" s="91">
        <v>2114</v>
      </c>
      <c r="HF7" s="92">
        <v>3800</v>
      </c>
      <c r="HG7" s="415">
        <v>0</v>
      </c>
      <c r="HH7" s="91">
        <v>2210</v>
      </c>
      <c r="HI7" s="91">
        <v>2678</v>
      </c>
      <c r="HJ7" s="91">
        <v>1774</v>
      </c>
      <c r="HK7" s="91">
        <v>1633</v>
      </c>
      <c r="HL7" s="91">
        <v>1223</v>
      </c>
      <c r="HM7" s="92">
        <v>9518</v>
      </c>
      <c r="HN7" s="93">
        <v>13318</v>
      </c>
      <c r="HO7" s="90">
        <v>3983</v>
      </c>
      <c r="HP7" s="91">
        <v>5020</v>
      </c>
      <c r="HQ7" s="92">
        <v>9003</v>
      </c>
      <c r="HR7" s="412">
        <v>0</v>
      </c>
      <c r="HS7" s="91">
        <v>5051</v>
      </c>
      <c r="HT7" s="91">
        <v>5704</v>
      </c>
      <c r="HU7" s="91">
        <v>3607</v>
      </c>
      <c r="HV7" s="91">
        <v>3378</v>
      </c>
      <c r="HW7" s="91">
        <v>2566</v>
      </c>
      <c r="HX7" s="92">
        <v>20306</v>
      </c>
      <c r="HY7" s="93">
        <v>29309</v>
      </c>
      <c r="HZ7" s="90">
        <v>9657</v>
      </c>
      <c r="IA7" s="91">
        <v>10761</v>
      </c>
      <c r="IB7" s="92">
        <v>20418</v>
      </c>
      <c r="IC7" s="412">
        <v>0</v>
      </c>
      <c r="ID7" s="91">
        <v>11671</v>
      </c>
      <c r="IE7" s="91">
        <v>11406</v>
      </c>
      <c r="IF7" s="91">
        <v>7011</v>
      </c>
      <c r="IG7" s="91">
        <v>6512</v>
      </c>
      <c r="IH7" s="91">
        <v>4514</v>
      </c>
      <c r="II7" s="92">
        <v>41114</v>
      </c>
      <c r="IJ7" s="93">
        <v>61532</v>
      </c>
      <c r="IK7" s="90">
        <v>18346</v>
      </c>
      <c r="IL7" s="91">
        <v>19165</v>
      </c>
      <c r="IM7" s="92">
        <v>37511</v>
      </c>
      <c r="IN7" s="412">
        <v>0</v>
      </c>
      <c r="IO7" s="91">
        <v>22885</v>
      </c>
      <c r="IP7" s="91">
        <v>19803</v>
      </c>
      <c r="IQ7" s="91">
        <v>12592</v>
      </c>
      <c r="IR7" s="91">
        <v>10683</v>
      </c>
      <c r="IS7" s="91">
        <v>7129</v>
      </c>
      <c r="IT7" s="92">
        <v>73092</v>
      </c>
      <c r="IU7" s="93">
        <v>110603</v>
      </c>
      <c r="IV7" s="90">
        <v>18367</v>
      </c>
      <c r="IW7" s="91">
        <v>19875</v>
      </c>
      <c r="IX7" s="92">
        <v>38242</v>
      </c>
      <c r="IY7" s="412">
        <v>0</v>
      </c>
      <c r="IZ7" s="91">
        <v>26404</v>
      </c>
      <c r="JA7" s="91">
        <v>23529</v>
      </c>
      <c r="JB7" s="91">
        <v>15984</v>
      </c>
      <c r="JC7" s="91">
        <v>13861</v>
      </c>
      <c r="JD7" s="91">
        <v>8370</v>
      </c>
      <c r="JE7" s="92">
        <v>88148</v>
      </c>
      <c r="JF7" s="93">
        <v>126390</v>
      </c>
      <c r="JG7" s="90">
        <v>10529</v>
      </c>
      <c r="JH7" s="91">
        <v>13944</v>
      </c>
      <c r="JI7" s="92">
        <v>24473</v>
      </c>
      <c r="JJ7" s="412">
        <v>0</v>
      </c>
      <c r="JK7" s="91">
        <v>22383</v>
      </c>
      <c r="JL7" s="91">
        <v>25010</v>
      </c>
      <c r="JM7" s="91">
        <v>20441</v>
      </c>
      <c r="JN7" s="91">
        <v>20649</v>
      </c>
      <c r="JO7" s="91">
        <v>11364</v>
      </c>
      <c r="JP7" s="92">
        <v>99847</v>
      </c>
      <c r="JQ7" s="93">
        <v>124320</v>
      </c>
      <c r="JR7" s="90">
        <v>890</v>
      </c>
      <c r="JS7" s="91">
        <v>1640</v>
      </c>
      <c r="JT7" s="92">
        <v>2530</v>
      </c>
      <c r="JU7" s="412">
        <v>0</v>
      </c>
      <c r="JV7" s="91">
        <v>1564</v>
      </c>
      <c r="JW7" s="91">
        <v>2620</v>
      </c>
      <c r="JX7" s="91">
        <v>1531</v>
      </c>
      <c r="JY7" s="91">
        <v>1424</v>
      </c>
      <c r="JZ7" s="91">
        <v>1402</v>
      </c>
      <c r="KA7" s="92">
        <v>8541</v>
      </c>
      <c r="KB7" s="93">
        <v>11071</v>
      </c>
      <c r="KC7" s="90">
        <v>63458</v>
      </c>
      <c r="KD7" s="91">
        <v>72519</v>
      </c>
      <c r="KE7" s="92">
        <v>135977</v>
      </c>
      <c r="KF7" s="412">
        <v>0</v>
      </c>
      <c r="KG7" s="91">
        <v>92168</v>
      </c>
      <c r="KH7" s="91">
        <v>90750</v>
      </c>
      <c r="KI7" s="91">
        <v>62940</v>
      </c>
      <c r="KJ7" s="91">
        <v>58140</v>
      </c>
      <c r="KK7" s="91">
        <v>36568</v>
      </c>
      <c r="KL7" s="92">
        <v>340566</v>
      </c>
      <c r="KM7" s="93">
        <v>476543</v>
      </c>
    </row>
    <row r="8" spans="2:299" s="70" customFormat="1" ht="21" customHeight="1" x14ac:dyDescent="0.2">
      <c r="B8" s="95" t="s">
        <v>5</v>
      </c>
      <c r="C8" s="96">
        <v>8253</v>
      </c>
      <c r="D8" s="97">
        <v>10429</v>
      </c>
      <c r="E8" s="98">
        <v>18682</v>
      </c>
      <c r="F8" s="413">
        <v>0</v>
      </c>
      <c r="G8" s="97">
        <v>10562</v>
      </c>
      <c r="H8" s="97">
        <v>14242</v>
      </c>
      <c r="I8" s="97">
        <v>8912</v>
      </c>
      <c r="J8" s="97">
        <v>7241</v>
      </c>
      <c r="K8" s="97">
        <v>4364</v>
      </c>
      <c r="L8" s="99">
        <v>45321</v>
      </c>
      <c r="M8" s="100">
        <v>64003</v>
      </c>
      <c r="N8" s="101">
        <v>290</v>
      </c>
      <c r="O8" s="102">
        <v>470</v>
      </c>
      <c r="P8" s="103">
        <v>760</v>
      </c>
      <c r="Q8" s="413">
        <v>0</v>
      </c>
      <c r="R8" s="102">
        <v>397</v>
      </c>
      <c r="S8" s="102">
        <v>712</v>
      </c>
      <c r="T8" s="102">
        <v>468</v>
      </c>
      <c r="U8" s="102">
        <v>410</v>
      </c>
      <c r="V8" s="102">
        <v>282</v>
      </c>
      <c r="W8" s="103">
        <v>2269</v>
      </c>
      <c r="X8" s="104">
        <v>3029</v>
      </c>
      <c r="Y8" s="101">
        <v>657</v>
      </c>
      <c r="Z8" s="102">
        <v>996</v>
      </c>
      <c r="AA8" s="103">
        <v>1653</v>
      </c>
      <c r="AB8" s="413">
        <v>0</v>
      </c>
      <c r="AC8" s="102">
        <v>763</v>
      </c>
      <c r="AD8" s="102">
        <v>1384</v>
      </c>
      <c r="AE8" s="102">
        <v>844</v>
      </c>
      <c r="AF8" s="102">
        <v>750</v>
      </c>
      <c r="AG8" s="102">
        <v>554</v>
      </c>
      <c r="AH8" s="103">
        <v>4295</v>
      </c>
      <c r="AI8" s="104">
        <v>5948</v>
      </c>
      <c r="AJ8" s="101">
        <v>1241</v>
      </c>
      <c r="AK8" s="102">
        <v>1780</v>
      </c>
      <c r="AL8" s="103">
        <v>3021</v>
      </c>
      <c r="AM8" s="413">
        <v>0</v>
      </c>
      <c r="AN8" s="102">
        <v>1557</v>
      </c>
      <c r="AO8" s="102">
        <v>2382</v>
      </c>
      <c r="AP8" s="102">
        <v>1431</v>
      </c>
      <c r="AQ8" s="102">
        <v>1233</v>
      </c>
      <c r="AR8" s="102">
        <v>782</v>
      </c>
      <c r="AS8" s="103">
        <v>7385</v>
      </c>
      <c r="AT8" s="104">
        <v>10406</v>
      </c>
      <c r="AU8" s="101">
        <v>2143</v>
      </c>
      <c r="AV8" s="102">
        <v>2562</v>
      </c>
      <c r="AW8" s="103">
        <v>4705</v>
      </c>
      <c r="AX8" s="413">
        <v>0</v>
      </c>
      <c r="AY8" s="102">
        <v>2668</v>
      </c>
      <c r="AZ8" s="102">
        <v>3298</v>
      </c>
      <c r="BA8" s="102">
        <v>2024</v>
      </c>
      <c r="BB8" s="102">
        <v>1561</v>
      </c>
      <c r="BC8" s="102">
        <v>1032</v>
      </c>
      <c r="BD8" s="103">
        <v>10583</v>
      </c>
      <c r="BE8" s="104">
        <v>15288</v>
      </c>
      <c r="BF8" s="101">
        <v>2325</v>
      </c>
      <c r="BG8" s="102">
        <v>2634</v>
      </c>
      <c r="BH8" s="103">
        <v>4959</v>
      </c>
      <c r="BI8" s="413">
        <v>0</v>
      </c>
      <c r="BJ8" s="102">
        <v>2967</v>
      </c>
      <c r="BK8" s="102">
        <v>3471</v>
      </c>
      <c r="BL8" s="102">
        <v>2160</v>
      </c>
      <c r="BM8" s="102">
        <v>1666</v>
      </c>
      <c r="BN8" s="102">
        <v>923</v>
      </c>
      <c r="BO8" s="103">
        <v>11187</v>
      </c>
      <c r="BP8" s="104">
        <v>16146</v>
      </c>
      <c r="BQ8" s="101">
        <v>1597</v>
      </c>
      <c r="BR8" s="102">
        <v>1987</v>
      </c>
      <c r="BS8" s="103">
        <v>3584</v>
      </c>
      <c r="BT8" s="413">
        <v>0</v>
      </c>
      <c r="BU8" s="102">
        <v>2210</v>
      </c>
      <c r="BV8" s="102">
        <v>2995</v>
      </c>
      <c r="BW8" s="102">
        <v>1985</v>
      </c>
      <c r="BX8" s="102">
        <v>1621</v>
      </c>
      <c r="BY8" s="102">
        <v>791</v>
      </c>
      <c r="BZ8" s="103">
        <v>9602</v>
      </c>
      <c r="CA8" s="104">
        <v>13186</v>
      </c>
      <c r="CB8" s="101">
        <v>190</v>
      </c>
      <c r="CC8" s="102">
        <v>407</v>
      </c>
      <c r="CD8" s="103">
        <v>597</v>
      </c>
      <c r="CE8" s="413">
        <v>0</v>
      </c>
      <c r="CF8" s="102">
        <v>233</v>
      </c>
      <c r="CG8" s="102">
        <v>705</v>
      </c>
      <c r="CH8" s="102">
        <v>372</v>
      </c>
      <c r="CI8" s="102">
        <v>349</v>
      </c>
      <c r="CJ8" s="102">
        <v>333</v>
      </c>
      <c r="CK8" s="103">
        <v>1992</v>
      </c>
      <c r="CL8" s="104">
        <v>2589</v>
      </c>
      <c r="CM8" s="101">
        <v>8443</v>
      </c>
      <c r="CN8" s="102">
        <v>10836</v>
      </c>
      <c r="CO8" s="103">
        <v>19279</v>
      </c>
      <c r="CP8" s="413">
        <v>0</v>
      </c>
      <c r="CQ8" s="102">
        <v>10795</v>
      </c>
      <c r="CR8" s="102">
        <v>14947</v>
      </c>
      <c r="CS8" s="102">
        <v>9284</v>
      </c>
      <c r="CT8" s="102">
        <v>7590</v>
      </c>
      <c r="CU8" s="102">
        <v>4697</v>
      </c>
      <c r="CV8" s="103">
        <v>47313</v>
      </c>
      <c r="CW8" s="104">
        <v>66592</v>
      </c>
      <c r="CX8" s="105">
        <v>15674</v>
      </c>
      <c r="CY8" s="97">
        <v>21760</v>
      </c>
      <c r="CZ8" s="98">
        <v>37434</v>
      </c>
      <c r="DA8" s="413">
        <v>0</v>
      </c>
      <c r="DB8" s="97">
        <v>20432</v>
      </c>
      <c r="DC8" s="97">
        <v>25699</v>
      </c>
      <c r="DD8" s="97">
        <v>16964</v>
      </c>
      <c r="DE8" s="97">
        <v>16164</v>
      </c>
      <c r="DF8" s="97">
        <v>10137</v>
      </c>
      <c r="DG8" s="99">
        <v>89396</v>
      </c>
      <c r="DH8" s="100">
        <v>126830</v>
      </c>
      <c r="DI8" s="101">
        <v>329</v>
      </c>
      <c r="DJ8" s="102">
        <v>476</v>
      </c>
      <c r="DK8" s="103">
        <v>805</v>
      </c>
      <c r="DL8" s="413">
        <v>0</v>
      </c>
      <c r="DM8" s="102">
        <v>285</v>
      </c>
      <c r="DN8" s="102">
        <v>477</v>
      </c>
      <c r="DO8" s="102">
        <v>287</v>
      </c>
      <c r="DP8" s="102">
        <v>290</v>
      </c>
      <c r="DQ8" s="102">
        <v>207</v>
      </c>
      <c r="DR8" s="103">
        <v>1546</v>
      </c>
      <c r="DS8" s="104">
        <v>2351</v>
      </c>
      <c r="DT8" s="101">
        <v>802</v>
      </c>
      <c r="DU8" s="102">
        <v>1267</v>
      </c>
      <c r="DV8" s="103">
        <v>2069</v>
      </c>
      <c r="DW8" s="413">
        <v>0</v>
      </c>
      <c r="DX8" s="102">
        <v>752</v>
      </c>
      <c r="DY8" s="102">
        <v>1160</v>
      </c>
      <c r="DZ8" s="102">
        <v>649</v>
      </c>
      <c r="EA8" s="102">
        <v>648</v>
      </c>
      <c r="EB8" s="102">
        <v>540</v>
      </c>
      <c r="EC8" s="103">
        <v>3749</v>
      </c>
      <c r="ED8" s="104">
        <v>5818</v>
      </c>
      <c r="EE8" s="101">
        <v>2357</v>
      </c>
      <c r="EF8" s="102">
        <v>2994</v>
      </c>
      <c r="EG8" s="103">
        <v>5351</v>
      </c>
      <c r="EH8" s="413">
        <v>0</v>
      </c>
      <c r="EI8" s="102">
        <v>2175</v>
      </c>
      <c r="EJ8" s="102">
        <v>2634</v>
      </c>
      <c r="EK8" s="102">
        <v>1445</v>
      </c>
      <c r="EL8" s="102">
        <v>1404</v>
      </c>
      <c r="EM8" s="102">
        <v>1043</v>
      </c>
      <c r="EN8" s="103">
        <v>8701</v>
      </c>
      <c r="EO8" s="104">
        <v>14052</v>
      </c>
      <c r="EP8" s="101">
        <v>4770</v>
      </c>
      <c r="EQ8" s="102">
        <v>5985</v>
      </c>
      <c r="ER8" s="103">
        <v>10755</v>
      </c>
      <c r="ES8" s="413">
        <v>0</v>
      </c>
      <c r="ET8" s="102">
        <v>5116</v>
      </c>
      <c r="EU8" s="102">
        <v>5408</v>
      </c>
      <c r="EV8" s="102">
        <v>3120</v>
      </c>
      <c r="EW8" s="102">
        <v>2716</v>
      </c>
      <c r="EX8" s="102">
        <v>1851</v>
      </c>
      <c r="EY8" s="103">
        <v>18211</v>
      </c>
      <c r="EZ8" s="104">
        <v>28966</v>
      </c>
      <c r="FA8" s="101">
        <v>4759</v>
      </c>
      <c r="FB8" s="102">
        <v>6422</v>
      </c>
      <c r="FC8" s="103">
        <v>11181</v>
      </c>
      <c r="FD8" s="413">
        <v>0</v>
      </c>
      <c r="FE8" s="102">
        <v>6481</v>
      </c>
      <c r="FF8" s="102">
        <v>7375</v>
      </c>
      <c r="FG8" s="102">
        <v>4571</v>
      </c>
      <c r="FH8" s="102">
        <v>4148</v>
      </c>
      <c r="FI8" s="102">
        <v>2514</v>
      </c>
      <c r="FJ8" s="103">
        <v>25089</v>
      </c>
      <c r="FK8" s="104">
        <v>36270</v>
      </c>
      <c r="FL8" s="101">
        <v>2657</v>
      </c>
      <c r="FM8" s="102">
        <v>4616</v>
      </c>
      <c r="FN8" s="103">
        <v>7273</v>
      </c>
      <c r="FO8" s="413">
        <v>0</v>
      </c>
      <c r="FP8" s="102">
        <v>5623</v>
      </c>
      <c r="FQ8" s="102">
        <v>8645</v>
      </c>
      <c r="FR8" s="102">
        <v>6892</v>
      </c>
      <c r="FS8" s="102">
        <v>6958</v>
      </c>
      <c r="FT8" s="102">
        <v>3982</v>
      </c>
      <c r="FU8" s="103">
        <v>32100</v>
      </c>
      <c r="FV8" s="104">
        <v>39373</v>
      </c>
      <c r="FW8" s="101">
        <v>150</v>
      </c>
      <c r="FX8" s="102">
        <v>328</v>
      </c>
      <c r="FY8" s="103">
        <v>478</v>
      </c>
      <c r="FZ8" s="413">
        <v>0</v>
      </c>
      <c r="GA8" s="102">
        <v>194</v>
      </c>
      <c r="GB8" s="102">
        <v>535</v>
      </c>
      <c r="GC8" s="102">
        <v>242</v>
      </c>
      <c r="GD8" s="102">
        <v>250</v>
      </c>
      <c r="GE8" s="102">
        <v>278</v>
      </c>
      <c r="GF8" s="103">
        <v>1499</v>
      </c>
      <c r="GG8" s="104">
        <v>1977</v>
      </c>
      <c r="GH8" s="101">
        <v>15824</v>
      </c>
      <c r="GI8" s="102">
        <v>22088</v>
      </c>
      <c r="GJ8" s="103">
        <v>37912</v>
      </c>
      <c r="GK8" s="413">
        <v>0</v>
      </c>
      <c r="GL8" s="102">
        <v>20626</v>
      </c>
      <c r="GM8" s="102">
        <v>26234</v>
      </c>
      <c r="GN8" s="102">
        <v>17206</v>
      </c>
      <c r="GO8" s="102">
        <v>16414</v>
      </c>
      <c r="GP8" s="102">
        <v>10415</v>
      </c>
      <c r="GQ8" s="103">
        <v>90895</v>
      </c>
      <c r="GR8" s="104">
        <v>128807</v>
      </c>
      <c r="GS8" s="105">
        <v>23927</v>
      </c>
      <c r="GT8" s="97">
        <v>32189</v>
      </c>
      <c r="GU8" s="98">
        <v>56116</v>
      </c>
      <c r="GV8" s="413">
        <v>0</v>
      </c>
      <c r="GW8" s="97">
        <v>30994</v>
      </c>
      <c r="GX8" s="97">
        <v>39941</v>
      </c>
      <c r="GY8" s="97">
        <v>25876</v>
      </c>
      <c r="GZ8" s="97">
        <v>23405</v>
      </c>
      <c r="HA8" s="97">
        <v>14501</v>
      </c>
      <c r="HB8" s="99">
        <v>134717</v>
      </c>
      <c r="HC8" s="100">
        <v>190833</v>
      </c>
      <c r="HD8" s="101">
        <v>619</v>
      </c>
      <c r="HE8" s="102">
        <v>946</v>
      </c>
      <c r="HF8" s="103">
        <v>1565</v>
      </c>
      <c r="HG8" s="416">
        <v>0</v>
      </c>
      <c r="HH8" s="102">
        <v>682</v>
      </c>
      <c r="HI8" s="102">
        <v>1189</v>
      </c>
      <c r="HJ8" s="102">
        <v>755</v>
      </c>
      <c r="HK8" s="102">
        <v>700</v>
      </c>
      <c r="HL8" s="102">
        <v>489</v>
      </c>
      <c r="HM8" s="103">
        <v>3815</v>
      </c>
      <c r="HN8" s="104">
        <v>5380</v>
      </c>
      <c r="HO8" s="101">
        <v>1459</v>
      </c>
      <c r="HP8" s="102">
        <v>2263</v>
      </c>
      <c r="HQ8" s="103">
        <v>3722</v>
      </c>
      <c r="HR8" s="413">
        <v>0</v>
      </c>
      <c r="HS8" s="102">
        <v>1515</v>
      </c>
      <c r="HT8" s="102">
        <v>2544</v>
      </c>
      <c r="HU8" s="102">
        <v>1493</v>
      </c>
      <c r="HV8" s="102">
        <v>1398</v>
      </c>
      <c r="HW8" s="102">
        <v>1094</v>
      </c>
      <c r="HX8" s="103">
        <v>8044</v>
      </c>
      <c r="HY8" s="104">
        <v>11766</v>
      </c>
      <c r="HZ8" s="101">
        <v>3598</v>
      </c>
      <c r="IA8" s="102">
        <v>4774</v>
      </c>
      <c r="IB8" s="103">
        <v>8372</v>
      </c>
      <c r="IC8" s="413">
        <v>0</v>
      </c>
      <c r="ID8" s="102">
        <v>3732</v>
      </c>
      <c r="IE8" s="102">
        <v>5016</v>
      </c>
      <c r="IF8" s="102">
        <v>2876</v>
      </c>
      <c r="IG8" s="102">
        <v>2637</v>
      </c>
      <c r="IH8" s="102">
        <v>1825</v>
      </c>
      <c r="II8" s="103">
        <v>16086</v>
      </c>
      <c r="IJ8" s="104">
        <v>24458</v>
      </c>
      <c r="IK8" s="101">
        <v>6913</v>
      </c>
      <c r="IL8" s="102">
        <v>8547</v>
      </c>
      <c r="IM8" s="103">
        <v>15460</v>
      </c>
      <c r="IN8" s="413">
        <v>0</v>
      </c>
      <c r="IO8" s="102">
        <v>7784</v>
      </c>
      <c r="IP8" s="102">
        <v>8706</v>
      </c>
      <c r="IQ8" s="102">
        <v>5144</v>
      </c>
      <c r="IR8" s="102">
        <v>4277</v>
      </c>
      <c r="IS8" s="102">
        <v>2883</v>
      </c>
      <c r="IT8" s="103">
        <v>28794</v>
      </c>
      <c r="IU8" s="104">
        <v>44254</v>
      </c>
      <c r="IV8" s="101">
        <v>7084</v>
      </c>
      <c r="IW8" s="102">
        <v>9056</v>
      </c>
      <c r="IX8" s="103">
        <v>16140</v>
      </c>
      <c r="IY8" s="413">
        <v>0</v>
      </c>
      <c r="IZ8" s="102">
        <v>9448</v>
      </c>
      <c r="JA8" s="102">
        <v>10846</v>
      </c>
      <c r="JB8" s="102">
        <v>6731</v>
      </c>
      <c r="JC8" s="102">
        <v>5814</v>
      </c>
      <c r="JD8" s="102">
        <v>3437</v>
      </c>
      <c r="JE8" s="103">
        <v>36276</v>
      </c>
      <c r="JF8" s="104">
        <v>52416</v>
      </c>
      <c r="JG8" s="101">
        <v>4254</v>
      </c>
      <c r="JH8" s="102">
        <v>6603</v>
      </c>
      <c r="JI8" s="103">
        <v>10857</v>
      </c>
      <c r="JJ8" s="413">
        <v>0</v>
      </c>
      <c r="JK8" s="102">
        <v>7833</v>
      </c>
      <c r="JL8" s="102">
        <v>11640</v>
      </c>
      <c r="JM8" s="102">
        <v>8877</v>
      </c>
      <c r="JN8" s="102">
        <v>8579</v>
      </c>
      <c r="JO8" s="102">
        <v>4773</v>
      </c>
      <c r="JP8" s="103">
        <v>41702</v>
      </c>
      <c r="JQ8" s="104">
        <v>52559</v>
      </c>
      <c r="JR8" s="101">
        <v>340</v>
      </c>
      <c r="JS8" s="102">
        <v>735</v>
      </c>
      <c r="JT8" s="103">
        <v>1075</v>
      </c>
      <c r="JU8" s="413">
        <v>0</v>
      </c>
      <c r="JV8" s="102">
        <v>427</v>
      </c>
      <c r="JW8" s="102">
        <v>1240</v>
      </c>
      <c r="JX8" s="102">
        <v>614</v>
      </c>
      <c r="JY8" s="102">
        <v>599</v>
      </c>
      <c r="JZ8" s="102">
        <v>611</v>
      </c>
      <c r="KA8" s="103">
        <v>3491</v>
      </c>
      <c r="KB8" s="104">
        <v>4566</v>
      </c>
      <c r="KC8" s="101">
        <v>24267</v>
      </c>
      <c r="KD8" s="102">
        <v>32924</v>
      </c>
      <c r="KE8" s="103">
        <v>57191</v>
      </c>
      <c r="KF8" s="413">
        <v>0</v>
      </c>
      <c r="KG8" s="102">
        <v>31421</v>
      </c>
      <c r="KH8" s="102">
        <v>41181</v>
      </c>
      <c r="KI8" s="102">
        <v>26490</v>
      </c>
      <c r="KJ8" s="102">
        <v>24004</v>
      </c>
      <c r="KK8" s="102">
        <v>15112</v>
      </c>
      <c r="KL8" s="103">
        <v>138208</v>
      </c>
      <c r="KM8" s="104">
        <v>195399</v>
      </c>
    </row>
    <row r="9" spans="2:299" s="70" customFormat="1" ht="21" customHeight="1" x14ac:dyDescent="0.2">
      <c r="B9" s="106" t="s">
        <v>6</v>
      </c>
      <c r="C9" s="96">
        <v>2925</v>
      </c>
      <c r="D9" s="97">
        <v>2494</v>
      </c>
      <c r="E9" s="98">
        <v>5419</v>
      </c>
      <c r="F9" s="413">
        <v>0</v>
      </c>
      <c r="G9" s="97">
        <v>5136</v>
      </c>
      <c r="H9" s="97">
        <v>4288</v>
      </c>
      <c r="I9" s="97">
        <v>2875</v>
      </c>
      <c r="J9" s="97">
        <v>2306</v>
      </c>
      <c r="K9" s="97">
        <v>1515</v>
      </c>
      <c r="L9" s="99">
        <v>16120</v>
      </c>
      <c r="M9" s="100">
        <v>21539</v>
      </c>
      <c r="N9" s="101">
        <v>160</v>
      </c>
      <c r="O9" s="102">
        <v>152</v>
      </c>
      <c r="P9" s="103">
        <v>312</v>
      </c>
      <c r="Q9" s="413">
        <v>0</v>
      </c>
      <c r="R9" s="102">
        <v>257</v>
      </c>
      <c r="S9" s="102">
        <v>246</v>
      </c>
      <c r="T9" s="102">
        <v>164</v>
      </c>
      <c r="U9" s="102">
        <v>145</v>
      </c>
      <c r="V9" s="102">
        <v>100</v>
      </c>
      <c r="W9" s="103">
        <v>912</v>
      </c>
      <c r="X9" s="104">
        <v>1224</v>
      </c>
      <c r="Y9" s="101">
        <v>266</v>
      </c>
      <c r="Z9" s="102">
        <v>265</v>
      </c>
      <c r="AA9" s="103">
        <v>531</v>
      </c>
      <c r="AB9" s="413">
        <v>0</v>
      </c>
      <c r="AC9" s="102">
        <v>494</v>
      </c>
      <c r="AD9" s="102">
        <v>452</v>
      </c>
      <c r="AE9" s="102">
        <v>311</v>
      </c>
      <c r="AF9" s="102">
        <v>272</v>
      </c>
      <c r="AG9" s="102">
        <v>185</v>
      </c>
      <c r="AH9" s="103">
        <v>1714</v>
      </c>
      <c r="AI9" s="104">
        <v>2245</v>
      </c>
      <c r="AJ9" s="101">
        <v>519</v>
      </c>
      <c r="AK9" s="102">
        <v>425</v>
      </c>
      <c r="AL9" s="103">
        <v>944</v>
      </c>
      <c r="AM9" s="413">
        <v>0</v>
      </c>
      <c r="AN9" s="102">
        <v>834</v>
      </c>
      <c r="AO9" s="102">
        <v>771</v>
      </c>
      <c r="AP9" s="102">
        <v>486</v>
      </c>
      <c r="AQ9" s="102">
        <v>405</v>
      </c>
      <c r="AR9" s="102">
        <v>322</v>
      </c>
      <c r="AS9" s="103">
        <v>2818</v>
      </c>
      <c r="AT9" s="104">
        <v>3762</v>
      </c>
      <c r="AU9" s="101">
        <v>726</v>
      </c>
      <c r="AV9" s="102">
        <v>605</v>
      </c>
      <c r="AW9" s="103">
        <v>1331</v>
      </c>
      <c r="AX9" s="413">
        <v>0</v>
      </c>
      <c r="AY9" s="102">
        <v>1287</v>
      </c>
      <c r="AZ9" s="102">
        <v>1010</v>
      </c>
      <c r="BA9" s="102">
        <v>640</v>
      </c>
      <c r="BB9" s="102">
        <v>533</v>
      </c>
      <c r="BC9" s="102">
        <v>334</v>
      </c>
      <c r="BD9" s="103">
        <v>3804</v>
      </c>
      <c r="BE9" s="104">
        <v>5135</v>
      </c>
      <c r="BF9" s="101">
        <v>796</v>
      </c>
      <c r="BG9" s="102">
        <v>613</v>
      </c>
      <c r="BH9" s="103">
        <v>1409</v>
      </c>
      <c r="BI9" s="413">
        <v>0</v>
      </c>
      <c r="BJ9" s="102">
        <v>1304</v>
      </c>
      <c r="BK9" s="102">
        <v>978</v>
      </c>
      <c r="BL9" s="102">
        <v>676</v>
      </c>
      <c r="BM9" s="102">
        <v>467</v>
      </c>
      <c r="BN9" s="102">
        <v>319</v>
      </c>
      <c r="BO9" s="103">
        <v>3744</v>
      </c>
      <c r="BP9" s="104">
        <v>5153</v>
      </c>
      <c r="BQ9" s="101">
        <v>458</v>
      </c>
      <c r="BR9" s="102">
        <v>434</v>
      </c>
      <c r="BS9" s="103">
        <v>892</v>
      </c>
      <c r="BT9" s="413">
        <v>0</v>
      </c>
      <c r="BU9" s="102">
        <v>960</v>
      </c>
      <c r="BV9" s="102">
        <v>831</v>
      </c>
      <c r="BW9" s="102">
        <v>598</v>
      </c>
      <c r="BX9" s="102">
        <v>484</v>
      </c>
      <c r="BY9" s="102">
        <v>255</v>
      </c>
      <c r="BZ9" s="103">
        <v>3128</v>
      </c>
      <c r="CA9" s="104">
        <v>4020</v>
      </c>
      <c r="CB9" s="101">
        <v>81</v>
      </c>
      <c r="CC9" s="102">
        <v>102</v>
      </c>
      <c r="CD9" s="103">
        <v>183</v>
      </c>
      <c r="CE9" s="413">
        <v>0</v>
      </c>
      <c r="CF9" s="102">
        <v>182</v>
      </c>
      <c r="CG9" s="102">
        <v>198</v>
      </c>
      <c r="CH9" s="102">
        <v>129</v>
      </c>
      <c r="CI9" s="102">
        <v>120</v>
      </c>
      <c r="CJ9" s="102">
        <v>136</v>
      </c>
      <c r="CK9" s="103">
        <v>765</v>
      </c>
      <c r="CL9" s="104">
        <v>948</v>
      </c>
      <c r="CM9" s="101">
        <v>3006</v>
      </c>
      <c r="CN9" s="102">
        <v>2596</v>
      </c>
      <c r="CO9" s="103">
        <v>5602</v>
      </c>
      <c r="CP9" s="413">
        <v>0</v>
      </c>
      <c r="CQ9" s="102">
        <v>5318</v>
      </c>
      <c r="CR9" s="102">
        <v>4486</v>
      </c>
      <c r="CS9" s="102">
        <v>3004</v>
      </c>
      <c r="CT9" s="102">
        <v>2426</v>
      </c>
      <c r="CU9" s="102">
        <v>1651</v>
      </c>
      <c r="CV9" s="103">
        <v>16885</v>
      </c>
      <c r="CW9" s="104">
        <v>22487</v>
      </c>
      <c r="CX9" s="105">
        <v>5603</v>
      </c>
      <c r="CY9" s="97">
        <v>5787</v>
      </c>
      <c r="CZ9" s="98">
        <v>11390</v>
      </c>
      <c r="DA9" s="413">
        <v>0</v>
      </c>
      <c r="DB9" s="97">
        <v>9113</v>
      </c>
      <c r="DC9" s="97">
        <v>7184</v>
      </c>
      <c r="DD9" s="97">
        <v>5280</v>
      </c>
      <c r="DE9" s="97">
        <v>5165</v>
      </c>
      <c r="DF9" s="97">
        <v>3512</v>
      </c>
      <c r="DG9" s="99">
        <v>30254</v>
      </c>
      <c r="DH9" s="100">
        <v>41644</v>
      </c>
      <c r="DI9" s="101">
        <v>121</v>
      </c>
      <c r="DJ9" s="102">
        <v>138</v>
      </c>
      <c r="DK9" s="103">
        <v>259</v>
      </c>
      <c r="DL9" s="413">
        <v>0</v>
      </c>
      <c r="DM9" s="102">
        <v>163</v>
      </c>
      <c r="DN9" s="102">
        <v>138</v>
      </c>
      <c r="DO9" s="102">
        <v>100</v>
      </c>
      <c r="DP9" s="102">
        <v>104</v>
      </c>
      <c r="DQ9" s="102">
        <v>78</v>
      </c>
      <c r="DR9" s="103">
        <v>583</v>
      </c>
      <c r="DS9" s="104">
        <v>842</v>
      </c>
      <c r="DT9" s="101">
        <v>318</v>
      </c>
      <c r="DU9" s="102">
        <v>322</v>
      </c>
      <c r="DV9" s="103">
        <v>640</v>
      </c>
      <c r="DW9" s="413">
        <v>0</v>
      </c>
      <c r="DX9" s="102">
        <v>406</v>
      </c>
      <c r="DY9" s="102">
        <v>335</v>
      </c>
      <c r="DZ9" s="102">
        <v>234</v>
      </c>
      <c r="EA9" s="102">
        <v>210</v>
      </c>
      <c r="EB9" s="102">
        <v>186</v>
      </c>
      <c r="EC9" s="103">
        <v>1371</v>
      </c>
      <c r="ED9" s="104">
        <v>2011</v>
      </c>
      <c r="EE9" s="101">
        <v>853</v>
      </c>
      <c r="EF9" s="102">
        <v>836</v>
      </c>
      <c r="EG9" s="103">
        <v>1689</v>
      </c>
      <c r="EH9" s="413">
        <v>0</v>
      </c>
      <c r="EI9" s="102">
        <v>1037</v>
      </c>
      <c r="EJ9" s="102">
        <v>761</v>
      </c>
      <c r="EK9" s="102">
        <v>443</v>
      </c>
      <c r="EL9" s="102">
        <v>442</v>
      </c>
      <c r="EM9" s="102">
        <v>342</v>
      </c>
      <c r="EN9" s="103">
        <v>3025</v>
      </c>
      <c r="EO9" s="104">
        <v>4714</v>
      </c>
      <c r="EP9" s="101">
        <v>1738</v>
      </c>
      <c r="EQ9" s="102">
        <v>1568</v>
      </c>
      <c r="ER9" s="103">
        <v>3306</v>
      </c>
      <c r="ES9" s="413">
        <v>0</v>
      </c>
      <c r="ET9" s="102">
        <v>2185</v>
      </c>
      <c r="EU9" s="102">
        <v>1504</v>
      </c>
      <c r="EV9" s="102">
        <v>993</v>
      </c>
      <c r="EW9" s="102">
        <v>849</v>
      </c>
      <c r="EX9" s="102">
        <v>655</v>
      </c>
      <c r="EY9" s="103">
        <v>6186</v>
      </c>
      <c r="EZ9" s="104">
        <v>9492</v>
      </c>
      <c r="FA9" s="101">
        <v>1649</v>
      </c>
      <c r="FB9" s="102">
        <v>1711</v>
      </c>
      <c r="FC9" s="103">
        <v>3360</v>
      </c>
      <c r="FD9" s="413">
        <v>0</v>
      </c>
      <c r="FE9" s="102">
        <v>2748</v>
      </c>
      <c r="FF9" s="102">
        <v>2039</v>
      </c>
      <c r="FG9" s="102">
        <v>1424</v>
      </c>
      <c r="FH9" s="102">
        <v>1279</v>
      </c>
      <c r="FI9" s="102">
        <v>856</v>
      </c>
      <c r="FJ9" s="103">
        <v>8346</v>
      </c>
      <c r="FK9" s="104">
        <v>11706</v>
      </c>
      <c r="FL9" s="101">
        <v>924</v>
      </c>
      <c r="FM9" s="102">
        <v>1212</v>
      </c>
      <c r="FN9" s="103">
        <v>2136</v>
      </c>
      <c r="FO9" s="413">
        <v>0</v>
      </c>
      <c r="FP9" s="102">
        <v>2574</v>
      </c>
      <c r="FQ9" s="102">
        <v>2407</v>
      </c>
      <c r="FR9" s="102">
        <v>2086</v>
      </c>
      <c r="FS9" s="102">
        <v>2281</v>
      </c>
      <c r="FT9" s="102">
        <v>1395</v>
      </c>
      <c r="FU9" s="103">
        <v>10743</v>
      </c>
      <c r="FV9" s="104">
        <v>12879</v>
      </c>
      <c r="FW9" s="101">
        <v>64</v>
      </c>
      <c r="FX9" s="102">
        <v>95</v>
      </c>
      <c r="FY9" s="103">
        <v>159</v>
      </c>
      <c r="FZ9" s="413">
        <v>0</v>
      </c>
      <c r="GA9" s="102">
        <v>131</v>
      </c>
      <c r="GB9" s="102">
        <v>143</v>
      </c>
      <c r="GC9" s="102">
        <v>93</v>
      </c>
      <c r="GD9" s="102">
        <v>87</v>
      </c>
      <c r="GE9" s="102">
        <v>96</v>
      </c>
      <c r="GF9" s="103">
        <v>550</v>
      </c>
      <c r="GG9" s="104">
        <v>709</v>
      </c>
      <c r="GH9" s="101">
        <v>5667</v>
      </c>
      <c r="GI9" s="102">
        <v>5882</v>
      </c>
      <c r="GJ9" s="103">
        <v>11549</v>
      </c>
      <c r="GK9" s="413">
        <v>0</v>
      </c>
      <c r="GL9" s="102">
        <v>9244</v>
      </c>
      <c r="GM9" s="102">
        <v>7327</v>
      </c>
      <c r="GN9" s="102">
        <v>5373</v>
      </c>
      <c r="GO9" s="102">
        <v>5252</v>
      </c>
      <c r="GP9" s="102">
        <v>3608</v>
      </c>
      <c r="GQ9" s="103">
        <v>30804</v>
      </c>
      <c r="GR9" s="104">
        <v>42353</v>
      </c>
      <c r="GS9" s="105">
        <v>8528</v>
      </c>
      <c r="GT9" s="97">
        <v>8281</v>
      </c>
      <c r="GU9" s="98">
        <v>16809</v>
      </c>
      <c r="GV9" s="413">
        <v>0</v>
      </c>
      <c r="GW9" s="97">
        <v>14249</v>
      </c>
      <c r="GX9" s="97">
        <v>11472</v>
      </c>
      <c r="GY9" s="97">
        <v>8155</v>
      </c>
      <c r="GZ9" s="97">
        <v>7471</v>
      </c>
      <c r="HA9" s="97">
        <v>5027</v>
      </c>
      <c r="HB9" s="99">
        <v>46374</v>
      </c>
      <c r="HC9" s="100">
        <v>63183</v>
      </c>
      <c r="HD9" s="101">
        <v>281</v>
      </c>
      <c r="HE9" s="102">
        <v>290</v>
      </c>
      <c r="HF9" s="103">
        <v>571</v>
      </c>
      <c r="HG9" s="416">
        <v>0</v>
      </c>
      <c r="HH9" s="102">
        <v>420</v>
      </c>
      <c r="HI9" s="102">
        <v>384</v>
      </c>
      <c r="HJ9" s="102">
        <v>264</v>
      </c>
      <c r="HK9" s="102">
        <v>249</v>
      </c>
      <c r="HL9" s="102">
        <v>178</v>
      </c>
      <c r="HM9" s="103">
        <v>1495</v>
      </c>
      <c r="HN9" s="104">
        <v>2066</v>
      </c>
      <c r="HO9" s="101">
        <v>584</v>
      </c>
      <c r="HP9" s="102">
        <v>587</v>
      </c>
      <c r="HQ9" s="103">
        <v>1171</v>
      </c>
      <c r="HR9" s="413">
        <v>0</v>
      </c>
      <c r="HS9" s="102">
        <v>900</v>
      </c>
      <c r="HT9" s="102">
        <v>787</v>
      </c>
      <c r="HU9" s="102">
        <v>545</v>
      </c>
      <c r="HV9" s="102">
        <v>482</v>
      </c>
      <c r="HW9" s="102">
        <v>371</v>
      </c>
      <c r="HX9" s="103">
        <v>3085</v>
      </c>
      <c r="HY9" s="104">
        <v>4256</v>
      </c>
      <c r="HZ9" s="101">
        <v>1372</v>
      </c>
      <c r="IA9" s="102">
        <v>1261</v>
      </c>
      <c r="IB9" s="103">
        <v>2633</v>
      </c>
      <c r="IC9" s="413">
        <v>0</v>
      </c>
      <c r="ID9" s="102">
        <v>1871</v>
      </c>
      <c r="IE9" s="102">
        <v>1532</v>
      </c>
      <c r="IF9" s="102">
        <v>929</v>
      </c>
      <c r="IG9" s="102">
        <v>847</v>
      </c>
      <c r="IH9" s="102">
        <v>664</v>
      </c>
      <c r="II9" s="103">
        <v>5843</v>
      </c>
      <c r="IJ9" s="104">
        <v>8476</v>
      </c>
      <c r="IK9" s="101">
        <v>2464</v>
      </c>
      <c r="IL9" s="102">
        <v>2173</v>
      </c>
      <c r="IM9" s="103">
        <v>4637</v>
      </c>
      <c r="IN9" s="413">
        <v>0</v>
      </c>
      <c r="IO9" s="102">
        <v>3472</v>
      </c>
      <c r="IP9" s="102">
        <v>2514</v>
      </c>
      <c r="IQ9" s="102">
        <v>1633</v>
      </c>
      <c r="IR9" s="102">
        <v>1382</v>
      </c>
      <c r="IS9" s="102">
        <v>989</v>
      </c>
      <c r="IT9" s="103">
        <v>9990</v>
      </c>
      <c r="IU9" s="104">
        <v>14627</v>
      </c>
      <c r="IV9" s="101">
        <v>2445</v>
      </c>
      <c r="IW9" s="102">
        <v>2324</v>
      </c>
      <c r="IX9" s="103">
        <v>4769</v>
      </c>
      <c r="IY9" s="413">
        <v>0</v>
      </c>
      <c r="IZ9" s="102">
        <v>4052</v>
      </c>
      <c r="JA9" s="102">
        <v>3017</v>
      </c>
      <c r="JB9" s="102">
        <v>2100</v>
      </c>
      <c r="JC9" s="102">
        <v>1746</v>
      </c>
      <c r="JD9" s="102">
        <v>1175</v>
      </c>
      <c r="JE9" s="103">
        <v>12090</v>
      </c>
      <c r="JF9" s="104">
        <v>16859</v>
      </c>
      <c r="JG9" s="101">
        <v>1382</v>
      </c>
      <c r="JH9" s="102">
        <v>1646</v>
      </c>
      <c r="JI9" s="103">
        <v>3028</v>
      </c>
      <c r="JJ9" s="413">
        <v>0</v>
      </c>
      <c r="JK9" s="102">
        <v>3534</v>
      </c>
      <c r="JL9" s="102">
        <v>3238</v>
      </c>
      <c r="JM9" s="102">
        <v>2684</v>
      </c>
      <c r="JN9" s="102">
        <v>2765</v>
      </c>
      <c r="JO9" s="102">
        <v>1650</v>
      </c>
      <c r="JP9" s="103">
        <v>13871</v>
      </c>
      <c r="JQ9" s="104">
        <v>16899</v>
      </c>
      <c r="JR9" s="101">
        <v>145</v>
      </c>
      <c r="JS9" s="102">
        <v>197</v>
      </c>
      <c r="JT9" s="103">
        <v>342</v>
      </c>
      <c r="JU9" s="413">
        <v>0</v>
      </c>
      <c r="JV9" s="102">
        <v>313</v>
      </c>
      <c r="JW9" s="102">
        <v>341</v>
      </c>
      <c r="JX9" s="102">
        <v>222</v>
      </c>
      <c r="JY9" s="102">
        <v>207</v>
      </c>
      <c r="JZ9" s="102">
        <v>232</v>
      </c>
      <c r="KA9" s="103">
        <v>1315</v>
      </c>
      <c r="KB9" s="104">
        <v>1657</v>
      </c>
      <c r="KC9" s="101">
        <v>8673</v>
      </c>
      <c r="KD9" s="102">
        <v>8478</v>
      </c>
      <c r="KE9" s="103">
        <v>17151</v>
      </c>
      <c r="KF9" s="413">
        <v>0</v>
      </c>
      <c r="KG9" s="102">
        <v>14562</v>
      </c>
      <c r="KH9" s="102">
        <v>11813</v>
      </c>
      <c r="KI9" s="102">
        <v>8377</v>
      </c>
      <c r="KJ9" s="102">
        <v>7678</v>
      </c>
      <c r="KK9" s="102">
        <v>5259</v>
      </c>
      <c r="KL9" s="103">
        <v>47689</v>
      </c>
      <c r="KM9" s="104">
        <v>64840</v>
      </c>
    </row>
    <row r="10" spans="2:299" s="70" customFormat="1" ht="21" customHeight="1" x14ac:dyDescent="0.2">
      <c r="B10" s="106" t="s">
        <v>14</v>
      </c>
      <c r="C10" s="96">
        <v>1663</v>
      </c>
      <c r="D10" s="97">
        <v>2051</v>
      </c>
      <c r="E10" s="98">
        <v>3714</v>
      </c>
      <c r="F10" s="413">
        <v>0</v>
      </c>
      <c r="G10" s="97">
        <v>2370</v>
      </c>
      <c r="H10" s="97">
        <v>2724</v>
      </c>
      <c r="I10" s="97">
        <v>1967</v>
      </c>
      <c r="J10" s="97">
        <v>1580</v>
      </c>
      <c r="K10" s="97">
        <v>855</v>
      </c>
      <c r="L10" s="99">
        <v>9496</v>
      </c>
      <c r="M10" s="100">
        <v>13210</v>
      </c>
      <c r="N10" s="101">
        <v>68</v>
      </c>
      <c r="O10" s="102">
        <v>92</v>
      </c>
      <c r="P10" s="103">
        <v>160</v>
      </c>
      <c r="Q10" s="413">
        <v>0</v>
      </c>
      <c r="R10" s="102">
        <v>87</v>
      </c>
      <c r="S10" s="102">
        <v>132</v>
      </c>
      <c r="T10" s="102">
        <v>89</v>
      </c>
      <c r="U10" s="102">
        <v>94</v>
      </c>
      <c r="V10" s="102">
        <v>56</v>
      </c>
      <c r="W10" s="103">
        <v>458</v>
      </c>
      <c r="X10" s="104">
        <v>618</v>
      </c>
      <c r="Y10" s="101">
        <v>155</v>
      </c>
      <c r="Z10" s="102">
        <v>248</v>
      </c>
      <c r="AA10" s="103">
        <v>403</v>
      </c>
      <c r="AB10" s="413">
        <v>0</v>
      </c>
      <c r="AC10" s="102">
        <v>178</v>
      </c>
      <c r="AD10" s="102">
        <v>229</v>
      </c>
      <c r="AE10" s="102">
        <v>191</v>
      </c>
      <c r="AF10" s="102">
        <v>156</v>
      </c>
      <c r="AG10" s="102">
        <v>109</v>
      </c>
      <c r="AH10" s="103">
        <v>863</v>
      </c>
      <c r="AI10" s="104">
        <v>1266</v>
      </c>
      <c r="AJ10" s="101">
        <v>255</v>
      </c>
      <c r="AK10" s="102">
        <v>367</v>
      </c>
      <c r="AL10" s="103">
        <v>622</v>
      </c>
      <c r="AM10" s="413">
        <v>0</v>
      </c>
      <c r="AN10" s="102">
        <v>371</v>
      </c>
      <c r="AO10" s="102">
        <v>454</v>
      </c>
      <c r="AP10" s="102">
        <v>338</v>
      </c>
      <c r="AQ10" s="102">
        <v>276</v>
      </c>
      <c r="AR10" s="102">
        <v>168</v>
      </c>
      <c r="AS10" s="103">
        <v>1607</v>
      </c>
      <c r="AT10" s="104">
        <v>2229</v>
      </c>
      <c r="AU10" s="101">
        <v>477</v>
      </c>
      <c r="AV10" s="102">
        <v>549</v>
      </c>
      <c r="AW10" s="103">
        <v>1026</v>
      </c>
      <c r="AX10" s="413">
        <v>0</v>
      </c>
      <c r="AY10" s="102">
        <v>657</v>
      </c>
      <c r="AZ10" s="102">
        <v>719</v>
      </c>
      <c r="BA10" s="102">
        <v>475</v>
      </c>
      <c r="BB10" s="102">
        <v>389</v>
      </c>
      <c r="BC10" s="102">
        <v>220</v>
      </c>
      <c r="BD10" s="103">
        <v>2460</v>
      </c>
      <c r="BE10" s="104">
        <v>3486</v>
      </c>
      <c r="BF10" s="101">
        <v>473</v>
      </c>
      <c r="BG10" s="102">
        <v>528</v>
      </c>
      <c r="BH10" s="103">
        <v>1001</v>
      </c>
      <c r="BI10" s="413">
        <v>0</v>
      </c>
      <c r="BJ10" s="102">
        <v>671</v>
      </c>
      <c r="BK10" s="102">
        <v>697</v>
      </c>
      <c r="BL10" s="102">
        <v>511</v>
      </c>
      <c r="BM10" s="102">
        <v>368</v>
      </c>
      <c r="BN10" s="102">
        <v>178</v>
      </c>
      <c r="BO10" s="103">
        <v>2425</v>
      </c>
      <c r="BP10" s="104">
        <v>3426</v>
      </c>
      <c r="BQ10" s="101">
        <v>235</v>
      </c>
      <c r="BR10" s="102">
        <v>267</v>
      </c>
      <c r="BS10" s="103">
        <v>502</v>
      </c>
      <c r="BT10" s="413">
        <v>0</v>
      </c>
      <c r="BU10" s="102">
        <v>406</v>
      </c>
      <c r="BV10" s="102">
        <v>493</v>
      </c>
      <c r="BW10" s="102">
        <v>363</v>
      </c>
      <c r="BX10" s="102">
        <v>297</v>
      </c>
      <c r="BY10" s="102">
        <v>124</v>
      </c>
      <c r="BZ10" s="103">
        <v>1683</v>
      </c>
      <c r="CA10" s="104">
        <v>2185</v>
      </c>
      <c r="CB10" s="101">
        <v>35</v>
      </c>
      <c r="CC10" s="102">
        <v>98</v>
      </c>
      <c r="CD10" s="103">
        <v>133</v>
      </c>
      <c r="CE10" s="413">
        <v>0</v>
      </c>
      <c r="CF10" s="102">
        <v>45</v>
      </c>
      <c r="CG10" s="102">
        <v>137</v>
      </c>
      <c r="CH10" s="102">
        <v>71</v>
      </c>
      <c r="CI10" s="102">
        <v>86</v>
      </c>
      <c r="CJ10" s="102">
        <v>64</v>
      </c>
      <c r="CK10" s="103">
        <v>403</v>
      </c>
      <c r="CL10" s="104">
        <v>536</v>
      </c>
      <c r="CM10" s="101">
        <v>1698</v>
      </c>
      <c r="CN10" s="102">
        <v>2149</v>
      </c>
      <c r="CO10" s="103">
        <v>3847</v>
      </c>
      <c r="CP10" s="413">
        <v>0</v>
      </c>
      <c r="CQ10" s="102">
        <v>2415</v>
      </c>
      <c r="CR10" s="102">
        <v>2861</v>
      </c>
      <c r="CS10" s="102">
        <v>2038</v>
      </c>
      <c r="CT10" s="102">
        <v>1666</v>
      </c>
      <c r="CU10" s="102">
        <v>919</v>
      </c>
      <c r="CV10" s="103">
        <v>9899</v>
      </c>
      <c r="CW10" s="104">
        <v>13746</v>
      </c>
      <c r="CX10" s="105">
        <v>3095</v>
      </c>
      <c r="CY10" s="97">
        <v>4354</v>
      </c>
      <c r="CZ10" s="98">
        <v>7449</v>
      </c>
      <c r="DA10" s="413">
        <v>0</v>
      </c>
      <c r="DB10" s="97">
        <v>4092</v>
      </c>
      <c r="DC10" s="97">
        <v>4449</v>
      </c>
      <c r="DD10" s="97">
        <v>3395</v>
      </c>
      <c r="DE10" s="97">
        <v>3168</v>
      </c>
      <c r="DF10" s="97">
        <v>1888</v>
      </c>
      <c r="DG10" s="99">
        <v>16992</v>
      </c>
      <c r="DH10" s="100">
        <v>24441</v>
      </c>
      <c r="DI10" s="101">
        <v>61</v>
      </c>
      <c r="DJ10" s="102">
        <v>99</v>
      </c>
      <c r="DK10" s="103">
        <v>160</v>
      </c>
      <c r="DL10" s="413">
        <v>0</v>
      </c>
      <c r="DM10" s="102">
        <v>65</v>
      </c>
      <c r="DN10" s="102">
        <v>100</v>
      </c>
      <c r="DO10" s="102">
        <v>67</v>
      </c>
      <c r="DP10" s="102">
        <v>76</v>
      </c>
      <c r="DQ10" s="102">
        <v>52</v>
      </c>
      <c r="DR10" s="103">
        <v>360</v>
      </c>
      <c r="DS10" s="104">
        <v>520</v>
      </c>
      <c r="DT10" s="101">
        <v>209</v>
      </c>
      <c r="DU10" s="102">
        <v>278</v>
      </c>
      <c r="DV10" s="103">
        <v>487</v>
      </c>
      <c r="DW10" s="413">
        <v>0</v>
      </c>
      <c r="DX10" s="102">
        <v>162</v>
      </c>
      <c r="DY10" s="102">
        <v>242</v>
      </c>
      <c r="DZ10" s="102">
        <v>154</v>
      </c>
      <c r="EA10" s="102">
        <v>123</v>
      </c>
      <c r="EB10" s="102">
        <v>104</v>
      </c>
      <c r="EC10" s="103">
        <v>785</v>
      </c>
      <c r="ED10" s="104">
        <v>1272</v>
      </c>
      <c r="EE10" s="101">
        <v>549</v>
      </c>
      <c r="EF10" s="102">
        <v>717</v>
      </c>
      <c r="EG10" s="103">
        <v>1266</v>
      </c>
      <c r="EH10" s="413">
        <v>0</v>
      </c>
      <c r="EI10" s="102">
        <v>507</v>
      </c>
      <c r="EJ10" s="102">
        <v>556</v>
      </c>
      <c r="EK10" s="102">
        <v>337</v>
      </c>
      <c r="EL10" s="102">
        <v>349</v>
      </c>
      <c r="EM10" s="102">
        <v>232</v>
      </c>
      <c r="EN10" s="103">
        <v>1981</v>
      </c>
      <c r="EO10" s="104">
        <v>3247</v>
      </c>
      <c r="EP10" s="101">
        <v>998</v>
      </c>
      <c r="EQ10" s="102">
        <v>1348</v>
      </c>
      <c r="ER10" s="103">
        <v>2346</v>
      </c>
      <c r="ES10" s="413">
        <v>0</v>
      </c>
      <c r="ET10" s="102">
        <v>1186</v>
      </c>
      <c r="EU10" s="102">
        <v>1072</v>
      </c>
      <c r="EV10" s="102">
        <v>772</v>
      </c>
      <c r="EW10" s="102">
        <v>586</v>
      </c>
      <c r="EX10" s="102">
        <v>401</v>
      </c>
      <c r="EY10" s="103">
        <v>4017</v>
      </c>
      <c r="EZ10" s="104">
        <v>6363</v>
      </c>
      <c r="FA10" s="101">
        <v>854</v>
      </c>
      <c r="FB10" s="102">
        <v>1198</v>
      </c>
      <c r="FC10" s="103">
        <v>2052</v>
      </c>
      <c r="FD10" s="413">
        <v>0</v>
      </c>
      <c r="FE10" s="102">
        <v>1218</v>
      </c>
      <c r="FF10" s="102">
        <v>1222</v>
      </c>
      <c r="FG10" s="102">
        <v>873</v>
      </c>
      <c r="FH10" s="102">
        <v>840</v>
      </c>
      <c r="FI10" s="102">
        <v>455</v>
      </c>
      <c r="FJ10" s="103">
        <v>4608</v>
      </c>
      <c r="FK10" s="104">
        <v>6660</v>
      </c>
      <c r="FL10" s="101">
        <v>424</v>
      </c>
      <c r="FM10" s="102">
        <v>714</v>
      </c>
      <c r="FN10" s="103">
        <v>1138</v>
      </c>
      <c r="FO10" s="413">
        <v>0</v>
      </c>
      <c r="FP10" s="102">
        <v>954</v>
      </c>
      <c r="FQ10" s="102">
        <v>1257</v>
      </c>
      <c r="FR10" s="102">
        <v>1192</v>
      </c>
      <c r="FS10" s="102">
        <v>1194</v>
      </c>
      <c r="FT10" s="102">
        <v>644</v>
      </c>
      <c r="FU10" s="103">
        <v>5241</v>
      </c>
      <c r="FV10" s="104">
        <v>6379</v>
      </c>
      <c r="FW10" s="101">
        <v>25</v>
      </c>
      <c r="FX10" s="102">
        <v>82</v>
      </c>
      <c r="FY10" s="103">
        <v>107</v>
      </c>
      <c r="FZ10" s="413">
        <v>0</v>
      </c>
      <c r="GA10" s="102">
        <v>48</v>
      </c>
      <c r="GB10" s="102">
        <v>92</v>
      </c>
      <c r="GC10" s="102">
        <v>53</v>
      </c>
      <c r="GD10" s="102">
        <v>52</v>
      </c>
      <c r="GE10" s="102">
        <v>49</v>
      </c>
      <c r="GF10" s="103">
        <v>294</v>
      </c>
      <c r="GG10" s="104">
        <v>401</v>
      </c>
      <c r="GH10" s="101">
        <v>3120</v>
      </c>
      <c r="GI10" s="102">
        <v>4436</v>
      </c>
      <c r="GJ10" s="103">
        <v>7556</v>
      </c>
      <c r="GK10" s="413">
        <v>0</v>
      </c>
      <c r="GL10" s="102">
        <v>4140</v>
      </c>
      <c r="GM10" s="102">
        <v>4541</v>
      </c>
      <c r="GN10" s="102">
        <v>3448</v>
      </c>
      <c r="GO10" s="102">
        <v>3220</v>
      </c>
      <c r="GP10" s="102">
        <v>1937</v>
      </c>
      <c r="GQ10" s="103">
        <v>17286</v>
      </c>
      <c r="GR10" s="104">
        <v>24842</v>
      </c>
      <c r="GS10" s="105">
        <v>4758</v>
      </c>
      <c r="GT10" s="97">
        <v>6405</v>
      </c>
      <c r="GU10" s="98">
        <v>11163</v>
      </c>
      <c r="GV10" s="413">
        <v>0</v>
      </c>
      <c r="GW10" s="97">
        <v>6462</v>
      </c>
      <c r="GX10" s="97">
        <v>7173</v>
      </c>
      <c r="GY10" s="97">
        <v>5362</v>
      </c>
      <c r="GZ10" s="97">
        <v>4748</v>
      </c>
      <c r="HA10" s="97">
        <v>2743</v>
      </c>
      <c r="HB10" s="99">
        <v>26488</v>
      </c>
      <c r="HC10" s="100">
        <v>37651</v>
      </c>
      <c r="HD10" s="101">
        <v>129</v>
      </c>
      <c r="HE10" s="102">
        <v>191</v>
      </c>
      <c r="HF10" s="103">
        <v>320</v>
      </c>
      <c r="HG10" s="416">
        <v>0</v>
      </c>
      <c r="HH10" s="102">
        <v>152</v>
      </c>
      <c r="HI10" s="102">
        <v>232</v>
      </c>
      <c r="HJ10" s="102">
        <v>156</v>
      </c>
      <c r="HK10" s="102">
        <v>170</v>
      </c>
      <c r="HL10" s="102">
        <v>108</v>
      </c>
      <c r="HM10" s="103">
        <v>818</v>
      </c>
      <c r="HN10" s="104">
        <v>1138</v>
      </c>
      <c r="HO10" s="101">
        <v>364</v>
      </c>
      <c r="HP10" s="102">
        <v>526</v>
      </c>
      <c r="HQ10" s="103">
        <v>890</v>
      </c>
      <c r="HR10" s="413">
        <v>0</v>
      </c>
      <c r="HS10" s="102">
        <v>340</v>
      </c>
      <c r="HT10" s="102">
        <v>471</v>
      </c>
      <c r="HU10" s="102">
        <v>345</v>
      </c>
      <c r="HV10" s="102">
        <v>279</v>
      </c>
      <c r="HW10" s="102">
        <v>213</v>
      </c>
      <c r="HX10" s="103">
        <v>1648</v>
      </c>
      <c r="HY10" s="104">
        <v>2538</v>
      </c>
      <c r="HZ10" s="101">
        <v>804</v>
      </c>
      <c r="IA10" s="102">
        <v>1084</v>
      </c>
      <c r="IB10" s="103">
        <v>1888</v>
      </c>
      <c r="IC10" s="413">
        <v>0</v>
      </c>
      <c r="ID10" s="102">
        <v>878</v>
      </c>
      <c r="IE10" s="102">
        <v>1010</v>
      </c>
      <c r="IF10" s="102">
        <v>675</v>
      </c>
      <c r="IG10" s="102">
        <v>625</v>
      </c>
      <c r="IH10" s="102">
        <v>400</v>
      </c>
      <c r="II10" s="103">
        <v>3588</v>
      </c>
      <c r="IJ10" s="104">
        <v>5476</v>
      </c>
      <c r="IK10" s="101">
        <v>1475</v>
      </c>
      <c r="IL10" s="102">
        <v>1897</v>
      </c>
      <c r="IM10" s="103">
        <v>3372</v>
      </c>
      <c r="IN10" s="413">
        <v>0</v>
      </c>
      <c r="IO10" s="102">
        <v>1843</v>
      </c>
      <c r="IP10" s="102">
        <v>1791</v>
      </c>
      <c r="IQ10" s="102">
        <v>1247</v>
      </c>
      <c r="IR10" s="102">
        <v>975</v>
      </c>
      <c r="IS10" s="102">
        <v>621</v>
      </c>
      <c r="IT10" s="103">
        <v>6477</v>
      </c>
      <c r="IU10" s="104">
        <v>9849</v>
      </c>
      <c r="IV10" s="101">
        <v>1327</v>
      </c>
      <c r="IW10" s="102">
        <v>1726</v>
      </c>
      <c r="IX10" s="103">
        <v>3053</v>
      </c>
      <c r="IY10" s="413">
        <v>0</v>
      </c>
      <c r="IZ10" s="102">
        <v>1889</v>
      </c>
      <c r="JA10" s="102">
        <v>1919</v>
      </c>
      <c r="JB10" s="102">
        <v>1384</v>
      </c>
      <c r="JC10" s="102">
        <v>1208</v>
      </c>
      <c r="JD10" s="102">
        <v>633</v>
      </c>
      <c r="JE10" s="103">
        <v>7033</v>
      </c>
      <c r="JF10" s="104">
        <v>10086</v>
      </c>
      <c r="JG10" s="101">
        <v>659</v>
      </c>
      <c r="JH10" s="102">
        <v>981</v>
      </c>
      <c r="JI10" s="103">
        <v>1640</v>
      </c>
      <c r="JJ10" s="413">
        <v>0</v>
      </c>
      <c r="JK10" s="102">
        <v>1360</v>
      </c>
      <c r="JL10" s="102">
        <v>1750</v>
      </c>
      <c r="JM10" s="102">
        <v>1555</v>
      </c>
      <c r="JN10" s="102">
        <v>1491</v>
      </c>
      <c r="JO10" s="102">
        <v>768</v>
      </c>
      <c r="JP10" s="103">
        <v>6924</v>
      </c>
      <c r="JQ10" s="104">
        <v>8564</v>
      </c>
      <c r="JR10" s="101">
        <v>60</v>
      </c>
      <c r="JS10" s="102">
        <v>180</v>
      </c>
      <c r="JT10" s="103">
        <v>240</v>
      </c>
      <c r="JU10" s="413">
        <v>0</v>
      </c>
      <c r="JV10" s="102">
        <v>93</v>
      </c>
      <c r="JW10" s="102">
        <v>229</v>
      </c>
      <c r="JX10" s="102">
        <v>124</v>
      </c>
      <c r="JY10" s="102">
        <v>138</v>
      </c>
      <c r="JZ10" s="102">
        <v>113</v>
      </c>
      <c r="KA10" s="103">
        <v>697</v>
      </c>
      <c r="KB10" s="104">
        <v>937</v>
      </c>
      <c r="KC10" s="101">
        <v>4818</v>
      </c>
      <c r="KD10" s="102">
        <v>6585</v>
      </c>
      <c r="KE10" s="103">
        <v>11403</v>
      </c>
      <c r="KF10" s="413">
        <v>0</v>
      </c>
      <c r="KG10" s="102">
        <v>6555</v>
      </c>
      <c r="KH10" s="102">
        <v>7402</v>
      </c>
      <c r="KI10" s="102">
        <v>5486</v>
      </c>
      <c r="KJ10" s="102">
        <v>4886</v>
      </c>
      <c r="KK10" s="102">
        <v>2856</v>
      </c>
      <c r="KL10" s="103">
        <v>27185</v>
      </c>
      <c r="KM10" s="104">
        <v>38588</v>
      </c>
    </row>
    <row r="11" spans="2:299" s="70" customFormat="1" ht="21" customHeight="1" x14ac:dyDescent="0.2">
      <c r="B11" s="106" t="s">
        <v>7</v>
      </c>
      <c r="C11" s="96">
        <v>1079</v>
      </c>
      <c r="D11" s="97">
        <v>844</v>
      </c>
      <c r="E11" s="98">
        <v>1923</v>
      </c>
      <c r="F11" s="413">
        <v>0</v>
      </c>
      <c r="G11" s="97">
        <v>2399</v>
      </c>
      <c r="H11" s="97">
        <v>1482</v>
      </c>
      <c r="I11" s="97">
        <v>913</v>
      </c>
      <c r="J11" s="97">
        <v>831</v>
      </c>
      <c r="K11" s="97">
        <v>452</v>
      </c>
      <c r="L11" s="99">
        <v>6077</v>
      </c>
      <c r="M11" s="100">
        <v>8000</v>
      </c>
      <c r="N11" s="101">
        <v>46</v>
      </c>
      <c r="O11" s="102">
        <v>29</v>
      </c>
      <c r="P11" s="103">
        <v>75</v>
      </c>
      <c r="Q11" s="413">
        <v>0</v>
      </c>
      <c r="R11" s="102">
        <v>94</v>
      </c>
      <c r="S11" s="102">
        <v>64</v>
      </c>
      <c r="T11" s="102">
        <v>37</v>
      </c>
      <c r="U11" s="102">
        <v>35</v>
      </c>
      <c r="V11" s="102">
        <v>30</v>
      </c>
      <c r="W11" s="103">
        <v>260</v>
      </c>
      <c r="X11" s="104">
        <v>335</v>
      </c>
      <c r="Y11" s="101">
        <v>58</v>
      </c>
      <c r="Z11" s="102">
        <v>75</v>
      </c>
      <c r="AA11" s="103">
        <v>133</v>
      </c>
      <c r="AB11" s="413">
        <v>0</v>
      </c>
      <c r="AC11" s="102">
        <v>215</v>
      </c>
      <c r="AD11" s="102">
        <v>139</v>
      </c>
      <c r="AE11" s="102">
        <v>67</v>
      </c>
      <c r="AF11" s="102">
        <v>80</v>
      </c>
      <c r="AG11" s="102">
        <v>54</v>
      </c>
      <c r="AH11" s="103">
        <v>555</v>
      </c>
      <c r="AI11" s="104">
        <v>688</v>
      </c>
      <c r="AJ11" s="101">
        <v>160</v>
      </c>
      <c r="AK11" s="102">
        <v>123</v>
      </c>
      <c r="AL11" s="103">
        <v>283</v>
      </c>
      <c r="AM11" s="413">
        <v>0</v>
      </c>
      <c r="AN11" s="102">
        <v>385</v>
      </c>
      <c r="AO11" s="102">
        <v>240</v>
      </c>
      <c r="AP11" s="102">
        <v>146</v>
      </c>
      <c r="AQ11" s="102">
        <v>141</v>
      </c>
      <c r="AR11" s="102">
        <v>92</v>
      </c>
      <c r="AS11" s="103">
        <v>1004</v>
      </c>
      <c r="AT11" s="104">
        <v>1287</v>
      </c>
      <c r="AU11" s="101">
        <v>293</v>
      </c>
      <c r="AV11" s="102">
        <v>228</v>
      </c>
      <c r="AW11" s="103">
        <v>521</v>
      </c>
      <c r="AX11" s="413">
        <v>0</v>
      </c>
      <c r="AY11" s="102">
        <v>607</v>
      </c>
      <c r="AZ11" s="102">
        <v>372</v>
      </c>
      <c r="BA11" s="102">
        <v>226</v>
      </c>
      <c r="BB11" s="102">
        <v>195</v>
      </c>
      <c r="BC11" s="102">
        <v>113</v>
      </c>
      <c r="BD11" s="103">
        <v>1513</v>
      </c>
      <c r="BE11" s="104">
        <v>2034</v>
      </c>
      <c r="BF11" s="101">
        <v>314</v>
      </c>
      <c r="BG11" s="102">
        <v>231</v>
      </c>
      <c r="BH11" s="103">
        <v>545</v>
      </c>
      <c r="BI11" s="413">
        <v>0</v>
      </c>
      <c r="BJ11" s="102">
        <v>633</v>
      </c>
      <c r="BK11" s="102">
        <v>361</v>
      </c>
      <c r="BL11" s="102">
        <v>237</v>
      </c>
      <c r="BM11" s="102">
        <v>213</v>
      </c>
      <c r="BN11" s="102">
        <v>93</v>
      </c>
      <c r="BO11" s="103">
        <v>1537</v>
      </c>
      <c r="BP11" s="104">
        <v>2082</v>
      </c>
      <c r="BQ11" s="101">
        <v>208</v>
      </c>
      <c r="BR11" s="102">
        <v>158</v>
      </c>
      <c r="BS11" s="103">
        <v>366</v>
      </c>
      <c r="BT11" s="413">
        <v>0</v>
      </c>
      <c r="BU11" s="102">
        <v>465</v>
      </c>
      <c r="BV11" s="102">
        <v>306</v>
      </c>
      <c r="BW11" s="102">
        <v>200</v>
      </c>
      <c r="BX11" s="102">
        <v>167</v>
      </c>
      <c r="BY11" s="102">
        <v>70</v>
      </c>
      <c r="BZ11" s="103">
        <v>1208</v>
      </c>
      <c r="CA11" s="104">
        <v>1574</v>
      </c>
      <c r="CB11" s="101">
        <v>21</v>
      </c>
      <c r="CC11" s="102">
        <v>25</v>
      </c>
      <c r="CD11" s="103">
        <v>46</v>
      </c>
      <c r="CE11" s="413">
        <v>0</v>
      </c>
      <c r="CF11" s="102">
        <v>76</v>
      </c>
      <c r="CG11" s="102">
        <v>58</v>
      </c>
      <c r="CH11" s="102">
        <v>42</v>
      </c>
      <c r="CI11" s="102">
        <v>35</v>
      </c>
      <c r="CJ11" s="102">
        <v>23</v>
      </c>
      <c r="CK11" s="103">
        <v>234</v>
      </c>
      <c r="CL11" s="104">
        <v>280</v>
      </c>
      <c r="CM11" s="101">
        <v>1100</v>
      </c>
      <c r="CN11" s="102">
        <v>869</v>
      </c>
      <c r="CO11" s="103">
        <v>1969</v>
      </c>
      <c r="CP11" s="413">
        <v>0</v>
      </c>
      <c r="CQ11" s="102">
        <v>2475</v>
      </c>
      <c r="CR11" s="102">
        <v>1540</v>
      </c>
      <c r="CS11" s="102">
        <v>955</v>
      </c>
      <c r="CT11" s="102">
        <v>866</v>
      </c>
      <c r="CU11" s="102">
        <v>475</v>
      </c>
      <c r="CV11" s="103">
        <v>6311</v>
      </c>
      <c r="CW11" s="104">
        <v>8280</v>
      </c>
      <c r="CX11" s="105">
        <v>2087</v>
      </c>
      <c r="CY11" s="97">
        <v>2237</v>
      </c>
      <c r="CZ11" s="98">
        <v>4324</v>
      </c>
      <c r="DA11" s="413">
        <v>0</v>
      </c>
      <c r="DB11" s="97">
        <v>4374</v>
      </c>
      <c r="DC11" s="97">
        <v>2625</v>
      </c>
      <c r="DD11" s="97">
        <v>2021</v>
      </c>
      <c r="DE11" s="97">
        <v>2037</v>
      </c>
      <c r="DF11" s="97">
        <v>1114</v>
      </c>
      <c r="DG11" s="99">
        <v>12171</v>
      </c>
      <c r="DH11" s="100">
        <v>16495</v>
      </c>
      <c r="DI11" s="101">
        <v>38</v>
      </c>
      <c r="DJ11" s="102">
        <v>31</v>
      </c>
      <c r="DK11" s="103">
        <v>69</v>
      </c>
      <c r="DL11" s="413">
        <v>0</v>
      </c>
      <c r="DM11" s="102">
        <v>73</v>
      </c>
      <c r="DN11" s="102">
        <v>51</v>
      </c>
      <c r="DO11" s="102">
        <v>35</v>
      </c>
      <c r="DP11" s="102">
        <v>27</v>
      </c>
      <c r="DQ11" s="102">
        <v>35</v>
      </c>
      <c r="DR11" s="103">
        <v>221</v>
      </c>
      <c r="DS11" s="104">
        <v>290</v>
      </c>
      <c r="DT11" s="101">
        <v>100</v>
      </c>
      <c r="DU11" s="102">
        <v>109</v>
      </c>
      <c r="DV11" s="103">
        <v>209</v>
      </c>
      <c r="DW11" s="413">
        <v>0</v>
      </c>
      <c r="DX11" s="102">
        <v>199</v>
      </c>
      <c r="DY11" s="102">
        <v>125</v>
      </c>
      <c r="DZ11" s="102">
        <v>65</v>
      </c>
      <c r="EA11" s="102">
        <v>88</v>
      </c>
      <c r="EB11" s="102">
        <v>44</v>
      </c>
      <c r="EC11" s="103">
        <v>521</v>
      </c>
      <c r="ED11" s="104">
        <v>730</v>
      </c>
      <c r="EE11" s="101">
        <v>326</v>
      </c>
      <c r="EF11" s="102">
        <v>297</v>
      </c>
      <c r="EG11" s="103">
        <v>623</v>
      </c>
      <c r="EH11" s="413">
        <v>0</v>
      </c>
      <c r="EI11" s="102">
        <v>525</v>
      </c>
      <c r="EJ11" s="102">
        <v>274</v>
      </c>
      <c r="EK11" s="102">
        <v>180</v>
      </c>
      <c r="EL11" s="102">
        <v>192</v>
      </c>
      <c r="EM11" s="102">
        <v>117</v>
      </c>
      <c r="EN11" s="103">
        <v>1288</v>
      </c>
      <c r="EO11" s="104">
        <v>1911</v>
      </c>
      <c r="EP11" s="101">
        <v>631</v>
      </c>
      <c r="EQ11" s="102">
        <v>644</v>
      </c>
      <c r="ER11" s="103">
        <v>1275</v>
      </c>
      <c r="ES11" s="413">
        <v>0</v>
      </c>
      <c r="ET11" s="102">
        <v>1026</v>
      </c>
      <c r="EU11" s="102">
        <v>584</v>
      </c>
      <c r="EV11" s="102">
        <v>378</v>
      </c>
      <c r="EW11" s="102">
        <v>371</v>
      </c>
      <c r="EX11" s="102">
        <v>217</v>
      </c>
      <c r="EY11" s="103">
        <v>2576</v>
      </c>
      <c r="EZ11" s="104">
        <v>3851</v>
      </c>
      <c r="FA11" s="101">
        <v>654</v>
      </c>
      <c r="FB11" s="102">
        <v>681</v>
      </c>
      <c r="FC11" s="103">
        <v>1335</v>
      </c>
      <c r="FD11" s="413">
        <v>0</v>
      </c>
      <c r="FE11" s="102">
        <v>1290</v>
      </c>
      <c r="FF11" s="102">
        <v>685</v>
      </c>
      <c r="FG11" s="102">
        <v>514</v>
      </c>
      <c r="FH11" s="102">
        <v>504</v>
      </c>
      <c r="FI11" s="102">
        <v>271</v>
      </c>
      <c r="FJ11" s="103">
        <v>3264</v>
      </c>
      <c r="FK11" s="104">
        <v>4599</v>
      </c>
      <c r="FL11" s="101">
        <v>338</v>
      </c>
      <c r="FM11" s="102">
        <v>475</v>
      </c>
      <c r="FN11" s="103">
        <v>813</v>
      </c>
      <c r="FO11" s="413">
        <v>0</v>
      </c>
      <c r="FP11" s="102">
        <v>1261</v>
      </c>
      <c r="FQ11" s="102">
        <v>906</v>
      </c>
      <c r="FR11" s="102">
        <v>849</v>
      </c>
      <c r="FS11" s="102">
        <v>855</v>
      </c>
      <c r="FT11" s="102">
        <v>430</v>
      </c>
      <c r="FU11" s="103">
        <v>4301</v>
      </c>
      <c r="FV11" s="104">
        <v>5114</v>
      </c>
      <c r="FW11" s="101">
        <v>8</v>
      </c>
      <c r="FX11" s="102">
        <v>25</v>
      </c>
      <c r="FY11" s="103">
        <v>33</v>
      </c>
      <c r="FZ11" s="413">
        <v>0</v>
      </c>
      <c r="GA11" s="102">
        <v>69</v>
      </c>
      <c r="GB11" s="102">
        <v>51</v>
      </c>
      <c r="GC11" s="102">
        <v>33</v>
      </c>
      <c r="GD11" s="102">
        <v>36</v>
      </c>
      <c r="GE11" s="102">
        <v>21</v>
      </c>
      <c r="GF11" s="103">
        <v>210</v>
      </c>
      <c r="GG11" s="104">
        <v>243</v>
      </c>
      <c r="GH11" s="101">
        <v>2095</v>
      </c>
      <c r="GI11" s="102">
        <v>2262</v>
      </c>
      <c r="GJ11" s="103">
        <v>4357</v>
      </c>
      <c r="GK11" s="413">
        <v>0</v>
      </c>
      <c r="GL11" s="102">
        <v>4443</v>
      </c>
      <c r="GM11" s="102">
        <v>2676</v>
      </c>
      <c r="GN11" s="102">
        <v>2054</v>
      </c>
      <c r="GO11" s="102">
        <v>2073</v>
      </c>
      <c r="GP11" s="102">
        <v>1135</v>
      </c>
      <c r="GQ11" s="103">
        <v>12381</v>
      </c>
      <c r="GR11" s="104">
        <v>16738</v>
      </c>
      <c r="GS11" s="105">
        <v>3166</v>
      </c>
      <c r="GT11" s="97">
        <v>3081</v>
      </c>
      <c r="GU11" s="98">
        <v>6247</v>
      </c>
      <c r="GV11" s="413">
        <v>0</v>
      </c>
      <c r="GW11" s="97">
        <v>6773</v>
      </c>
      <c r="GX11" s="97">
        <v>4107</v>
      </c>
      <c r="GY11" s="97">
        <v>2934</v>
      </c>
      <c r="GZ11" s="97">
        <v>2868</v>
      </c>
      <c r="HA11" s="97">
        <v>1566</v>
      </c>
      <c r="HB11" s="99">
        <v>18248</v>
      </c>
      <c r="HC11" s="100">
        <v>24495</v>
      </c>
      <c r="HD11" s="101">
        <v>84</v>
      </c>
      <c r="HE11" s="102">
        <v>60</v>
      </c>
      <c r="HF11" s="103">
        <v>144</v>
      </c>
      <c r="HG11" s="416">
        <v>0</v>
      </c>
      <c r="HH11" s="102">
        <v>167</v>
      </c>
      <c r="HI11" s="102">
        <v>115</v>
      </c>
      <c r="HJ11" s="102">
        <v>72</v>
      </c>
      <c r="HK11" s="102">
        <v>62</v>
      </c>
      <c r="HL11" s="102">
        <v>65</v>
      </c>
      <c r="HM11" s="103">
        <v>481</v>
      </c>
      <c r="HN11" s="104">
        <v>625</v>
      </c>
      <c r="HO11" s="101">
        <v>158</v>
      </c>
      <c r="HP11" s="102">
        <v>184</v>
      </c>
      <c r="HQ11" s="103">
        <v>342</v>
      </c>
      <c r="HR11" s="413">
        <v>0</v>
      </c>
      <c r="HS11" s="102">
        <v>414</v>
      </c>
      <c r="HT11" s="102">
        <v>264</v>
      </c>
      <c r="HU11" s="102">
        <v>132</v>
      </c>
      <c r="HV11" s="102">
        <v>168</v>
      </c>
      <c r="HW11" s="102">
        <v>98</v>
      </c>
      <c r="HX11" s="103">
        <v>1076</v>
      </c>
      <c r="HY11" s="104">
        <v>1418</v>
      </c>
      <c r="HZ11" s="101">
        <v>486</v>
      </c>
      <c r="IA11" s="102">
        <v>420</v>
      </c>
      <c r="IB11" s="103">
        <v>906</v>
      </c>
      <c r="IC11" s="413">
        <v>0</v>
      </c>
      <c r="ID11" s="102">
        <v>910</v>
      </c>
      <c r="IE11" s="102">
        <v>514</v>
      </c>
      <c r="IF11" s="102">
        <v>326</v>
      </c>
      <c r="IG11" s="102">
        <v>333</v>
      </c>
      <c r="IH11" s="102">
        <v>209</v>
      </c>
      <c r="II11" s="103">
        <v>2292</v>
      </c>
      <c r="IJ11" s="104">
        <v>3198</v>
      </c>
      <c r="IK11" s="101">
        <v>924</v>
      </c>
      <c r="IL11" s="102">
        <v>872</v>
      </c>
      <c r="IM11" s="103">
        <v>1796</v>
      </c>
      <c r="IN11" s="413">
        <v>0</v>
      </c>
      <c r="IO11" s="102">
        <v>1633</v>
      </c>
      <c r="IP11" s="102">
        <v>956</v>
      </c>
      <c r="IQ11" s="102">
        <v>604</v>
      </c>
      <c r="IR11" s="102">
        <v>566</v>
      </c>
      <c r="IS11" s="102">
        <v>330</v>
      </c>
      <c r="IT11" s="103">
        <v>4089</v>
      </c>
      <c r="IU11" s="104">
        <v>5885</v>
      </c>
      <c r="IV11" s="101">
        <v>968</v>
      </c>
      <c r="IW11" s="102">
        <v>912</v>
      </c>
      <c r="IX11" s="103">
        <v>1880</v>
      </c>
      <c r="IY11" s="413">
        <v>0</v>
      </c>
      <c r="IZ11" s="102">
        <v>1923</v>
      </c>
      <c r="JA11" s="102">
        <v>1046</v>
      </c>
      <c r="JB11" s="102">
        <v>751</v>
      </c>
      <c r="JC11" s="102">
        <v>717</v>
      </c>
      <c r="JD11" s="102">
        <v>364</v>
      </c>
      <c r="JE11" s="103">
        <v>4801</v>
      </c>
      <c r="JF11" s="104">
        <v>6681</v>
      </c>
      <c r="JG11" s="101">
        <v>546</v>
      </c>
      <c r="JH11" s="102">
        <v>633</v>
      </c>
      <c r="JI11" s="103">
        <v>1179</v>
      </c>
      <c r="JJ11" s="413">
        <v>0</v>
      </c>
      <c r="JK11" s="102">
        <v>1726</v>
      </c>
      <c r="JL11" s="102">
        <v>1212</v>
      </c>
      <c r="JM11" s="102">
        <v>1049</v>
      </c>
      <c r="JN11" s="102">
        <v>1022</v>
      </c>
      <c r="JO11" s="102">
        <v>500</v>
      </c>
      <c r="JP11" s="103">
        <v>5509</v>
      </c>
      <c r="JQ11" s="104">
        <v>6688</v>
      </c>
      <c r="JR11" s="101">
        <v>29</v>
      </c>
      <c r="JS11" s="102">
        <v>50</v>
      </c>
      <c r="JT11" s="103">
        <v>79</v>
      </c>
      <c r="JU11" s="413">
        <v>0</v>
      </c>
      <c r="JV11" s="102">
        <v>145</v>
      </c>
      <c r="JW11" s="102">
        <v>109</v>
      </c>
      <c r="JX11" s="102">
        <v>75</v>
      </c>
      <c r="JY11" s="102">
        <v>71</v>
      </c>
      <c r="JZ11" s="102">
        <v>44</v>
      </c>
      <c r="KA11" s="103">
        <v>444</v>
      </c>
      <c r="KB11" s="104">
        <v>523</v>
      </c>
      <c r="KC11" s="101">
        <v>3195</v>
      </c>
      <c r="KD11" s="102">
        <v>3131</v>
      </c>
      <c r="KE11" s="103">
        <v>6326</v>
      </c>
      <c r="KF11" s="413">
        <v>0</v>
      </c>
      <c r="KG11" s="102">
        <v>6918</v>
      </c>
      <c r="KH11" s="102">
        <v>4216</v>
      </c>
      <c r="KI11" s="102">
        <v>3009</v>
      </c>
      <c r="KJ11" s="102">
        <v>2939</v>
      </c>
      <c r="KK11" s="102">
        <v>1610</v>
      </c>
      <c r="KL11" s="103">
        <v>18692</v>
      </c>
      <c r="KM11" s="104">
        <v>25018</v>
      </c>
    </row>
    <row r="12" spans="2:299" s="70" customFormat="1" ht="21" customHeight="1" x14ac:dyDescent="0.2">
      <c r="B12" s="106" t="s">
        <v>8</v>
      </c>
      <c r="C12" s="96">
        <v>555</v>
      </c>
      <c r="D12" s="97">
        <v>410</v>
      </c>
      <c r="E12" s="98">
        <v>965</v>
      </c>
      <c r="F12" s="413">
        <v>0</v>
      </c>
      <c r="G12" s="97">
        <v>1030</v>
      </c>
      <c r="H12" s="97">
        <v>946</v>
      </c>
      <c r="I12" s="97">
        <v>664</v>
      </c>
      <c r="J12" s="97">
        <v>534</v>
      </c>
      <c r="K12" s="97">
        <v>282</v>
      </c>
      <c r="L12" s="99">
        <v>3456</v>
      </c>
      <c r="M12" s="100">
        <v>4421</v>
      </c>
      <c r="N12" s="101">
        <v>15</v>
      </c>
      <c r="O12" s="102">
        <v>26</v>
      </c>
      <c r="P12" s="103">
        <v>41</v>
      </c>
      <c r="Q12" s="413">
        <v>0</v>
      </c>
      <c r="R12" s="102">
        <v>42</v>
      </c>
      <c r="S12" s="102">
        <v>49</v>
      </c>
      <c r="T12" s="102">
        <v>35</v>
      </c>
      <c r="U12" s="102">
        <v>33</v>
      </c>
      <c r="V12" s="102">
        <v>25</v>
      </c>
      <c r="W12" s="103">
        <v>184</v>
      </c>
      <c r="X12" s="104">
        <v>225</v>
      </c>
      <c r="Y12" s="101">
        <v>45</v>
      </c>
      <c r="Z12" s="102">
        <v>46</v>
      </c>
      <c r="AA12" s="103">
        <v>91</v>
      </c>
      <c r="AB12" s="413">
        <v>0</v>
      </c>
      <c r="AC12" s="102">
        <v>100</v>
      </c>
      <c r="AD12" s="102">
        <v>97</v>
      </c>
      <c r="AE12" s="102">
        <v>52</v>
      </c>
      <c r="AF12" s="102">
        <v>62</v>
      </c>
      <c r="AG12" s="102">
        <v>45</v>
      </c>
      <c r="AH12" s="103">
        <v>356</v>
      </c>
      <c r="AI12" s="104">
        <v>447</v>
      </c>
      <c r="AJ12" s="101">
        <v>102</v>
      </c>
      <c r="AK12" s="102">
        <v>76</v>
      </c>
      <c r="AL12" s="103">
        <v>178</v>
      </c>
      <c r="AM12" s="413">
        <v>0</v>
      </c>
      <c r="AN12" s="102">
        <v>177</v>
      </c>
      <c r="AO12" s="102">
        <v>172</v>
      </c>
      <c r="AP12" s="102">
        <v>122</v>
      </c>
      <c r="AQ12" s="102">
        <v>98</v>
      </c>
      <c r="AR12" s="102">
        <v>51</v>
      </c>
      <c r="AS12" s="103">
        <v>620</v>
      </c>
      <c r="AT12" s="104">
        <v>798</v>
      </c>
      <c r="AU12" s="101">
        <v>152</v>
      </c>
      <c r="AV12" s="102">
        <v>88</v>
      </c>
      <c r="AW12" s="103">
        <v>240</v>
      </c>
      <c r="AX12" s="413">
        <v>0</v>
      </c>
      <c r="AY12" s="102">
        <v>289</v>
      </c>
      <c r="AZ12" s="102">
        <v>247</v>
      </c>
      <c r="BA12" s="102">
        <v>143</v>
      </c>
      <c r="BB12" s="102">
        <v>124</v>
      </c>
      <c r="BC12" s="102">
        <v>59</v>
      </c>
      <c r="BD12" s="103">
        <v>862</v>
      </c>
      <c r="BE12" s="104">
        <v>1102</v>
      </c>
      <c r="BF12" s="101">
        <v>152</v>
      </c>
      <c r="BG12" s="102">
        <v>108</v>
      </c>
      <c r="BH12" s="103">
        <v>260</v>
      </c>
      <c r="BI12" s="413">
        <v>0</v>
      </c>
      <c r="BJ12" s="102">
        <v>243</v>
      </c>
      <c r="BK12" s="102">
        <v>205</v>
      </c>
      <c r="BL12" s="102">
        <v>184</v>
      </c>
      <c r="BM12" s="102">
        <v>113</v>
      </c>
      <c r="BN12" s="102">
        <v>61</v>
      </c>
      <c r="BO12" s="103">
        <v>806</v>
      </c>
      <c r="BP12" s="104">
        <v>1066</v>
      </c>
      <c r="BQ12" s="101">
        <v>89</v>
      </c>
      <c r="BR12" s="102">
        <v>66</v>
      </c>
      <c r="BS12" s="103">
        <v>155</v>
      </c>
      <c r="BT12" s="413">
        <v>0</v>
      </c>
      <c r="BU12" s="102">
        <v>179</v>
      </c>
      <c r="BV12" s="102">
        <v>176</v>
      </c>
      <c r="BW12" s="102">
        <v>128</v>
      </c>
      <c r="BX12" s="102">
        <v>104</v>
      </c>
      <c r="BY12" s="102">
        <v>41</v>
      </c>
      <c r="BZ12" s="103">
        <v>628</v>
      </c>
      <c r="CA12" s="104">
        <v>783</v>
      </c>
      <c r="CB12" s="101">
        <v>18</v>
      </c>
      <c r="CC12" s="102">
        <v>19</v>
      </c>
      <c r="CD12" s="103">
        <v>37</v>
      </c>
      <c r="CE12" s="413">
        <v>0</v>
      </c>
      <c r="CF12" s="102">
        <v>33</v>
      </c>
      <c r="CG12" s="102">
        <v>54</v>
      </c>
      <c r="CH12" s="102">
        <v>26</v>
      </c>
      <c r="CI12" s="102">
        <v>17</v>
      </c>
      <c r="CJ12" s="102">
        <v>18</v>
      </c>
      <c r="CK12" s="103">
        <v>148</v>
      </c>
      <c r="CL12" s="104">
        <v>185</v>
      </c>
      <c r="CM12" s="101">
        <v>573</v>
      </c>
      <c r="CN12" s="102">
        <v>429</v>
      </c>
      <c r="CO12" s="103">
        <v>1002</v>
      </c>
      <c r="CP12" s="413">
        <v>0</v>
      </c>
      <c r="CQ12" s="102">
        <v>1063</v>
      </c>
      <c r="CR12" s="102">
        <v>1000</v>
      </c>
      <c r="CS12" s="102">
        <v>690</v>
      </c>
      <c r="CT12" s="102">
        <v>551</v>
      </c>
      <c r="CU12" s="102">
        <v>300</v>
      </c>
      <c r="CV12" s="103">
        <v>3604</v>
      </c>
      <c r="CW12" s="104">
        <v>4606</v>
      </c>
      <c r="CX12" s="105">
        <v>1198</v>
      </c>
      <c r="CY12" s="97">
        <v>1034</v>
      </c>
      <c r="CZ12" s="98">
        <v>2232</v>
      </c>
      <c r="DA12" s="413">
        <v>0</v>
      </c>
      <c r="DB12" s="97">
        <v>1897</v>
      </c>
      <c r="DC12" s="97">
        <v>1621</v>
      </c>
      <c r="DD12" s="97">
        <v>1297</v>
      </c>
      <c r="DE12" s="97">
        <v>1159</v>
      </c>
      <c r="DF12" s="97">
        <v>747</v>
      </c>
      <c r="DG12" s="99">
        <v>6721</v>
      </c>
      <c r="DH12" s="100">
        <v>8953</v>
      </c>
      <c r="DI12" s="101">
        <v>25</v>
      </c>
      <c r="DJ12" s="102">
        <v>27</v>
      </c>
      <c r="DK12" s="103">
        <v>52</v>
      </c>
      <c r="DL12" s="413">
        <v>0</v>
      </c>
      <c r="DM12" s="102">
        <v>38</v>
      </c>
      <c r="DN12" s="102">
        <v>34</v>
      </c>
      <c r="DO12" s="102">
        <v>18</v>
      </c>
      <c r="DP12" s="102">
        <v>25</v>
      </c>
      <c r="DQ12" s="102">
        <v>20</v>
      </c>
      <c r="DR12" s="103">
        <v>135</v>
      </c>
      <c r="DS12" s="104">
        <v>187</v>
      </c>
      <c r="DT12" s="101">
        <v>78</v>
      </c>
      <c r="DU12" s="102">
        <v>58</v>
      </c>
      <c r="DV12" s="103">
        <v>136</v>
      </c>
      <c r="DW12" s="413">
        <v>0</v>
      </c>
      <c r="DX12" s="102">
        <v>106</v>
      </c>
      <c r="DY12" s="102">
        <v>82</v>
      </c>
      <c r="DZ12" s="102">
        <v>42</v>
      </c>
      <c r="EA12" s="102">
        <v>51</v>
      </c>
      <c r="EB12" s="102">
        <v>46</v>
      </c>
      <c r="EC12" s="103">
        <v>327</v>
      </c>
      <c r="ED12" s="104">
        <v>463</v>
      </c>
      <c r="EE12" s="101">
        <v>177</v>
      </c>
      <c r="EF12" s="102">
        <v>156</v>
      </c>
      <c r="EG12" s="103">
        <v>333</v>
      </c>
      <c r="EH12" s="413">
        <v>0</v>
      </c>
      <c r="EI12" s="102">
        <v>232</v>
      </c>
      <c r="EJ12" s="102">
        <v>162</v>
      </c>
      <c r="EK12" s="102">
        <v>118</v>
      </c>
      <c r="EL12" s="102">
        <v>111</v>
      </c>
      <c r="EM12" s="102">
        <v>80</v>
      </c>
      <c r="EN12" s="103">
        <v>703</v>
      </c>
      <c r="EO12" s="104">
        <v>1036</v>
      </c>
      <c r="EP12" s="101">
        <v>375</v>
      </c>
      <c r="EQ12" s="102">
        <v>288</v>
      </c>
      <c r="ER12" s="103">
        <v>663</v>
      </c>
      <c r="ES12" s="413">
        <v>0</v>
      </c>
      <c r="ET12" s="102">
        <v>490</v>
      </c>
      <c r="EU12" s="102">
        <v>343</v>
      </c>
      <c r="EV12" s="102">
        <v>259</v>
      </c>
      <c r="EW12" s="102">
        <v>216</v>
      </c>
      <c r="EX12" s="102">
        <v>139</v>
      </c>
      <c r="EY12" s="103">
        <v>1447</v>
      </c>
      <c r="EZ12" s="104">
        <v>2110</v>
      </c>
      <c r="FA12" s="101">
        <v>361</v>
      </c>
      <c r="FB12" s="102">
        <v>300</v>
      </c>
      <c r="FC12" s="103">
        <v>661</v>
      </c>
      <c r="FD12" s="413">
        <v>0</v>
      </c>
      <c r="FE12" s="102">
        <v>538</v>
      </c>
      <c r="FF12" s="102">
        <v>449</v>
      </c>
      <c r="FG12" s="102">
        <v>348</v>
      </c>
      <c r="FH12" s="102">
        <v>288</v>
      </c>
      <c r="FI12" s="102">
        <v>194</v>
      </c>
      <c r="FJ12" s="103">
        <v>1817</v>
      </c>
      <c r="FK12" s="104">
        <v>2478</v>
      </c>
      <c r="FL12" s="101">
        <v>182</v>
      </c>
      <c r="FM12" s="102">
        <v>205</v>
      </c>
      <c r="FN12" s="103">
        <v>387</v>
      </c>
      <c r="FO12" s="413">
        <v>0</v>
      </c>
      <c r="FP12" s="102">
        <v>493</v>
      </c>
      <c r="FQ12" s="102">
        <v>551</v>
      </c>
      <c r="FR12" s="102">
        <v>512</v>
      </c>
      <c r="FS12" s="102">
        <v>468</v>
      </c>
      <c r="FT12" s="102">
        <v>268</v>
      </c>
      <c r="FU12" s="103">
        <v>2292</v>
      </c>
      <c r="FV12" s="104">
        <v>2679</v>
      </c>
      <c r="FW12" s="101">
        <v>7</v>
      </c>
      <c r="FX12" s="102">
        <v>19</v>
      </c>
      <c r="FY12" s="103">
        <v>26</v>
      </c>
      <c r="FZ12" s="413">
        <v>0</v>
      </c>
      <c r="GA12" s="102">
        <v>27</v>
      </c>
      <c r="GB12" s="102">
        <v>40</v>
      </c>
      <c r="GC12" s="102">
        <v>19</v>
      </c>
      <c r="GD12" s="102">
        <v>17</v>
      </c>
      <c r="GE12" s="102">
        <v>11</v>
      </c>
      <c r="GF12" s="103">
        <v>114</v>
      </c>
      <c r="GG12" s="104">
        <v>140</v>
      </c>
      <c r="GH12" s="101">
        <v>1205</v>
      </c>
      <c r="GI12" s="102">
        <v>1053</v>
      </c>
      <c r="GJ12" s="103">
        <v>2258</v>
      </c>
      <c r="GK12" s="413">
        <v>0</v>
      </c>
      <c r="GL12" s="102">
        <v>1924</v>
      </c>
      <c r="GM12" s="102">
        <v>1661</v>
      </c>
      <c r="GN12" s="102">
        <v>1316</v>
      </c>
      <c r="GO12" s="102">
        <v>1176</v>
      </c>
      <c r="GP12" s="102">
        <v>758</v>
      </c>
      <c r="GQ12" s="103">
        <v>6835</v>
      </c>
      <c r="GR12" s="104">
        <v>9093</v>
      </c>
      <c r="GS12" s="105">
        <v>1753</v>
      </c>
      <c r="GT12" s="97">
        <v>1444</v>
      </c>
      <c r="GU12" s="98">
        <v>3197</v>
      </c>
      <c r="GV12" s="413">
        <v>0</v>
      </c>
      <c r="GW12" s="97">
        <v>2927</v>
      </c>
      <c r="GX12" s="97">
        <v>2567</v>
      </c>
      <c r="GY12" s="97">
        <v>1961</v>
      </c>
      <c r="GZ12" s="97">
        <v>1693</v>
      </c>
      <c r="HA12" s="97">
        <v>1029</v>
      </c>
      <c r="HB12" s="99">
        <v>10177</v>
      </c>
      <c r="HC12" s="100">
        <v>13374</v>
      </c>
      <c r="HD12" s="101">
        <v>40</v>
      </c>
      <c r="HE12" s="102">
        <v>53</v>
      </c>
      <c r="HF12" s="103">
        <v>93</v>
      </c>
      <c r="HG12" s="416">
        <v>0</v>
      </c>
      <c r="HH12" s="102">
        <v>80</v>
      </c>
      <c r="HI12" s="102">
        <v>83</v>
      </c>
      <c r="HJ12" s="102">
        <v>53</v>
      </c>
      <c r="HK12" s="102">
        <v>58</v>
      </c>
      <c r="HL12" s="102">
        <v>45</v>
      </c>
      <c r="HM12" s="103">
        <v>319</v>
      </c>
      <c r="HN12" s="104">
        <v>412</v>
      </c>
      <c r="HO12" s="101">
        <v>123</v>
      </c>
      <c r="HP12" s="102">
        <v>104</v>
      </c>
      <c r="HQ12" s="103">
        <v>227</v>
      </c>
      <c r="HR12" s="413">
        <v>0</v>
      </c>
      <c r="HS12" s="102">
        <v>206</v>
      </c>
      <c r="HT12" s="102">
        <v>179</v>
      </c>
      <c r="HU12" s="102">
        <v>94</v>
      </c>
      <c r="HV12" s="102">
        <v>113</v>
      </c>
      <c r="HW12" s="102">
        <v>91</v>
      </c>
      <c r="HX12" s="103">
        <v>683</v>
      </c>
      <c r="HY12" s="104">
        <v>910</v>
      </c>
      <c r="HZ12" s="101">
        <v>279</v>
      </c>
      <c r="IA12" s="102">
        <v>232</v>
      </c>
      <c r="IB12" s="103">
        <v>511</v>
      </c>
      <c r="IC12" s="413">
        <v>0</v>
      </c>
      <c r="ID12" s="102">
        <v>409</v>
      </c>
      <c r="IE12" s="102">
        <v>334</v>
      </c>
      <c r="IF12" s="102">
        <v>240</v>
      </c>
      <c r="IG12" s="102">
        <v>209</v>
      </c>
      <c r="IH12" s="102">
        <v>131</v>
      </c>
      <c r="II12" s="103">
        <v>1323</v>
      </c>
      <c r="IJ12" s="104">
        <v>1834</v>
      </c>
      <c r="IK12" s="101">
        <v>527</v>
      </c>
      <c r="IL12" s="102">
        <v>376</v>
      </c>
      <c r="IM12" s="103">
        <v>903</v>
      </c>
      <c r="IN12" s="413">
        <v>0</v>
      </c>
      <c r="IO12" s="102">
        <v>779</v>
      </c>
      <c r="IP12" s="102">
        <v>590</v>
      </c>
      <c r="IQ12" s="102">
        <v>402</v>
      </c>
      <c r="IR12" s="102">
        <v>340</v>
      </c>
      <c r="IS12" s="102">
        <v>198</v>
      </c>
      <c r="IT12" s="103">
        <v>2309</v>
      </c>
      <c r="IU12" s="104">
        <v>3212</v>
      </c>
      <c r="IV12" s="101">
        <v>513</v>
      </c>
      <c r="IW12" s="102">
        <v>408</v>
      </c>
      <c r="IX12" s="103">
        <v>921</v>
      </c>
      <c r="IY12" s="413">
        <v>0</v>
      </c>
      <c r="IZ12" s="102">
        <v>781</v>
      </c>
      <c r="JA12" s="102">
        <v>654</v>
      </c>
      <c r="JB12" s="102">
        <v>532</v>
      </c>
      <c r="JC12" s="102">
        <v>401</v>
      </c>
      <c r="JD12" s="102">
        <v>255</v>
      </c>
      <c r="JE12" s="103">
        <v>2623</v>
      </c>
      <c r="JF12" s="104">
        <v>3544</v>
      </c>
      <c r="JG12" s="101">
        <v>271</v>
      </c>
      <c r="JH12" s="102">
        <v>271</v>
      </c>
      <c r="JI12" s="103">
        <v>542</v>
      </c>
      <c r="JJ12" s="413">
        <v>0</v>
      </c>
      <c r="JK12" s="102">
        <v>672</v>
      </c>
      <c r="JL12" s="102">
        <v>727</v>
      </c>
      <c r="JM12" s="102">
        <v>640</v>
      </c>
      <c r="JN12" s="102">
        <v>572</v>
      </c>
      <c r="JO12" s="102">
        <v>309</v>
      </c>
      <c r="JP12" s="103">
        <v>2920</v>
      </c>
      <c r="JQ12" s="104">
        <v>3462</v>
      </c>
      <c r="JR12" s="101">
        <v>25</v>
      </c>
      <c r="JS12" s="102">
        <v>38</v>
      </c>
      <c r="JT12" s="103">
        <v>63</v>
      </c>
      <c r="JU12" s="413">
        <v>0</v>
      </c>
      <c r="JV12" s="102">
        <v>60</v>
      </c>
      <c r="JW12" s="102">
        <v>94</v>
      </c>
      <c r="JX12" s="102">
        <v>45</v>
      </c>
      <c r="JY12" s="102">
        <v>34</v>
      </c>
      <c r="JZ12" s="102">
        <v>29</v>
      </c>
      <c r="KA12" s="103">
        <v>262</v>
      </c>
      <c r="KB12" s="104">
        <v>325</v>
      </c>
      <c r="KC12" s="101">
        <v>1778</v>
      </c>
      <c r="KD12" s="102">
        <v>1482</v>
      </c>
      <c r="KE12" s="103">
        <v>3260</v>
      </c>
      <c r="KF12" s="413">
        <v>0</v>
      </c>
      <c r="KG12" s="102">
        <v>2987</v>
      </c>
      <c r="KH12" s="102">
        <v>2661</v>
      </c>
      <c r="KI12" s="102">
        <v>2006</v>
      </c>
      <c r="KJ12" s="102">
        <v>1727</v>
      </c>
      <c r="KK12" s="102">
        <v>1058</v>
      </c>
      <c r="KL12" s="103">
        <v>10439</v>
      </c>
      <c r="KM12" s="104">
        <v>13699</v>
      </c>
    </row>
    <row r="13" spans="2:299" s="70" customFormat="1" ht="21" customHeight="1" x14ac:dyDescent="0.2">
      <c r="B13" s="106" t="s">
        <v>9</v>
      </c>
      <c r="C13" s="96">
        <v>750</v>
      </c>
      <c r="D13" s="97">
        <v>410</v>
      </c>
      <c r="E13" s="98">
        <v>1160</v>
      </c>
      <c r="F13" s="413">
        <v>0</v>
      </c>
      <c r="G13" s="97">
        <v>897</v>
      </c>
      <c r="H13" s="97">
        <v>577</v>
      </c>
      <c r="I13" s="97">
        <v>457</v>
      </c>
      <c r="J13" s="97">
        <v>407</v>
      </c>
      <c r="K13" s="97">
        <v>225</v>
      </c>
      <c r="L13" s="99">
        <v>2563</v>
      </c>
      <c r="M13" s="100">
        <v>3723</v>
      </c>
      <c r="N13" s="101">
        <v>23</v>
      </c>
      <c r="O13" s="102">
        <v>14</v>
      </c>
      <c r="P13" s="103">
        <v>37</v>
      </c>
      <c r="Q13" s="413">
        <v>0</v>
      </c>
      <c r="R13" s="102">
        <v>23</v>
      </c>
      <c r="S13" s="102">
        <v>23</v>
      </c>
      <c r="T13" s="102">
        <v>12</v>
      </c>
      <c r="U13" s="102">
        <v>14</v>
      </c>
      <c r="V13" s="102">
        <v>9</v>
      </c>
      <c r="W13" s="103">
        <v>81</v>
      </c>
      <c r="X13" s="104">
        <v>118</v>
      </c>
      <c r="Y13" s="101">
        <v>46</v>
      </c>
      <c r="Z13" s="102">
        <v>26</v>
      </c>
      <c r="AA13" s="103">
        <v>72</v>
      </c>
      <c r="AB13" s="413">
        <v>0</v>
      </c>
      <c r="AC13" s="102">
        <v>46</v>
      </c>
      <c r="AD13" s="102">
        <v>38</v>
      </c>
      <c r="AE13" s="102">
        <v>25</v>
      </c>
      <c r="AF13" s="102">
        <v>23</v>
      </c>
      <c r="AG13" s="102">
        <v>17</v>
      </c>
      <c r="AH13" s="103">
        <v>149</v>
      </c>
      <c r="AI13" s="104">
        <v>221</v>
      </c>
      <c r="AJ13" s="101">
        <v>87</v>
      </c>
      <c r="AK13" s="102">
        <v>52</v>
      </c>
      <c r="AL13" s="103">
        <v>139</v>
      </c>
      <c r="AM13" s="413">
        <v>0</v>
      </c>
      <c r="AN13" s="102">
        <v>103</v>
      </c>
      <c r="AO13" s="102">
        <v>81</v>
      </c>
      <c r="AP13" s="102">
        <v>68</v>
      </c>
      <c r="AQ13" s="102">
        <v>53</v>
      </c>
      <c r="AR13" s="102">
        <v>29</v>
      </c>
      <c r="AS13" s="103">
        <v>334</v>
      </c>
      <c r="AT13" s="104">
        <v>473</v>
      </c>
      <c r="AU13" s="101">
        <v>191</v>
      </c>
      <c r="AV13" s="102">
        <v>94</v>
      </c>
      <c r="AW13" s="103">
        <v>285</v>
      </c>
      <c r="AX13" s="413">
        <v>0</v>
      </c>
      <c r="AY13" s="102">
        <v>214</v>
      </c>
      <c r="AZ13" s="102">
        <v>119</v>
      </c>
      <c r="BA13" s="102">
        <v>87</v>
      </c>
      <c r="BB13" s="102">
        <v>76</v>
      </c>
      <c r="BC13" s="102">
        <v>54</v>
      </c>
      <c r="BD13" s="103">
        <v>550</v>
      </c>
      <c r="BE13" s="104">
        <v>835</v>
      </c>
      <c r="BF13" s="101">
        <v>241</v>
      </c>
      <c r="BG13" s="102">
        <v>125</v>
      </c>
      <c r="BH13" s="103">
        <v>366</v>
      </c>
      <c r="BI13" s="413">
        <v>0</v>
      </c>
      <c r="BJ13" s="102">
        <v>274</v>
      </c>
      <c r="BK13" s="102">
        <v>139</v>
      </c>
      <c r="BL13" s="102">
        <v>115</v>
      </c>
      <c r="BM13" s="102">
        <v>96</v>
      </c>
      <c r="BN13" s="102">
        <v>62</v>
      </c>
      <c r="BO13" s="103">
        <v>686</v>
      </c>
      <c r="BP13" s="104">
        <v>1052</v>
      </c>
      <c r="BQ13" s="101">
        <v>162</v>
      </c>
      <c r="BR13" s="102">
        <v>99</v>
      </c>
      <c r="BS13" s="103">
        <v>261</v>
      </c>
      <c r="BT13" s="413">
        <v>0</v>
      </c>
      <c r="BU13" s="102">
        <v>237</v>
      </c>
      <c r="BV13" s="102">
        <v>177</v>
      </c>
      <c r="BW13" s="102">
        <v>150</v>
      </c>
      <c r="BX13" s="102">
        <v>145</v>
      </c>
      <c r="BY13" s="102">
        <v>54</v>
      </c>
      <c r="BZ13" s="103">
        <v>763</v>
      </c>
      <c r="CA13" s="104">
        <v>1024</v>
      </c>
      <c r="CB13" s="101">
        <v>4</v>
      </c>
      <c r="CC13" s="102">
        <v>16</v>
      </c>
      <c r="CD13" s="103">
        <v>20</v>
      </c>
      <c r="CE13" s="413">
        <v>0</v>
      </c>
      <c r="CF13" s="102">
        <v>23</v>
      </c>
      <c r="CG13" s="102">
        <v>28</v>
      </c>
      <c r="CH13" s="102">
        <v>16</v>
      </c>
      <c r="CI13" s="102">
        <v>17</v>
      </c>
      <c r="CJ13" s="102">
        <v>9</v>
      </c>
      <c r="CK13" s="103">
        <v>93</v>
      </c>
      <c r="CL13" s="104">
        <v>113</v>
      </c>
      <c r="CM13" s="101">
        <v>754</v>
      </c>
      <c r="CN13" s="102">
        <v>426</v>
      </c>
      <c r="CO13" s="103">
        <v>1180</v>
      </c>
      <c r="CP13" s="413">
        <v>0</v>
      </c>
      <c r="CQ13" s="102">
        <v>920</v>
      </c>
      <c r="CR13" s="102">
        <v>605</v>
      </c>
      <c r="CS13" s="102">
        <v>473</v>
      </c>
      <c r="CT13" s="102">
        <v>424</v>
      </c>
      <c r="CU13" s="102">
        <v>234</v>
      </c>
      <c r="CV13" s="103">
        <v>2656</v>
      </c>
      <c r="CW13" s="104">
        <v>3836</v>
      </c>
      <c r="CX13" s="105">
        <v>1551</v>
      </c>
      <c r="CY13" s="97">
        <v>1060</v>
      </c>
      <c r="CZ13" s="98">
        <v>2611</v>
      </c>
      <c r="DA13" s="413">
        <v>0</v>
      </c>
      <c r="DB13" s="97">
        <v>1765</v>
      </c>
      <c r="DC13" s="97">
        <v>1171</v>
      </c>
      <c r="DD13" s="97">
        <v>1016</v>
      </c>
      <c r="DE13" s="97">
        <v>1042</v>
      </c>
      <c r="DF13" s="97">
        <v>739</v>
      </c>
      <c r="DG13" s="99">
        <v>5733</v>
      </c>
      <c r="DH13" s="100">
        <v>8344</v>
      </c>
      <c r="DI13" s="101">
        <v>28</v>
      </c>
      <c r="DJ13" s="102">
        <v>28</v>
      </c>
      <c r="DK13" s="103">
        <v>56</v>
      </c>
      <c r="DL13" s="413">
        <v>0</v>
      </c>
      <c r="DM13" s="102">
        <v>14</v>
      </c>
      <c r="DN13" s="102">
        <v>14</v>
      </c>
      <c r="DO13" s="102">
        <v>15</v>
      </c>
      <c r="DP13" s="102">
        <v>10</v>
      </c>
      <c r="DQ13" s="102">
        <v>12</v>
      </c>
      <c r="DR13" s="103">
        <v>65</v>
      </c>
      <c r="DS13" s="104">
        <v>121</v>
      </c>
      <c r="DT13" s="101">
        <v>64</v>
      </c>
      <c r="DU13" s="102">
        <v>56</v>
      </c>
      <c r="DV13" s="103">
        <v>120</v>
      </c>
      <c r="DW13" s="413">
        <v>0</v>
      </c>
      <c r="DX13" s="102">
        <v>52</v>
      </c>
      <c r="DY13" s="102">
        <v>28</v>
      </c>
      <c r="DZ13" s="102">
        <v>31</v>
      </c>
      <c r="EA13" s="102">
        <v>18</v>
      </c>
      <c r="EB13" s="102">
        <v>31</v>
      </c>
      <c r="EC13" s="103">
        <v>160</v>
      </c>
      <c r="ED13" s="104">
        <v>280</v>
      </c>
      <c r="EE13" s="101">
        <v>213</v>
      </c>
      <c r="EF13" s="102">
        <v>131</v>
      </c>
      <c r="EG13" s="103">
        <v>344</v>
      </c>
      <c r="EH13" s="413">
        <v>0</v>
      </c>
      <c r="EI13" s="102">
        <v>189</v>
      </c>
      <c r="EJ13" s="102">
        <v>107</v>
      </c>
      <c r="EK13" s="102">
        <v>70</v>
      </c>
      <c r="EL13" s="102">
        <v>60</v>
      </c>
      <c r="EM13" s="102">
        <v>55</v>
      </c>
      <c r="EN13" s="103">
        <v>481</v>
      </c>
      <c r="EO13" s="104">
        <v>825</v>
      </c>
      <c r="EP13" s="101">
        <v>459</v>
      </c>
      <c r="EQ13" s="102">
        <v>270</v>
      </c>
      <c r="ER13" s="103">
        <v>729</v>
      </c>
      <c r="ES13" s="413">
        <v>0</v>
      </c>
      <c r="ET13" s="102">
        <v>412</v>
      </c>
      <c r="EU13" s="102">
        <v>186</v>
      </c>
      <c r="EV13" s="102">
        <v>172</v>
      </c>
      <c r="EW13" s="102">
        <v>150</v>
      </c>
      <c r="EX13" s="102">
        <v>111</v>
      </c>
      <c r="EY13" s="103">
        <v>1031</v>
      </c>
      <c r="EZ13" s="104">
        <v>1760</v>
      </c>
      <c r="FA13" s="101">
        <v>501</v>
      </c>
      <c r="FB13" s="102">
        <v>314</v>
      </c>
      <c r="FC13" s="103">
        <v>815</v>
      </c>
      <c r="FD13" s="413">
        <v>0</v>
      </c>
      <c r="FE13" s="102">
        <v>515</v>
      </c>
      <c r="FF13" s="102">
        <v>310</v>
      </c>
      <c r="FG13" s="102">
        <v>251</v>
      </c>
      <c r="FH13" s="102">
        <v>264</v>
      </c>
      <c r="FI13" s="102">
        <v>168</v>
      </c>
      <c r="FJ13" s="103">
        <v>1508</v>
      </c>
      <c r="FK13" s="104">
        <v>2323</v>
      </c>
      <c r="FL13" s="101">
        <v>286</v>
      </c>
      <c r="FM13" s="102">
        <v>261</v>
      </c>
      <c r="FN13" s="103">
        <v>547</v>
      </c>
      <c r="FO13" s="413">
        <v>0</v>
      </c>
      <c r="FP13" s="102">
        <v>583</v>
      </c>
      <c r="FQ13" s="102">
        <v>526</v>
      </c>
      <c r="FR13" s="102">
        <v>477</v>
      </c>
      <c r="FS13" s="102">
        <v>540</v>
      </c>
      <c r="FT13" s="102">
        <v>362</v>
      </c>
      <c r="FU13" s="103">
        <v>2488</v>
      </c>
      <c r="FV13" s="104">
        <v>3035</v>
      </c>
      <c r="FW13" s="101">
        <v>6</v>
      </c>
      <c r="FX13" s="102">
        <v>14</v>
      </c>
      <c r="FY13" s="103">
        <v>20</v>
      </c>
      <c r="FZ13" s="413">
        <v>0</v>
      </c>
      <c r="GA13" s="102">
        <v>16</v>
      </c>
      <c r="GB13" s="102">
        <v>20</v>
      </c>
      <c r="GC13" s="102">
        <v>12</v>
      </c>
      <c r="GD13" s="102">
        <v>9</v>
      </c>
      <c r="GE13" s="102">
        <v>10</v>
      </c>
      <c r="GF13" s="103">
        <v>67</v>
      </c>
      <c r="GG13" s="104">
        <v>87</v>
      </c>
      <c r="GH13" s="101">
        <v>1557</v>
      </c>
      <c r="GI13" s="102">
        <v>1074</v>
      </c>
      <c r="GJ13" s="103">
        <v>2631</v>
      </c>
      <c r="GK13" s="413">
        <v>0</v>
      </c>
      <c r="GL13" s="102">
        <v>1781</v>
      </c>
      <c r="GM13" s="102">
        <v>1191</v>
      </c>
      <c r="GN13" s="102">
        <v>1028</v>
      </c>
      <c r="GO13" s="102">
        <v>1051</v>
      </c>
      <c r="GP13" s="102">
        <v>749</v>
      </c>
      <c r="GQ13" s="103">
        <v>5800</v>
      </c>
      <c r="GR13" s="104">
        <v>8431</v>
      </c>
      <c r="GS13" s="105">
        <v>2301</v>
      </c>
      <c r="GT13" s="97">
        <v>1470</v>
      </c>
      <c r="GU13" s="98">
        <v>3771</v>
      </c>
      <c r="GV13" s="413">
        <v>0</v>
      </c>
      <c r="GW13" s="97">
        <v>2662</v>
      </c>
      <c r="GX13" s="97">
        <v>1748</v>
      </c>
      <c r="GY13" s="97">
        <v>1473</v>
      </c>
      <c r="GZ13" s="97">
        <v>1449</v>
      </c>
      <c r="HA13" s="97">
        <v>964</v>
      </c>
      <c r="HB13" s="99">
        <v>8296</v>
      </c>
      <c r="HC13" s="100">
        <v>12067</v>
      </c>
      <c r="HD13" s="101">
        <v>51</v>
      </c>
      <c r="HE13" s="102">
        <v>42</v>
      </c>
      <c r="HF13" s="103">
        <v>93</v>
      </c>
      <c r="HG13" s="416">
        <v>0</v>
      </c>
      <c r="HH13" s="102">
        <v>37</v>
      </c>
      <c r="HI13" s="102">
        <v>37</v>
      </c>
      <c r="HJ13" s="102">
        <v>27</v>
      </c>
      <c r="HK13" s="102">
        <v>24</v>
      </c>
      <c r="HL13" s="102">
        <v>21</v>
      </c>
      <c r="HM13" s="103">
        <v>146</v>
      </c>
      <c r="HN13" s="104">
        <v>239</v>
      </c>
      <c r="HO13" s="101">
        <v>110</v>
      </c>
      <c r="HP13" s="102">
        <v>82</v>
      </c>
      <c r="HQ13" s="103">
        <v>192</v>
      </c>
      <c r="HR13" s="413">
        <v>0</v>
      </c>
      <c r="HS13" s="102">
        <v>98</v>
      </c>
      <c r="HT13" s="102">
        <v>66</v>
      </c>
      <c r="HU13" s="102">
        <v>56</v>
      </c>
      <c r="HV13" s="102">
        <v>41</v>
      </c>
      <c r="HW13" s="102">
        <v>48</v>
      </c>
      <c r="HX13" s="103">
        <v>309</v>
      </c>
      <c r="HY13" s="104">
        <v>501</v>
      </c>
      <c r="HZ13" s="101">
        <v>300</v>
      </c>
      <c r="IA13" s="102">
        <v>183</v>
      </c>
      <c r="IB13" s="103">
        <v>483</v>
      </c>
      <c r="IC13" s="413">
        <v>0</v>
      </c>
      <c r="ID13" s="102">
        <v>292</v>
      </c>
      <c r="IE13" s="102">
        <v>188</v>
      </c>
      <c r="IF13" s="102">
        <v>138</v>
      </c>
      <c r="IG13" s="102">
        <v>113</v>
      </c>
      <c r="IH13" s="102">
        <v>84</v>
      </c>
      <c r="II13" s="103">
        <v>815</v>
      </c>
      <c r="IJ13" s="104">
        <v>1298</v>
      </c>
      <c r="IK13" s="101">
        <v>650</v>
      </c>
      <c r="IL13" s="102">
        <v>364</v>
      </c>
      <c r="IM13" s="103">
        <v>1014</v>
      </c>
      <c r="IN13" s="413">
        <v>0</v>
      </c>
      <c r="IO13" s="102">
        <v>626</v>
      </c>
      <c r="IP13" s="102">
        <v>305</v>
      </c>
      <c r="IQ13" s="102">
        <v>259</v>
      </c>
      <c r="IR13" s="102">
        <v>226</v>
      </c>
      <c r="IS13" s="102">
        <v>165</v>
      </c>
      <c r="IT13" s="103">
        <v>1581</v>
      </c>
      <c r="IU13" s="104">
        <v>2595</v>
      </c>
      <c r="IV13" s="101">
        <v>742</v>
      </c>
      <c r="IW13" s="102">
        <v>439</v>
      </c>
      <c r="IX13" s="103">
        <v>1181</v>
      </c>
      <c r="IY13" s="413">
        <v>0</v>
      </c>
      <c r="IZ13" s="102">
        <v>789</v>
      </c>
      <c r="JA13" s="102">
        <v>449</v>
      </c>
      <c r="JB13" s="102">
        <v>366</v>
      </c>
      <c r="JC13" s="102">
        <v>360</v>
      </c>
      <c r="JD13" s="102">
        <v>230</v>
      </c>
      <c r="JE13" s="103">
        <v>2194</v>
      </c>
      <c r="JF13" s="104">
        <v>3375</v>
      </c>
      <c r="JG13" s="101">
        <v>448</v>
      </c>
      <c r="JH13" s="102">
        <v>360</v>
      </c>
      <c r="JI13" s="103">
        <v>808</v>
      </c>
      <c r="JJ13" s="413">
        <v>0</v>
      </c>
      <c r="JK13" s="102">
        <v>820</v>
      </c>
      <c r="JL13" s="102">
        <v>703</v>
      </c>
      <c r="JM13" s="102">
        <v>627</v>
      </c>
      <c r="JN13" s="102">
        <v>685</v>
      </c>
      <c r="JO13" s="102">
        <v>416</v>
      </c>
      <c r="JP13" s="103">
        <v>3251</v>
      </c>
      <c r="JQ13" s="104">
        <v>4059</v>
      </c>
      <c r="JR13" s="101">
        <v>10</v>
      </c>
      <c r="JS13" s="102">
        <v>30</v>
      </c>
      <c r="JT13" s="103">
        <v>40</v>
      </c>
      <c r="JU13" s="413">
        <v>0</v>
      </c>
      <c r="JV13" s="102">
        <v>39</v>
      </c>
      <c r="JW13" s="102">
        <v>48</v>
      </c>
      <c r="JX13" s="102">
        <v>28</v>
      </c>
      <c r="JY13" s="102">
        <v>26</v>
      </c>
      <c r="JZ13" s="102">
        <v>19</v>
      </c>
      <c r="KA13" s="103">
        <v>160</v>
      </c>
      <c r="KB13" s="104">
        <v>200</v>
      </c>
      <c r="KC13" s="101">
        <v>2311</v>
      </c>
      <c r="KD13" s="102">
        <v>1500</v>
      </c>
      <c r="KE13" s="103">
        <v>3811</v>
      </c>
      <c r="KF13" s="413">
        <v>0</v>
      </c>
      <c r="KG13" s="102">
        <v>2701</v>
      </c>
      <c r="KH13" s="102">
        <v>1796</v>
      </c>
      <c r="KI13" s="102">
        <v>1501</v>
      </c>
      <c r="KJ13" s="102">
        <v>1475</v>
      </c>
      <c r="KK13" s="102">
        <v>983</v>
      </c>
      <c r="KL13" s="103">
        <v>8456</v>
      </c>
      <c r="KM13" s="104">
        <v>12267</v>
      </c>
    </row>
    <row r="14" spans="2:299" s="70" customFormat="1" ht="21" customHeight="1" x14ac:dyDescent="0.2">
      <c r="B14" s="106" t="s">
        <v>10</v>
      </c>
      <c r="C14" s="96">
        <v>1633</v>
      </c>
      <c r="D14" s="97">
        <v>972</v>
      </c>
      <c r="E14" s="98">
        <v>2605</v>
      </c>
      <c r="F14" s="413">
        <v>0</v>
      </c>
      <c r="G14" s="97">
        <v>1816</v>
      </c>
      <c r="H14" s="97">
        <v>1008</v>
      </c>
      <c r="I14" s="97">
        <v>685</v>
      </c>
      <c r="J14" s="97">
        <v>657</v>
      </c>
      <c r="K14" s="97">
        <v>439</v>
      </c>
      <c r="L14" s="99">
        <v>4605</v>
      </c>
      <c r="M14" s="100">
        <v>7210</v>
      </c>
      <c r="N14" s="101">
        <v>65</v>
      </c>
      <c r="O14" s="102">
        <v>44</v>
      </c>
      <c r="P14" s="103">
        <v>109</v>
      </c>
      <c r="Q14" s="413">
        <v>0</v>
      </c>
      <c r="R14" s="102">
        <v>78</v>
      </c>
      <c r="S14" s="102">
        <v>45</v>
      </c>
      <c r="T14" s="102">
        <v>29</v>
      </c>
      <c r="U14" s="102">
        <v>44</v>
      </c>
      <c r="V14" s="102">
        <v>28</v>
      </c>
      <c r="W14" s="103">
        <v>224</v>
      </c>
      <c r="X14" s="104">
        <v>333</v>
      </c>
      <c r="Y14" s="101">
        <v>132</v>
      </c>
      <c r="Z14" s="102">
        <v>88</v>
      </c>
      <c r="AA14" s="103">
        <v>220</v>
      </c>
      <c r="AB14" s="413">
        <v>0</v>
      </c>
      <c r="AC14" s="102">
        <v>144</v>
      </c>
      <c r="AD14" s="102">
        <v>105</v>
      </c>
      <c r="AE14" s="102">
        <v>50</v>
      </c>
      <c r="AF14" s="102">
        <v>68</v>
      </c>
      <c r="AG14" s="102">
        <v>53</v>
      </c>
      <c r="AH14" s="103">
        <v>420</v>
      </c>
      <c r="AI14" s="104">
        <v>640</v>
      </c>
      <c r="AJ14" s="101">
        <v>237</v>
      </c>
      <c r="AK14" s="102">
        <v>172</v>
      </c>
      <c r="AL14" s="103">
        <v>409</v>
      </c>
      <c r="AM14" s="413">
        <v>0</v>
      </c>
      <c r="AN14" s="102">
        <v>287</v>
      </c>
      <c r="AO14" s="102">
        <v>158</v>
      </c>
      <c r="AP14" s="102">
        <v>117</v>
      </c>
      <c r="AQ14" s="102">
        <v>105</v>
      </c>
      <c r="AR14" s="102">
        <v>91</v>
      </c>
      <c r="AS14" s="103">
        <v>758</v>
      </c>
      <c r="AT14" s="104">
        <v>1167</v>
      </c>
      <c r="AU14" s="101">
        <v>392</v>
      </c>
      <c r="AV14" s="102">
        <v>219</v>
      </c>
      <c r="AW14" s="103">
        <v>611</v>
      </c>
      <c r="AX14" s="413">
        <v>0</v>
      </c>
      <c r="AY14" s="102">
        <v>479</v>
      </c>
      <c r="AZ14" s="102">
        <v>226</v>
      </c>
      <c r="BA14" s="102">
        <v>143</v>
      </c>
      <c r="BB14" s="102">
        <v>144</v>
      </c>
      <c r="BC14" s="102">
        <v>100</v>
      </c>
      <c r="BD14" s="103">
        <v>1092</v>
      </c>
      <c r="BE14" s="104">
        <v>1703</v>
      </c>
      <c r="BF14" s="101">
        <v>501</v>
      </c>
      <c r="BG14" s="102">
        <v>250</v>
      </c>
      <c r="BH14" s="103">
        <v>751</v>
      </c>
      <c r="BI14" s="413">
        <v>0</v>
      </c>
      <c r="BJ14" s="102">
        <v>498</v>
      </c>
      <c r="BK14" s="102">
        <v>256</v>
      </c>
      <c r="BL14" s="102">
        <v>185</v>
      </c>
      <c r="BM14" s="102">
        <v>142</v>
      </c>
      <c r="BN14" s="102">
        <v>85</v>
      </c>
      <c r="BO14" s="103">
        <v>1166</v>
      </c>
      <c r="BP14" s="104">
        <v>1917</v>
      </c>
      <c r="BQ14" s="101">
        <v>306</v>
      </c>
      <c r="BR14" s="102">
        <v>199</v>
      </c>
      <c r="BS14" s="103">
        <v>505</v>
      </c>
      <c r="BT14" s="413">
        <v>0</v>
      </c>
      <c r="BU14" s="102">
        <v>330</v>
      </c>
      <c r="BV14" s="102">
        <v>218</v>
      </c>
      <c r="BW14" s="102">
        <v>161</v>
      </c>
      <c r="BX14" s="102">
        <v>154</v>
      </c>
      <c r="BY14" s="102">
        <v>82</v>
      </c>
      <c r="BZ14" s="103">
        <v>945</v>
      </c>
      <c r="CA14" s="104">
        <v>1450</v>
      </c>
      <c r="CB14" s="101">
        <v>52</v>
      </c>
      <c r="CC14" s="102">
        <v>29</v>
      </c>
      <c r="CD14" s="103">
        <v>81</v>
      </c>
      <c r="CE14" s="413">
        <v>0</v>
      </c>
      <c r="CF14" s="102">
        <v>67</v>
      </c>
      <c r="CG14" s="102">
        <v>48</v>
      </c>
      <c r="CH14" s="102">
        <v>39</v>
      </c>
      <c r="CI14" s="102">
        <v>28</v>
      </c>
      <c r="CJ14" s="102">
        <v>37</v>
      </c>
      <c r="CK14" s="103">
        <v>219</v>
      </c>
      <c r="CL14" s="104">
        <v>300</v>
      </c>
      <c r="CM14" s="101">
        <v>1685</v>
      </c>
      <c r="CN14" s="102">
        <v>1001</v>
      </c>
      <c r="CO14" s="103">
        <v>2686</v>
      </c>
      <c r="CP14" s="413">
        <v>0</v>
      </c>
      <c r="CQ14" s="102">
        <v>1883</v>
      </c>
      <c r="CR14" s="102">
        <v>1056</v>
      </c>
      <c r="CS14" s="102">
        <v>724</v>
      </c>
      <c r="CT14" s="102">
        <v>685</v>
      </c>
      <c r="CU14" s="102">
        <v>476</v>
      </c>
      <c r="CV14" s="103">
        <v>4824</v>
      </c>
      <c r="CW14" s="104">
        <v>7510</v>
      </c>
      <c r="CX14" s="105">
        <v>3332</v>
      </c>
      <c r="CY14" s="97">
        <v>2293</v>
      </c>
      <c r="CZ14" s="98">
        <v>5625</v>
      </c>
      <c r="DA14" s="413">
        <v>0</v>
      </c>
      <c r="DB14" s="97">
        <v>3561</v>
      </c>
      <c r="DC14" s="97">
        <v>1763</v>
      </c>
      <c r="DD14" s="97">
        <v>1412</v>
      </c>
      <c r="DE14" s="97">
        <v>1606</v>
      </c>
      <c r="DF14" s="97">
        <v>1146</v>
      </c>
      <c r="DG14" s="99">
        <v>9488</v>
      </c>
      <c r="DH14" s="100">
        <v>15113</v>
      </c>
      <c r="DI14" s="101">
        <v>62</v>
      </c>
      <c r="DJ14" s="102">
        <v>56</v>
      </c>
      <c r="DK14" s="103">
        <v>118</v>
      </c>
      <c r="DL14" s="413">
        <v>0</v>
      </c>
      <c r="DM14" s="102">
        <v>65</v>
      </c>
      <c r="DN14" s="102">
        <v>19</v>
      </c>
      <c r="DO14" s="102">
        <v>18</v>
      </c>
      <c r="DP14" s="102">
        <v>24</v>
      </c>
      <c r="DQ14" s="102">
        <v>19</v>
      </c>
      <c r="DR14" s="103">
        <v>145</v>
      </c>
      <c r="DS14" s="104">
        <v>263</v>
      </c>
      <c r="DT14" s="101">
        <v>180</v>
      </c>
      <c r="DU14" s="102">
        <v>128</v>
      </c>
      <c r="DV14" s="103">
        <v>308</v>
      </c>
      <c r="DW14" s="413">
        <v>0</v>
      </c>
      <c r="DX14" s="102">
        <v>172</v>
      </c>
      <c r="DY14" s="102">
        <v>81</v>
      </c>
      <c r="DZ14" s="102">
        <v>50</v>
      </c>
      <c r="EA14" s="102">
        <v>49</v>
      </c>
      <c r="EB14" s="102">
        <v>49</v>
      </c>
      <c r="EC14" s="103">
        <v>401</v>
      </c>
      <c r="ED14" s="104">
        <v>709</v>
      </c>
      <c r="EE14" s="101">
        <v>490</v>
      </c>
      <c r="EF14" s="102">
        <v>269</v>
      </c>
      <c r="EG14" s="103">
        <v>759</v>
      </c>
      <c r="EH14" s="413">
        <v>0</v>
      </c>
      <c r="EI14" s="102">
        <v>393</v>
      </c>
      <c r="EJ14" s="102">
        <v>202</v>
      </c>
      <c r="EK14" s="102">
        <v>104</v>
      </c>
      <c r="EL14" s="102">
        <v>133</v>
      </c>
      <c r="EM14" s="102">
        <v>109</v>
      </c>
      <c r="EN14" s="103">
        <v>941</v>
      </c>
      <c r="EO14" s="104">
        <v>1700</v>
      </c>
      <c r="EP14" s="101">
        <v>990</v>
      </c>
      <c r="EQ14" s="102">
        <v>619</v>
      </c>
      <c r="ER14" s="103">
        <v>1609</v>
      </c>
      <c r="ES14" s="413">
        <v>0</v>
      </c>
      <c r="ET14" s="102">
        <v>815</v>
      </c>
      <c r="EU14" s="102">
        <v>353</v>
      </c>
      <c r="EV14" s="102">
        <v>252</v>
      </c>
      <c r="EW14" s="102">
        <v>239</v>
      </c>
      <c r="EX14" s="102">
        <v>221</v>
      </c>
      <c r="EY14" s="103">
        <v>1880</v>
      </c>
      <c r="EZ14" s="104">
        <v>3489</v>
      </c>
      <c r="FA14" s="101">
        <v>1038</v>
      </c>
      <c r="FB14" s="102">
        <v>690</v>
      </c>
      <c r="FC14" s="103">
        <v>1728</v>
      </c>
      <c r="FD14" s="413">
        <v>0</v>
      </c>
      <c r="FE14" s="102">
        <v>1031</v>
      </c>
      <c r="FF14" s="102">
        <v>475</v>
      </c>
      <c r="FG14" s="102">
        <v>378</v>
      </c>
      <c r="FH14" s="102">
        <v>376</v>
      </c>
      <c r="FI14" s="102">
        <v>300</v>
      </c>
      <c r="FJ14" s="103">
        <v>2560</v>
      </c>
      <c r="FK14" s="104">
        <v>4288</v>
      </c>
      <c r="FL14" s="101">
        <v>572</v>
      </c>
      <c r="FM14" s="102">
        <v>531</v>
      </c>
      <c r="FN14" s="103">
        <v>1103</v>
      </c>
      <c r="FO14" s="413">
        <v>0</v>
      </c>
      <c r="FP14" s="102">
        <v>1085</v>
      </c>
      <c r="FQ14" s="102">
        <v>633</v>
      </c>
      <c r="FR14" s="102">
        <v>610</v>
      </c>
      <c r="FS14" s="102">
        <v>785</v>
      </c>
      <c r="FT14" s="102">
        <v>448</v>
      </c>
      <c r="FU14" s="103">
        <v>3561</v>
      </c>
      <c r="FV14" s="104">
        <v>4664</v>
      </c>
      <c r="FW14" s="101">
        <v>29</v>
      </c>
      <c r="FX14" s="102">
        <v>44</v>
      </c>
      <c r="FY14" s="103">
        <v>73</v>
      </c>
      <c r="FZ14" s="413">
        <v>0</v>
      </c>
      <c r="GA14" s="102">
        <v>57</v>
      </c>
      <c r="GB14" s="102">
        <v>45</v>
      </c>
      <c r="GC14" s="102">
        <v>29</v>
      </c>
      <c r="GD14" s="102">
        <v>18</v>
      </c>
      <c r="GE14" s="102">
        <v>23</v>
      </c>
      <c r="GF14" s="103">
        <v>172</v>
      </c>
      <c r="GG14" s="104">
        <v>245</v>
      </c>
      <c r="GH14" s="101">
        <v>3361</v>
      </c>
      <c r="GI14" s="102">
        <v>2337</v>
      </c>
      <c r="GJ14" s="103">
        <v>5698</v>
      </c>
      <c r="GK14" s="413">
        <v>0</v>
      </c>
      <c r="GL14" s="102">
        <v>3618</v>
      </c>
      <c r="GM14" s="102">
        <v>1808</v>
      </c>
      <c r="GN14" s="102">
        <v>1441</v>
      </c>
      <c r="GO14" s="102">
        <v>1624</v>
      </c>
      <c r="GP14" s="102">
        <v>1169</v>
      </c>
      <c r="GQ14" s="103">
        <v>9660</v>
      </c>
      <c r="GR14" s="104">
        <v>15358</v>
      </c>
      <c r="GS14" s="105">
        <v>4965</v>
      </c>
      <c r="GT14" s="97">
        <v>3265</v>
      </c>
      <c r="GU14" s="98">
        <v>8230</v>
      </c>
      <c r="GV14" s="413">
        <v>0</v>
      </c>
      <c r="GW14" s="97">
        <v>5377</v>
      </c>
      <c r="GX14" s="97">
        <v>2771</v>
      </c>
      <c r="GY14" s="97">
        <v>2097</v>
      </c>
      <c r="GZ14" s="97">
        <v>2263</v>
      </c>
      <c r="HA14" s="97">
        <v>1585</v>
      </c>
      <c r="HB14" s="99">
        <v>14093</v>
      </c>
      <c r="HC14" s="100">
        <v>22323</v>
      </c>
      <c r="HD14" s="101">
        <v>127</v>
      </c>
      <c r="HE14" s="102">
        <v>100</v>
      </c>
      <c r="HF14" s="103">
        <v>227</v>
      </c>
      <c r="HG14" s="416">
        <v>0</v>
      </c>
      <c r="HH14" s="102">
        <v>143</v>
      </c>
      <c r="HI14" s="102">
        <v>64</v>
      </c>
      <c r="HJ14" s="102">
        <v>47</v>
      </c>
      <c r="HK14" s="102">
        <v>68</v>
      </c>
      <c r="HL14" s="102">
        <v>47</v>
      </c>
      <c r="HM14" s="103">
        <v>369</v>
      </c>
      <c r="HN14" s="104">
        <v>596</v>
      </c>
      <c r="HO14" s="101">
        <v>312</v>
      </c>
      <c r="HP14" s="102">
        <v>216</v>
      </c>
      <c r="HQ14" s="103">
        <v>528</v>
      </c>
      <c r="HR14" s="413">
        <v>0</v>
      </c>
      <c r="HS14" s="102">
        <v>316</v>
      </c>
      <c r="HT14" s="102">
        <v>186</v>
      </c>
      <c r="HU14" s="102">
        <v>100</v>
      </c>
      <c r="HV14" s="102">
        <v>117</v>
      </c>
      <c r="HW14" s="102">
        <v>102</v>
      </c>
      <c r="HX14" s="103">
        <v>821</v>
      </c>
      <c r="HY14" s="104">
        <v>1349</v>
      </c>
      <c r="HZ14" s="101">
        <v>727</v>
      </c>
      <c r="IA14" s="102">
        <v>441</v>
      </c>
      <c r="IB14" s="103">
        <v>1168</v>
      </c>
      <c r="IC14" s="413">
        <v>0</v>
      </c>
      <c r="ID14" s="102">
        <v>680</v>
      </c>
      <c r="IE14" s="102">
        <v>360</v>
      </c>
      <c r="IF14" s="102">
        <v>221</v>
      </c>
      <c r="IG14" s="102">
        <v>238</v>
      </c>
      <c r="IH14" s="102">
        <v>200</v>
      </c>
      <c r="II14" s="103">
        <v>1699</v>
      </c>
      <c r="IJ14" s="104">
        <v>2867</v>
      </c>
      <c r="IK14" s="101">
        <v>1382</v>
      </c>
      <c r="IL14" s="102">
        <v>838</v>
      </c>
      <c r="IM14" s="103">
        <v>2220</v>
      </c>
      <c r="IN14" s="413">
        <v>0</v>
      </c>
      <c r="IO14" s="102">
        <v>1294</v>
      </c>
      <c r="IP14" s="102">
        <v>579</v>
      </c>
      <c r="IQ14" s="102">
        <v>395</v>
      </c>
      <c r="IR14" s="102">
        <v>383</v>
      </c>
      <c r="IS14" s="102">
        <v>321</v>
      </c>
      <c r="IT14" s="103">
        <v>2972</v>
      </c>
      <c r="IU14" s="104">
        <v>5192</v>
      </c>
      <c r="IV14" s="101">
        <v>1539</v>
      </c>
      <c r="IW14" s="102">
        <v>940</v>
      </c>
      <c r="IX14" s="103">
        <v>2479</v>
      </c>
      <c r="IY14" s="413">
        <v>0</v>
      </c>
      <c r="IZ14" s="102">
        <v>1529</v>
      </c>
      <c r="JA14" s="102">
        <v>731</v>
      </c>
      <c r="JB14" s="102">
        <v>563</v>
      </c>
      <c r="JC14" s="102">
        <v>518</v>
      </c>
      <c r="JD14" s="102">
        <v>385</v>
      </c>
      <c r="JE14" s="103">
        <v>3726</v>
      </c>
      <c r="JF14" s="104">
        <v>6205</v>
      </c>
      <c r="JG14" s="101">
        <v>878</v>
      </c>
      <c r="JH14" s="102">
        <v>730</v>
      </c>
      <c r="JI14" s="103">
        <v>1608</v>
      </c>
      <c r="JJ14" s="413">
        <v>0</v>
      </c>
      <c r="JK14" s="102">
        <v>1415</v>
      </c>
      <c r="JL14" s="102">
        <v>851</v>
      </c>
      <c r="JM14" s="102">
        <v>771</v>
      </c>
      <c r="JN14" s="102">
        <v>939</v>
      </c>
      <c r="JO14" s="102">
        <v>530</v>
      </c>
      <c r="JP14" s="103">
        <v>4506</v>
      </c>
      <c r="JQ14" s="104">
        <v>6114</v>
      </c>
      <c r="JR14" s="101">
        <v>81</v>
      </c>
      <c r="JS14" s="102">
        <v>73</v>
      </c>
      <c r="JT14" s="103">
        <v>154</v>
      </c>
      <c r="JU14" s="413">
        <v>0</v>
      </c>
      <c r="JV14" s="102">
        <v>124</v>
      </c>
      <c r="JW14" s="102">
        <v>93</v>
      </c>
      <c r="JX14" s="102">
        <v>68</v>
      </c>
      <c r="JY14" s="102">
        <v>46</v>
      </c>
      <c r="JZ14" s="102">
        <v>60</v>
      </c>
      <c r="KA14" s="103">
        <v>391</v>
      </c>
      <c r="KB14" s="104">
        <v>545</v>
      </c>
      <c r="KC14" s="101">
        <v>5046</v>
      </c>
      <c r="KD14" s="102">
        <v>3338</v>
      </c>
      <c r="KE14" s="103">
        <v>8384</v>
      </c>
      <c r="KF14" s="413">
        <v>0</v>
      </c>
      <c r="KG14" s="102">
        <v>5501</v>
      </c>
      <c r="KH14" s="102">
        <v>2864</v>
      </c>
      <c r="KI14" s="102">
        <v>2165</v>
      </c>
      <c r="KJ14" s="102">
        <v>2309</v>
      </c>
      <c r="KK14" s="102">
        <v>1645</v>
      </c>
      <c r="KL14" s="103">
        <v>14484</v>
      </c>
      <c r="KM14" s="104">
        <v>22868</v>
      </c>
    </row>
    <row r="15" spans="2:299" s="70" customFormat="1" ht="21" customHeight="1" x14ac:dyDescent="0.2">
      <c r="B15" s="106" t="s">
        <v>11</v>
      </c>
      <c r="C15" s="96">
        <v>463</v>
      </c>
      <c r="D15" s="97">
        <v>387</v>
      </c>
      <c r="E15" s="98">
        <v>850</v>
      </c>
      <c r="F15" s="413">
        <v>0</v>
      </c>
      <c r="G15" s="97">
        <v>863</v>
      </c>
      <c r="H15" s="97">
        <v>623</v>
      </c>
      <c r="I15" s="97">
        <v>482</v>
      </c>
      <c r="J15" s="97">
        <v>443</v>
      </c>
      <c r="K15" s="97">
        <v>251</v>
      </c>
      <c r="L15" s="99">
        <v>2662</v>
      </c>
      <c r="M15" s="100">
        <v>3512</v>
      </c>
      <c r="N15" s="101">
        <v>17</v>
      </c>
      <c r="O15" s="102">
        <v>17</v>
      </c>
      <c r="P15" s="103">
        <v>34</v>
      </c>
      <c r="Q15" s="413">
        <v>0</v>
      </c>
      <c r="R15" s="102">
        <v>46</v>
      </c>
      <c r="S15" s="102">
        <v>27</v>
      </c>
      <c r="T15" s="102">
        <v>21</v>
      </c>
      <c r="U15" s="102">
        <v>19</v>
      </c>
      <c r="V15" s="102">
        <v>13</v>
      </c>
      <c r="W15" s="103">
        <v>126</v>
      </c>
      <c r="X15" s="104">
        <v>160</v>
      </c>
      <c r="Y15" s="101">
        <v>39</v>
      </c>
      <c r="Z15" s="102">
        <v>43</v>
      </c>
      <c r="AA15" s="103">
        <v>82</v>
      </c>
      <c r="AB15" s="413">
        <v>0</v>
      </c>
      <c r="AC15" s="102">
        <v>85</v>
      </c>
      <c r="AD15" s="102">
        <v>56</v>
      </c>
      <c r="AE15" s="102">
        <v>45</v>
      </c>
      <c r="AF15" s="102">
        <v>46</v>
      </c>
      <c r="AG15" s="102">
        <v>31</v>
      </c>
      <c r="AH15" s="103">
        <v>263</v>
      </c>
      <c r="AI15" s="104">
        <v>345</v>
      </c>
      <c r="AJ15" s="101">
        <v>64</v>
      </c>
      <c r="AK15" s="102">
        <v>60</v>
      </c>
      <c r="AL15" s="103">
        <v>124</v>
      </c>
      <c r="AM15" s="413">
        <v>0</v>
      </c>
      <c r="AN15" s="102">
        <v>143</v>
      </c>
      <c r="AO15" s="102">
        <v>121</v>
      </c>
      <c r="AP15" s="102">
        <v>78</v>
      </c>
      <c r="AQ15" s="102">
        <v>79</v>
      </c>
      <c r="AR15" s="102">
        <v>44</v>
      </c>
      <c r="AS15" s="103">
        <v>465</v>
      </c>
      <c r="AT15" s="104">
        <v>589</v>
      </c>
      <c r="AU15" s="101">
        <v>122</v>
      </c>
      <c r="AV15" s="102">
        <v>94</v>
      </c>
      <c r="AW15" s="103">
        <v>216</v>
      </c>
      <c r="AX15" s="413">
        <v>0</v>
      </c>
      <c r="AY15" s="102">
        <v>215</v>
      </c>
      <c r="AZ15" s="102">
        <v>138</v>
      </c>
      <c r="BA15" s="102">
        <v>129</v>
      </c>
      <c r="BB15" s="102">
        <v>98</v>
      </c>
      <c r="BC15" s="102">
        <v>71</v>
      </c>
      <c r="BD15" s="103">
        <v>651</v>
      </c>
      <c r="BE15" s="104">
        <v>867</v>
      </c>
      <c r="BF15" s="101">
        <v>123</v>
      </c>
      <c r="BG15" s="102">
        <v>95</v>
      </c>
      <c r="BH15" s="103">
        <v>218</v>
      </c>
      <c r="BI15" s="413">
        <v>0</v>
      </c>
      <c r="BJ15" s="102">
        <v>191</v>
      </c>
      <c r="BK15" s="102">
        <v>150</v>
      </c>
      <c r="BL15" s="102">
        <v>117</v>
      </c>
      <c r="BM15" s="102">
        <v>108</v>
      </c>
      <c r="BN15" s="102">
        <v>51</v>
      </c>
      <c r="BO15" s="103">
        <v>617</v>
      </c>
      <c r="BP15" s="104">
        <v>835</v>
      </c>
      <c r="BQ15" s="101">
        <v>98</v>
      </c>
      <c r="BR15" s="102">
        <v>78</v>
      </c>
      <c r="BS15" s="103">
        <v>176</v>
      </c>
      <c r="BT15" s="413">
        <v>0</v>
      </c>
      <c r="BU15" s="102">
        <v>183</v>
      </c>
      <c r="BV15" s="102">
        <v>131</v>
      </c>
      <c r="BW15" s="102">
        <v>92</v>
      </c>
      <c r="BX15" s="102">
        <v>93</v>
      </c>
      <c r="BY15" s="102">
        <v>41</v>
      </c>
      <c r="BZ15" s="103">
        <v>540</v>
      </c>
      <c r="CA15" s="104">
        <v>716</v>
      </c>
      <c r="CB15" s="101">
        <v>4</v>
      </c>
      <c r="CC15" s="102">
        <v>12</v>
      </c>
      <c r="CD15" s="103">
        <v>16</v>
      </c>
      <c r="CE15" s="413">
        <v>0</v>
      </c>
      <c r="CF15" s="102">
        <v>24</v>
      </c>
      <c r="CG15" s="102">
        <v>18</v>
      </c>
      <c r="CH15" s="102">
        <v>16</v>
      </c>
      <c r="CI15" s="102">
        <v>21</v>
      </c>
      <c r="CJ15" s="102">
        <v>14</v>
      </c>
      <c r="CK15" s="103">
        <v>93</v>
      </c>
      <c r="CL15" s="104">
        <v>109</v>
      </c>
      <c r="CM15" s="101">
        <v>467</v>
      </c>
      <c r="CN15" s="102">
        <v>399</v>
      </c>
      <c r="CO15" s="103">
        <v>866</v>
      </c>
      <c r="CP15" s="413">
        <v>0</v>
      </c>
      <c r="CQ15" s="102">
        <v>887</v>
      </c>
      <c r="CR15" s="102">
        <v>641</v>
      </c>
      <c r="CS15" s="102">
        <v>498</v>
      </c>
      <c r="CT15" s="102">
        <v>464</v>
      </c>
      <c r="CU15" s="102">
        <v>265</v>
      </c>
      <c r="CV15" s="103">
        <v>2755</v>
      </c>
      <c r="CW15" s="104">
        <v>3621</v>
      </c>
      <c r="CX15" s="105">
        <v>981</v>
      </c>
      <c r="CY15" s="97">
        <v>879</v>
      </c>
      <c r="CZ15" s="98">
        <v>1860</v>
      </c>
      <c r="DA15" s="413">
        <v>0</v>
      </c>
      <c r="DB15" s="97">
        <v>1646</v>
      </c>
      <c r="DC15" s="97">
        <v>1116</v>
      </c>
      <c r="DD15" s="97">
        <v>977</v>
      </c>
      <c r="DE15" s="97">
        <v>986</v>
      </c>
      <c r="DF15" s="97">
        <v>634</v>
      </c>
      <c r="DG15" s="99">
        <v>5359</v>
      </c>
      <c r="DH15" s="100">
        <v>7219</v>
      </c>
      <c r="DI15" s="101">
        <v>24</v>
      </c>
      <c r="DJ15" s="102">
        <v>20</v>
      </c>
      <c r="DK15" s="103">
        <v>44</v>
      </c>
      <c r="DL15" s="413">
        <v>0</v>
      </c>
      <c r="DM15" s="102">
        <v>44</v>
      </c>
      <c r="DN15" s="102">
        <v>13</v>
      </c>
      <c r="DO15" s="102">
        <v>20</v>
      </c>
      <c r="DP15" s="102">
        <v>11</v>
      </c>
      <c r="DQ15" s="102">
        <v>18</v>
      </c>
      <c r="DR15" s="103">
        <v>106</v>
      </c>
      <c r="DS15" s="104">
        <v>150</v>
      </c>
      <c r="DT15" s="101">
        <v>48</v>
      </c>
      <c r="DU15" s="102">
        <v>56</v>
      </c>
      <c r="DV15" s="103">
        <v>104</v>
      </c>
      <c r="DW15" s="413">
        <v>0</v>
      </c>
      <c r="DX15" s="102">
        <v>67</v>
      </c>
      <c r="DY15" s="102">
        <v>51</v>
      </c>
      <c r="DZ15" s="102">
        <v>50</v>
      </c>
      <c r="EA15" s="102">
        <v>39</v>
      </c>
      <c r="EB15" s="102">
        <v>21</v>
      </c>
      <c r="EC15" s="103">
        <v>228</v>
      </c>
      <c r="ED15" s="104">
        <v>332</v>
      </c>
      <c r="EE15" s="101">
        <v>134</v>
      </c>
      <c r="EF15" s="102">
        <v>129</v>
      </c>
      <c r="EG15" s="103">
        <v>263</v>
      </c>
      <c r="EH15" s="413">
        <v>0</v>
      </c>
      <c r="EI15" s="102">
        <v>195</v>
      </c>
      <c r="EJ15" s="102">
        <v>90</v>
      </c>
      <c r="EK15" s="102">
        <v>79</v>
      </c>
      <c r="EL15" s="102">
        <v>81</v>
      </c>
      <c r="EM15" s="102">
        <v>68</v>
      </c>
      <c r="EN15" s="103">
        <v>513</v>
      </c>
      <c r="EO15" s="104">
        <v>776</v>
      </c>
      <c r="EP15" s="101">
        <v>276</v>
      </c>
      <c r="EQ15" s="102">
        <v>236</v>
      </c>
      <c r="ER15" s="103">
        <v>512</v>
      </c>
      <c r="ES15" s="413">
        <v>0</v>
      </c>
      <c r="ET15" s="102">
        <v>376</v>
      </c>
      <c r="EU15" s="102">
        <v>256</v>
      </c>
      <c r="EV15" s="102">
        <v>174</v>
      </c>
      <c r="EW15" s="102">
        <v>164</v>
      </c>
      <c r="EX15" s="102">
        <v>114</v>
      </c>
      <c r="EY15" s="103">
        <v>1084</v>
      </c>
      <c r="EZ15" s="104">
        <v>1596</v>
      </c>
      <c r="FA15" s="101">
        <v>321</v>
      </c>
      <c r="FB15" s="102">
        <v>253</v>
      </c>
      <c r="FC15" s="103">
        <v>574</v>
      </c>
      <c r="FD15" s="413">
        <v>0</v>
      </c>
      <c r="FE15" s="102">
        <v>482</v>
      </c>
      <c r="FF15" s="102">
        <v>314</v>
      </c>
      <c r="FG15" s="102">
        <v>241</v>
      </c>
      <c r="FH15" s="102">
        <v>213</v>
      </c>
      <c r="FI15" s="102">
        <v>157</v>
      </c>
      <c r="FJ15" s="103">
        <v>1407</v>
      </c>
      <c r="FK15" s="104">
        <v>1981</v>
      </c>
      <c r="FL15" s="101">
        <v>178</v>
      </c>
      <c r="FM15" s="102">
        <v>185</v>
      </c>
      <c r="FN15" s="103">
        <v>363</v>
      </c>
      <c r="FO15" s="413">
        <v>0</v>
      </c>
      <c r="FP15" s="102">
        <v>482</v>
      </c>
      <c r="FQ15" s="102">
        <v>392</v>
      </c>
      <c r="FR15" s="102">
        <v>413</v>
      </c>
      <c r="FS15" s="102">
        <v>478</v>
      </c>
      <c r="FT15" s="102">
        <v>256</v>
      </c>
      <c r="FU15" s="103">
        <v>2021</v>
      </c>
      <c r="FV15" s="104">
        <v>2384</v>
      </c>
      <c r="FW15" s="101">
        <v>11</v>
      </c>
      <c r="FX15" s="102">
        <v>16</v>
      </c>
      <c r="FY15" s="103">
        <v>27</v>
      </c>
      <c r="FZ15" s="413">
        <v>0</v>
      </c>
      <c r="GA15" s="102">
        <v>23</v>
      </c>
      <c r="GB15" s="102">
        <v>15</v>
      </c>
      <c r="GC15" s="102">
        <v>16</v>
      </c>
      <c r="GD15" s="102">
        <v>14</v>
      </c>
      <c r="GE15" s="102">
        <v>13</v>
      </c>
      <c r="GF15" s="103">
        <v>81</v>
      </c>
      <c r="GG15" s="104">
        <v>108</v>
      </c>
      <c r="GH15" s="101">
        <v>992</v>
      </c>
      <c r="GI15" s="102">
        <v>895</v>
      </c>
      <c r="GJ15" s="103">
        <v>1887</v>
      </c>
      <c r="GK15" s="413">
        <v>0</v>
      </c>
      <c r="GL15" s="102">
        <v>1669</v>
      </c>
      <c r="GM15" s="102">
        <v>1131</v>
      </c>
      <c r="GN15" s="102">
        <v>993</v>
      </c>
      <c r="GO15" s="102">
        <v>1000</v>
      </c>
      <c r="GP15" s="102">
        <v>647</v>
      </c>
      <c r="GQ15" s="103">
        <v>5440</v>
      </c>
      <c r="GR15" s="104">
        <v>7327</v>
      </c>
      <c r="GS15" s="105">
        <v>1444</v>
      </c>
      <c r="GT15" s="97">
        <v>1266</v>
      </c>
      <c r="GU15" s="98">
        <v>2710</v>
      </c>
      <c r="GV15" s="413">
        <v>0</v>
      </c>
      <c r="GW15" s="97">
        <v>2509</v>
      </c>
      <c r="GX15" s="97">
        <v>1739</v>
      </c>
      <c r="GY15" s="97">
        <v>1459</v>
      </c>
      <c r="GZ15" s="97">
        <v>1429</v>
      </c>
      <c r="HA15" s="97">
        <v>885</v>
      </c>
      <c r="HB15" s="99">
        <v>8021</v>
      </c>
      <c r="HC15" s="100">
        <v>10731</v>
      </c>
      <c r="HD15" s="101">
        <v>41</v>
      </c>
      <c r="HE15" s="102">
        <v>37</v>
      </c>
      <c r="HF15" s="103">
        <v>78</v>
      </c>
      <c r="HG15" s="416">
        <v>0</v>
      </c>
      <c r="HH15" s="102">
        <v>90</v>
      </c>
      <c r="HI15" s="102">
        <v>40</v>
      </c>
      <c r="HJ15" s="102">
        <v>41</v>
      </c>
      <c r="HK15" s="102">
        <v>30</v>
      </c>
      <c r="HL15" s="102">
        <v>31</v>
      </c>
      <c r="HM15" s="103">
        <v>232</v>
      </c>
      <c r="HN15" s="104">
        <v>310</v>
      </c>
      <c r="HO15" s="101">
        <v>87</v>
      </c>
      <c r="HP15" s="102">
        <v>99</v>
      </c>
      <c r="HQ15" s="103">
        <v>186</v>
      </c>
      <c r="HR15" s="413">
        <v>0</v>
      </c>
      <c r="HS15" s="102">
        <v>152</v>
      </c>
      <c r="HT15" s="102">
        <v>107</v>
      </c>
      <c r="HU15" s="102">
        <v>95</v>
      </c>
      <c r="HV15" s="102">
        <v>85</v>
      </c>
      <c r="HW15" s="102">
        <v>52</v>
      </c>
      <c r="HX15" s="103">
        <v>491</v>
      </c>
      <c r="HY15" s="104">
        <v>677</v>
      </c>
      <c r="HZ15" s="101">
        <v>198</v>
      </c>
      <c r="IA15" s="102">
        <v>189</v>
      </c>
      <c r="IB15" s="103">
        <v>387</v>
      </c>
      <c r="IC15" s="413">
        <v>0</v>
      </c>
      <c r="ID15" s="102">
        <v>338</v>
      </c>
      <c r="IE15" s="102">
        <v>211</v>
      </c>
      <c r="IF15" s="102">
        <v>157</v>
      </c>
      <c r="IG15" s="102">
        <v>160</v>
      </c>
      <c r="IH15" s="102">
        <v>112</v>
      </c>
      <c r="II15" s="103">
        <v>978</v>
      </c>
      <c r="IJ15" s="104">
        <v>1365</v>
      </c>
      <c r="IK15" s="101">
        <v>398</v>
      </c>
      <c r="IL15" s="102">
        <v>330</v>
      </c>
      <c r="IM15" s="103">
        <v>728</v>
      </c>
      <c r="IN15" s="413">
        <v>0</v>
      </c>
      <c r="IO15" s="102">
        <v>591</v>
      </c>
      <c r="IP15" s="102">
        <v>394</v>
      </c>
      <c r="IQ15" s="102">
        <v>303</v>
      </c>
      <c r="IR15" s="102">
        <v>262</v>
      </c>
      <c r="IS15" s="102">
        <v>185</v>
      </c>
      <c r="IT15" s="103">
        <v>1735</v>
      </c>
      <c r="IU15" s="104">
        <v>2463</v>
      </c>
      <c r="IV15" s="101">
        <v>444</v>
      </c>
      <c r="IW15" s="102">
        <v>348</v>
      </c>
      <c r="IX15" s="103">
        <v>792</v>
      </c>
      <c r="IY15" s="413">
        <v>0</v>
      </c>
      <c r="IZ15" s="102">
        <v>673</v>
      </c>
      <c r="JA15" s="102">
        <v>464</v>
      </c>
      <c r="JB15" s="102">
        <v>358</v>
      </c>
      <c r="JC15" s="102">
        <v>321</v>
      </c>
      <c r="JD15" s="102">
        <v>208</v>
      </c>
      <c r="JE15" s="103">
        <v>2024</v>
      </c>
      <c r="JF15" s="104">
        <v>2816</v>
      </c>
      <c r="JG15" s="101">
        <v>276</v>
      </c>
      <c r="JH15" s="102">
        <v>263</v>
      </c>
      <c r="JI15" s="103">
        <v>539</v>
      </c>
      <c r="JJ15" s="413">
        <v>0</v>
      </c>
      <c r="JK15" s="102">
        <v>665</v>
      </c>
      <c r="JL15" s="102">
        <v>523</v>
      </c>
      <c r="JM15" s="102">
        <v>505</v>
      </c>
      <c r="JN15" s="102">
        <v>571</v>
      </c>
      <c r="JO15" s="102">
        <v>297</v>
      </c>
      <c r="JP15" s="103">
        <v>2561</v>
      </c>
      <c r="JQ15" s="104">
        <v>3100</v>
      </c>
      <c r="JR15" s="101">
        <v>15</v>
      </c>
      <c r="JS15" s="102">
        <v>28</v>
      </c>
      <c r="JT15" s="103">
        <v>43</v>
      </c>
      <c r="JU15" s="413">
        <v>0</v>
      </c>
      <c r="JV15" s="102">
        <v>47</v>
      </c>
      <c r="JW15" s="102">
        <v>33</v>
      </c>
      <c r="JX15" s="102">
        <v>32</v>
      </c>
      <c r="JY15" s="102">
        <v>35</v>
      </c>
      <c r="JZ15" s="102">
        <v>27</v>
      </c>
      <c r="KA15" s="103">
        <v>174</v>
      </c>
      <c r="KB15" s="104">
        <v>217</v>
      </c>
      <c r="KC15" s="101">
        <v>1459</v>
      </c>
      <c r="KD15" s="102">
        <v>1294</v>
      </c>
      <c r="KE15" s="103">
        <v>2753</v>
      </c>
      <c r="KF15" s="413">
        <v>0</v>
      </c>
      <c r="KG15" s="102">
        <v>2556</v>
      </c>
      <c r="KH15" s="102">
        <v>1772</v>
      </c>
      <c r="KI15" s="102">
        <v>1491</v>
      </c>
      <c r="KJ15" s="102">
        <v>1464</v>
      </c>
      <c r="KK15" s="102">
        <v>912</v>
      </c>
      <c r="KL15" s="103">
        <v>8195</v>
      </c>
      <c r="KM15" s="104">
        <v>10948</v>
      </c>
    </row>
    <row r="16" spans="2:299" s="70" customFormat="1" ht="21" customHeight="1" x14ac:dyDescent="0.2">
      <c r="B16" s="106" t="s">
        <v>12</v>
      </c>
      <c r="C16" s="96">
        <v>747</v>
      </c>
      <c r="D16" s="97">
        <v>727</v>
      </c>
      <c r="E16" s="98">
        <v>1474</v>
      </c>
      <c r="F16" s="413">
        <v>0</v>
      </c>
      <c r="G16" s="97">
        <v>744</v>
      </c>
      <c r="H16" s="97">
        <v>745</v>
      </c>
      <c r="I16" s="97">
        <v>449</v>
      </c>
      <c r="J16" s="97">
        <v>480</v>
      </c>
      <c r="K16" s="97">
        <v>195</v>
      </c>
      <c r="L16" s="99">
        <v>2613</v>
      </c>
      <c r="M16" s="100">
        <v>4087</v>
      </c>
      <c r="N16" s="107">
        <v>26</v>
      </c>
      <c r="O16" s="102">
        <v>21</v>
      </c>
      <c r="P16" s="103">
        <v>47</v>
      </c>
      <c r="Q16" s="413">
        <v>0</v>
      </c>
      <c r="R16" s="102">
        <v>19</v>
      </c>
      <c r="S16" s="102">
        <v>35</v>
      </c>
      <c r="T16" s="102">
        <v>15</v>
      </c>
      <c r="U16" s="102">
        <v>21</v>
      </c>
      <c r="V16" s="102">
        <v>7</v>
      </c>
      <c r="W16" s="103">
        <v>97</v>
      </c>
      <c r="X16" s="104">
        <v>144</v>
      </c>
      <c r="Y16" s="101">
        <v>53</v>
      </c>
      <c r="Z16" s="102">
        <v>61</v>
      </c>
      <c r="AA16" s="103">
        <v>114</v>
      </c>
      <c r="AB16" s="413">
        <v>0</v>
      </c>
      <c r="AC16" s="102">
        <v>48</v>
      </c>
      <c r="AD16" s="102">
        <v>47</v>
      </c>
      <c r="AE16" s="102">
        <v>40</v>
      </c>
      <c r="AF16" s="102">
        <v>45</v>
      </c>
      <c r="AG16" s="102">
        <v>17</v>
      </c>
      <c r="AH16" s="103">
        <v>197</v>
      </c>
      <c r="AI16" s="104">
        <v>311</v>
      </c>
      <c r="AJ16" s="107">
        <v>112</v>
      </c>
      <c r="AK16" s="102">
        <v>115</v>
      </c>
      <c r="AL16" s="103">
        <v>227</v>
      </c>
      <c r="AM16" s="413">
        <v>0</v>
      </c>
      <c r="AN16" s="102">
        <v>110</v>
      </c>
      <c r="AO16" s="102">
        <v>111</v>
      </c>
      <c r="AP16" s="102">
        <v>64</v>
      </c>
      <c r="AQ16" s="102">
        <v>73</v>
      </c>
      <c r="AR16" s="102">
        <v>38</v>
      </c>
      <c r="AS16" s="103">
        <v>396</v>
      </c>
      <c r="AT16" s="104">
        <v>623</v>
      </c>
      <c r="AU16" s="101">
        <v>187</v>
      </c>
      <c r="AV16" s="102">
        <v>194</v>
      </c>
      <c r="AW16" s="103">
        <v>381</v>
      </c>
      <c r="AX16" s="413">
        <v>0</v>
      </c>
      <c r="AY16" s="102">
        <v>165</v>
      </c>
      <c r="AZ16" s="102">
        <v>186</v>
      </c>
      <c r="BA16" s="102">
        <v>94</v>
      </c>
      <c r="BB16" s="102">
        <v>102</v>
      </c>
      <c r="BC16" s="102">
        <v>46</v>
      </c>
      <c r="BD16" s="103">
        <v>593</v>
      </c>
      <c r="BE16" s="104">
        <v>974</v>
      </c>
      <c r="BF16" s="107">
        <v>224</v>
      </c>
      <c r="BG16" s="102">
        <v>182</v>
      </c>
      <c r="BH16" s="103">
        <v>406</v>
      </c>
      <c r="BI16" s="413">
        <v>0</v>
      </c>
      <c r="BJ16" s="102">
        <v>234</v>
      </c>
      <c r="BK16" s="102">
        <v>199</v>
      </c>
      <c r="BL16" s="102">
        <v>132</v>
      </c>
      <c r="BM16" s="102">
        <v>129</v>
      </c>
      <c r="BN16" s="102">
        <v>56</v>
      </c>
      <c r="BO16" s="103">
        <v>750</v>
      </c>
      <c r="BP16" s="104">
        <v>1156</v>
      </c>
      <c r="BQ16" s="101">
        <v>145</v>
      </c>
      <c r="BR16" s="102">
        <v>154</v>
      </c>
      <c r="BS16" s="103">
        <v>299</v>
      </c>
      <c r="BT16" s="413">
        <v>0</v>
      </c>
      <c r="BU16" s="102">
        <v>168</v>
      </c>
      <c r="BV16" s="102">
        <v>167</v>
      </c>
      <c r="BW16" s="102">
        <v>104</v>
      </c>
      <c r="BX16" s="102">
        <v>110</v>
      </c>
      <c r="BY16" s="102">
        <v>31</v>
      </c>
      <c r="BZ16" s="103">
        <v>580</v>
      </c>
      <c r="CA16" s="104">
        <v>879</v>
      </c>
      <c r="CB16" s="101">
        <v>16</v>
      </c>
      <c r="CC16" s="102">
        <v>36</v>
      </c>
      <c r="CD16" s="103">
        <v>52</v>
      </c>
      <c r="CE16" s="413">
        <v>0</v>
      </c>
      <c r="CF16" s="102">
        <v>9</v>
      </c>
      <c r="CG16" s="102">
        <v>27</v>
      </c>
      <c r="CH16" s="102">
        <v>20</v>
      </c>
      <c r="CI16" s="102">
        <v>17</v>
      </c>
      <c r="CJ16" s="102">
        <v>18</v>
      </c>
      <c r="CK16" s="103">
        <v>91</v>
      </c>
      <c r="CL16" s="104">
        <v>143</v>
      </c>
      <c r="CM16" s="101">
        <v>763</v>
      </c>
      <c r="CN16" s="102">
        <v>763</v>
      </c>
      <c r="CO16" s="103">
        <v>1526</v>
      </c>
      <c r="CP16" s="413">
        <v>0</v>
      </c>
      <c r="CQ16" s="102">
        <v>753</v>
      </c>
      <c r="CR16" s="102">
        <v>772</v>
      </c>
      <c r="CS16" s="102">
        <v>469</v>
      </c>
      <c r="CT16" s="102">
        <v>497</v>
      </c>
      <c r="CU16" s="102">
        <v>213</v>
      </c>
      <c r="CV16" s="103">
        <v>2704</v>
      </c>
      <c r="CW16" s="104">
        <v>4230</v>
      </c>
      <c r="CX16" s="105">
        <v>1485</v>
      </c>
      <c r="CY16" s="97">
        <v>1579</v>
      </c>
      <c r="CZ16" s="98">
        <v>3064</v>
      </c>
      <c r="DA16" s="413">
        <v>0</v>
      </c>
      <c r="DB16" s="97">
        <v>1560</v>
      </c>
      <c r="DC16" s="97">
        <v>1178</v>
      </c>
      <c r="DD16" s="97">
        <v>1019</v>
      </c>
      <c r="DE16" s="97">
        <v>1083</v>
      </c>
      <c r="DF16" s="97">
        <v>657</v>
      </c>
      <c r="DG16" s="99">
        <v>5497</v>
      </c>
      <c r="DH16" s="100">
        <v>8561</v>
      </c>
      <c r="DI16" s="107">
        <v>27</v>
      </c>
      <c r="DJ16" s="102">
        <v>32</v>
      </c>
      <c r="DK16" s="103">
        <v>59</v>
      </c>
      <c r="DL16" s="413">
        <v>0</v>
      </c>
      <c r="DM16" s="102">
        <v>22</v>
      </c>
      <c r="DN16" s="102">
        <v>20</v>
      </c>
      <c r="DO16" s="102">
        <v>21</v>
      </c>
      <c r="DP16" s="102">
        <v>12</v>
      </c>
      <c r="DQ16" s="102">
        <v>9</v>
      </c>
      <c r="DR16" s="103">
        <v>84</v>
      </c>
      <c r="DS16" s="104">
        <v>143</v>
      </c>
      <c r="DT16" s="101">
        <v>82</v>
      </c>
      <c r="DU16" s="102">
        <v>89</v>
      </c>
      <c r="DV16" s="103">
        <v>171</v>
      </c>
      <c r="DW16" s="413">
        <v>0</v>
      </c>
      <c r="DX16" s="102">
        <v>38</v>
      </c>
      <c r="DY16" s="102">
        <v>46</v>
      </c>
      <c r="DZ16" s="102">
        <v>38</v>
      </c>
      <c r="EA16" s="102">
        <v>34</v>
      </c>
      <c r="EB16" s="102">
        <v>30</v>
      </c>
      <c r="EC16" s="103">
        <v>186</v>
      </c>
      <c r="ED16" s="104">
        <v>357</v>
      </c>
      <c r="EE16" s="107">
        <v>218</v>
      </c>
      <c r="EF16" s="102">
        <v>241</v>
      </c>
      <c r="EG16" s="103">
        <v>459</v>
      </c>
      <c r="EH16" s="413">
        <v>0</v>
      </c>
      <c r="EI16" s="102">
        <v>157</v>
      </c>
      <c r="EJ16" s="102">
        <v>105</v>
      </c>
      <c r="EK16" s="102">
        <v>93</v>
      </c>
      <c r="EL16" s="102">
        <v>98</v>
      </c>
      <c r="EM16" s="102">
        <v>68</v>
      </c>
      <c r="EN16" s="103">
        <v>521</v>
      </c>
      <c r="EO16" s="104">
        <v>980</v>
      </c>
      <c r="EP16" s="101">
        <v>441</v>
      </c>
      <c r="EQ16" s="102">
        <v>409</v>
      </c>
      <c r="ER16" s="103">
        <v>850</v>
      </c>
      <c r="ES16" s="413">
        <v>0</v>
      </c>
      <c r="ET16" s="102">
        <v>375</v>
      </c>
      <c r="EU16" s="102">
        <v>226</v>
      </c>
      <c r="EV16" s="102">
        <v>169</v>
      </c>
      <c r="EW16" s="102">
        <v>176</v>
      </c>
      <c r="EX16" s="102">
        <v>116</v>
      </c>
      <c r="EY16" s="103">
        <v>1062</v>
      </c>
      <c r="EZ16" s="104">
        <v>1912</v>
      </c>
      <c r="FA16" s="107">
        <v>461</v>
      </c>
      <c r="FB16" s="102">
        <v>460</v>
      </c>
      <c r="FC16" s="103">
        <v>921</v>
      </c>
      <c r="FD16" s="413">
        <v>0</v>
      </c>
      <c r="FE16" s="102">
        <v>503</v>
      </c>
      <c r="FF16" s="102">
        <v>322</v>
      </c>
      <c r="FG16" s="102">
        <v>277</v>
      </c>
      <c r="FH16" s="102">
        <v>263</v>
      </c>
      <c r="FI16" s="102">
        <v>168</v>
      </c>
      <c r="FJ16" s="103">
        <v>1533</v>
      </c>
      <c r="FK16" s="104">
        <v>2454</v>
      </c>
      <c r="FL16" s="101">
        <v>256</v>
      </c>
      <c r="FM16" s="102">
        <v>348</v>
      </c>
      <c r="FN16" s="103">
        <v>604</v>
      </c>
      <c r="FO16" s="413">
        <v>0</v>
      </c>
      <c r="FP16" s="102">
        <v>465</v>
      </c>
      <c r="FQ16" s="102">
        <v>459</v>
      </c>
      <c r="FR16" s="102">
        <v>421</v>
      </c>
      <c r="FS16" s="102">
        <v>500</v>
      </c>
      <c r="FT16" s="102">
        <v>266</v>
      </c>
      <c r="FU16" s="103">
        <v>2111</v>
      </c>
      <c r="FV16" s="104">
        <v>2715</v>
      </c>
      <c r="FW16" s="101">
        <v>15</v>
      </c>
      <c r="FX16" s="102">
        <v>21</v>
      </c>
      <c r="FY16" s="103">
        <v>36</v>
      </c>
      <c r="FZ16" s="413">
        <v>0</v>
      </c>
      <c r="GA16" s="102">
        <v>12</v>
      </c>
      <c r="GB16" s="102">
        <v>16</v>
      </c>
      <c r="GC16" s="102">
        <v>17</v>
      </c>
      <c r="GD16" s="102">
        <v>12</v>
      </c>
      <c r="GE16" s="102">
        <v>9</v>
      </c>
      <c r="GF16" s="103">
        <v>66</v>
      </c>
      <c r="GG16" s="104">
        <v>102</v>
      </c>
      <c r="GH16" s="101">
        <v>1500</v>
      </c>
      <c r="GI16" s="102">
        <v>1600</v>
      </c>
      <c r="GJ16" s="103">
        <v>3100</v>
      </c>
      <c r="GK16" s="413">
        <v>0</v>
      </c>
      <c r="GL16" s="102">
        <v>1572</v>
      </c>
      <c r="GM16" s="102">
        <v>1194</v>
      </c>
      <c r="GN16" s="102">
        <v>1036</v>
      </c>
      <c r="GO16" s="102">
        <v>1095</v>
      </c>
      <c r="GP16" s="102">
        <v>666</v>
      </c>
      <c r="GQ16" s="103">
        <v>5563</v>
      </c>
      <c r="GR16" s="104">
        <v>8663</v>
      </c>
      <c r="GS16" s="105">
        <v>2232</v>
      </c>
      <c r="GT16" s="97">
        <v>2306</v>
      </c>
      <c r="GU16" s="98">
        <v>4538</v>
      </c>
      <c r="GV16" s="413">
        <v>0</v>
      </c>
      <c r="GW16" s="97">
        <v>2304</v>
      </c>
      <c r="GX16" s="97">
        <v>1923</v>
      </c>
      <c r="GY16" s="97">
        <v>1468</v>
      </c>
      <c r="GZ16" s="97">
        <v>1563</v>
      </c>
      <c r="HA16" s="97">
        <v>852</v>
      </c>
      <c r="HB16" s="99">
        <v>8110</v>
      </c>
      <c r="HC16" s="100">
        <v>12648</v>
      </c>
      <c r="HD16" s="107">
        <v>53</v>
      </c>
      <c r="HE16" s="102">
        <v>53</v>
      </c>
      <c r="HF16" s="103">
        <v>106</v>
      </c>
      <c r="HG16" s="416">
        <v>0</v>
      </c>
      <c r="HH16" s="102">
        <v>41</v>
      </c>
      <c r="HI16" s="102">
        <v>55</v>
      </c>
      <c r="HJ16" s="102">
        <v>36</v>
      </c>
      <c r="HK16" s="102">
        <v>33</v>
      </c>
      <c r="HL16" s="102">
        <v>16</v>
      </c>
      <c r="HM16" s="103">
        <v>181</v>
      </c>
      <c r="HN16" s="104">
        <v>287</v>
      </c>
      <c r="HO16" s="101">
        <v>135</v>
      </c>
      <c r="HP16" s="102">
        <v>150</v>
      </c>
      <c r="HQ16" s="103">
        <v>285</v>
      </c>
      <c r="HR16" s="413">
        <v>0</v>
      </c>
      <c r="HS16" s="102">
        <v>86</v>
      </c>
      <c r="HT16" s="102">
        <v>93</v>
      </c>
      <c r="HU16" s="102">
        <v>78</v>
      </c>
      <c r="HV16" s="102">
        <v>79</v>
      </c>
      <c r="HW16" s="102">
        <v>47</v>
      </c>
      <c r="HX16" s="103">
        <v>383</v>
      </c>
      <c r="HY16" s="104">
        <v>668</v>
      </c>
      <c r="HZ16" s="107">
        <v>330</v>
      </c>
      <c r="IA16" s="102">
        <v>356</v>
      </c>
      <c r="IB16" s="103">
        <v>686</v>
      </c>
      <c r="IC16" s="413">
        <v>0</v>
      </c>
      <c r="ID16" s="102">
        <v>267</v>
      </c>
      <c r="IE16" s="102">
        <v>216</v>
      </c>
      <c r="IF16" s="102">
        <v>157</v>
      </c>
      <c r="IG16" s="102">
        <v>171</v>
      </c>
      <c r="IH16" s="102">
        <v>106</v>
      </c>
      <c r="II16" s="103">
        <v>917</v>
      </c>
      <c r="IJ16" s="104">
        <v>1603</v>
      </c>
      <c r="IK16" s="101">
        <v>628</v>
      </c>
      <c r="IL16" s="102">
        <v>603</v>
      </c>
      <c r="IM16" s="103">
        <v>1231</v>
      </c>
      <c r="IN16" s="413">
        <v>0</v>
      </c>
      <c r="IO16" s="102">
        <v>540</v>
      </c>
      <c r="IP16" s="102">
        <v>412</v>
      </c>
      <c r="IQ16" s="102">
        <v>263</v>
      </c>
      <c r="IR16" s="102">
        <v>278</v>
      </c>
      <c r="IS16" s="102">
        <v>162</v>
      </c>
      <c r="IT16" s="103">
        <v>1655</v>
      </c>
      <c r="IU16" s="104">
        <v>2886</v>
      </c>
      <c r="IV16" s="107">
        <v>685</v>
      </c>
      <c r="IW16" s="102">
        <v>642</v>
      </c>
      <c r="IX16" s="103">
        <v>1327</v>
      </c>
      <c r="IY16" s="413">
        <v>0</v>
      </c>
      <c r="IZ16" s="102">
        <v>737</v>
      </c>
      <c r="JA16" s="102">
        <v>521</v>
      </c>
      <c r="JB16" s="102">
        <v>409</v>
      </c>
      <c r="JC16" s="102">
        <v>392</v>
      </c>
      <c r="JD16" s="102">
        <v>224</v>
      </c>
      <c r="JE16" s="103">
        <v>2283</v>
      </c>
      <c r="JF16" s="104">
        <v>3610</v>
      </c>
      <c r="JG16" s="101">
        <v>401</v>
      </c>
      <c r="JH16" s="102">
        <v>502</v>
      </c>
      <c r="JI16" s="103">
        <v>903</v>
      </c>
      <c r="JJ16" s="413">
        <v>0</v>
      </c>
      <c r="JK16" s="102">
        <v>633</v>
      </c>
      <c r="JL16" s="102">
        <v>626</v>
      </c>
      <c r="JM16" s="102">
        <v>525</v>
      </c>
      <c r="JN16" s="102">
        <v>610</v>
      </c>
      <c r="JO16" s="102">
        <v>297</v>
      </c>
      <c r="JP16" s="103">
        <v>2691</v>
      </c>
      <c r="JQ16" s="104">
        <v>3594</v>
      </c>
      <c r="JR16" s="101">
        <v>31</v>
      </c>
      <c r="JS16" s="102">
        <v>57</v>
      </c>
      <c r="JT16" s="103">
        <v>88</v>
      </c>
      <c r="JU16" s="413">
        <v>0</v>
      </c>
      <c r="JV16" s="102">
        <v>21</v>
      </c>
      <c r="JW16" s="102">
        <v>43</v>
      </c>
      <c r="JX16" s="102">
        <v>37</v>
      </c>
      <c r="JY16" s="102">
        <v>29</v>
      </c>
      <c r="JZ16" s="102">
        <v>27</v>
      </c>
      <c r="KA16" s="103">
        <v>157</v>
      </c>
      <c r="KB16" s="104">
        <v>245</v>
      </c>
      <c r="KC16" s="101">
        <v>2263</v>
      </c>
      <c r="KD16" s="102">
        <v>2363</v>
      </c>
      <c r="KE16" s="103">
        <v>4626</v>
      </c>
      <c r="KF16" s="413">
        <v>0</v>
      </c>
      <c r="KG16" s="102">
        <v>2325</v>
      </c>
      <c r="KH16" s="102">
        <v>1966</v>
      </c>
      <c r="KI16" s="102">
        <v>1505</v>
      </c>
      <c r="KJ16" s="102">
        <v>1592</v>
      </c>
      <c r="KK16" s="102">
        <v>879</v>
      </c>
      <c r="KL16" s="103">
        <v>8267</v>
      </c>
      <c r="KM16" s="104">
        <v>12893</v>
      </c>
    </row>
    <row r="17" spans="2:299" s="70" customFormat="1" ht="21" customHeight="1" x14ac:dyDescent="0.2">
      <c r="B17" s="106" t="s">
        <v>13</v>
      </c>
      <c r="C17" s="96">
        <v>176</v>
      </c>
      <c r="D17" s="97">
        <v>158</v>
      </c>
      <c r="E17" s="98">
        <v>334</v>
      </c>
      <c r="F17" s="413">
        <v>0</v>
      </c>
      <c r="G17" s="97">
        <v>312</v>
      </c>
      <c r="H17" s="97">
        <v>287</v>
      </c>
      <c r="I17" s="97">
        <v>183</v>
      </c>
      <c r="J17" s="97">
        <v>126</v>
      </c>
      <c r="K17" s="97">
        <v>95</v>
      </c>
      <c r="L17" s="99">
        <v>1003</v>
      </c>
      <c r="M17" s="100">
        <v>1337</v>
      </c>
      <c r="N17" s="101">
        <v>5</v>
      </c>
      <c r="O17" s="102">
        <v>4</v>
      </c>
      <c r="P17" s="103">
        <v>9</v>
      </c>
      <c r="Q17" s="413">
        <v>0</v>
      </c>
      <c r="R17" s="102">
        <v>10</v>
      </c>
      <c r="S17" s="102">
        <v>10</v>
      </c>
      <c r="T17" s="102">
        <v>3</v>
      </c>
      <c r="U17" s="102">
        <v>3</v>
      </c>
      <c r="V17" s="102">
        <v>5</v>
      </c>
      <c r="W17" s="103">
        <v>31</v>
      </c>
      <c r="X17" s="104">
        <v>40</v>
      </c>
      <c r="Y17" s="101">
        <v>10</v>
      </c>
      <c r="Z17" s="102">
        <v>8</v>
      </c>
      <c r="AA17" s="103">
        <v>18</v>
      </c>
      <c r="AB17" s="413">
        <v>0</v>
      </c>
      <c r="AC17" s="102">
        <v>16</v>
      </c>
      <c r="AD17" s="102">
        <v>18</v>
      </c>
      <c r="AE17" s="102">
        <v>12</v>
      </c>
      <c r="AF17" s="102">
        <v>16</v>
      </c>
      <c r="AG17" s="102">
        <v>9</v>
      </c>
      <c r="AH17" s="103">
        <v>71</v>
      </c>
      <c r="AI17" s="104">
        <v>89</v>
      </c>
      <c r="AJ17" s="101">
        <v>21</v>
      </c>
      <c r="AK17" s="102">
        <v>20</v>
      </c>
      <c r="AL17" s="103">
        <v>41</v>
      </c>
      <c r="AM17" s="413">
        <v>0</v>
      </c>
      <c r="AN17" s="102">
        <v>43</v>
      </c>
      <c r="AO17" s="102">
        <v>45</v>
      </c>
      <c r="AP17" s="102">
        <v>22</v>
      </c>
      <c r="AQ17" s="102">
        <v>17</v>
      </c>
      <c r="AR17" s="102">
        <v>15</v>
      </c>
      <c r="AS17" s="103">
        <v>142</v>
      </c>
      <c r="AT17" s="104">
        <v>183</v>
      </c>
      <c r="AU17" s="101">
        <v>47</v>
      </c>
      <c r="AV17" s="102">
        <v>34</v>
      </c>
      <c r="AW17" s="103">
        <v>81</v>
      </c>
      <c r="AX17" s="413">
        <v>0</v>
      </c>
      <c r="AY17" s="102">
        <v>72</v>
      </c>
      <c r="AZ17" s="102">
        <v>64</v>
      </c>
      <c r="BA17" s="102">
        <v>45</v>
      </c>
      <c r="BB17" s="102">
        <v>19</v>
      </c>
      <c r="BC17" s="102">
        <v>16</v>
      </c>
      <c r="BD17" s="103">
        <v>216</v>
      </c>
      <c r="BE17" s="104">
        <v>297</v>
      </c>
      <c r="BF17" s="101">
        <v>52</v>
      </c>
      <c r="BG17" s="102">
        <v>49</v>
      </c>
      <c r="BH17" s="103">
        <v>101</v>
      </c>
      <c r="BI17" s="413">
        <v>0</v>
      </c>
      <c r="BJ17" s="102">
        <v>94</v>
      </c>
      <c r="BK17" s="102">
        <v>87</v>
      </c>
      <c r="BL17" s="102">
        <v>42</v>
      </c>
      <c r="BM17" s="102">
        <v>34</v>
      </c>
      <c r="BN17" s="102">
        <v>27</v>
      </c>
      <c r="BO17" s="103">
        <v>284</v>
      </c>
      <c r="BP17" s="104">
        <v>385</v>
      </c>
      <c r="BQ17" s="101">
        <v>41</v>
      </c>
      <c r="BR17" s="102">
        <v>43</v>
      </c>
      <c r="BS17" s="103">
        <v>84</v>
      </c>
      <c r="BT17" s="413">
        <v>0</v>
      </c>
      <c r="BU17" s="102">
        <v>77</v>
      </c>
      <c r="BV17" s="102">
        <v>63</v>
      </c>
      <c r="BW17" s="102">
        <v>59</v>
      </c>
      <c r="BX17" s="102">
        <v>37</v>
      </c>
      <c r="BY17" s="102">
        <v>23</v>
      </c>
      <c r="BZ17" s="103">
        <v>259</v>
      </c>
      <c r="CA17" s="104">
        <v>343</v>
      </c>
      <c r="CB17" s="101">
        <v>5</v>
      </c>
      <c r="CC17" s="102">
        <v>3</v>
      </c>
      <c r="CD17" s="103">
        <v>8</v>
      </c>
      <c r="CE17" s="413">
        <v>0</v>
      </c>
      <c r="CF17" s="102">
        <v>9</v>
      </c>
      <c r="CG17" s="102">
        <v>8</v>
      </c>
      <c r="CH17" s="102">
        <v>7</v>
      </c>
      <c r="CI17" s="102">
        <v>3</v>
      </c>
      <c r="CJ17" s="102">
        <v>8</v>
      </c>
      <c r="CK17" s="103">
        <v>35</v>
      </c>
      <c r="CL17" s="104">
        <v>43</v>
      </c>
      <c r="CM17" s="101">
        <v>181</v>
      </c>
      <c r="CN17" s="102">
        <v>161</v>
      </c>
      <c r="CO17" s="103">
        <v>342</v>
      </c>
      <c r="CP17" s="413">
        <v>0</v>
      </c>
      <c r="CQ17" s="102">
        <v>321</v>
      </c>
      <c r="CR17" s="102">
        <v>295</v>
      </c>
      <c r="CS17" s="102">
        <v>190</v>
      </c>
      <c r="CT17" s="102">
        <v>129</v>
      </c>
      <c r="CU17" s="102">
        <v>103</v>
      </c>
      <c r="CV17" s="103">
        <v>1038</v>
      </c>
      <c r="CW17" s="104">
        <v>1380</v>
      </c>
      <c r="CX17" s="105">
        <v>365</v>
      </c>
      <c r="CY17" s="97">
        <v>437</v>
      </c>
      <c r="CZ17" s="98">
        <v>802</v>
      </c>
      <c r="DA17" s="413">
        <v>0</v>
      </c>
      <c r="DB17" s="97">
        <v>613</v>
      </c>
      <c r="DC17" s="97">
        <v>545</v>
      </c>
      <c r="DD17" s="97">
        <v>329</v>
      </c>
      <c r="DE17" s="97">
        <v>379</v>
      </c>
      <c r="DF17" s="97">
        <v>273</v>
      </c>
      <c r="DG17" s="99">
        <v>2139</v>
      </c>
      <c r="DH17" s="100">
        <v>2941</v>
      </c>
      <c r="DI17" s="101">
        <v>4</v>
      </c>
      <c r="DJ17" s="102">
        <v>8</v>
      </c>
      <c r="DK17" s="103">
        <v>12</v>
      </c>
      <c r="DL17" s="413">
        <v>0</v>
      </c>
      <c r="DM17" s="102">
        <v>11</v>
      </c>
      <c r="DN17" s="102">
        <v>3</v>
      </c>
      <c r="DO17" s="102">
        <v>1</v>
      </c>
      <c r="DP17" s="102">
        <v>7</v>
      </c>
      <c r="DQ17" s="102">
        <v>5</v>
      </c>
      <c r="DR17" s="103">
        <v>27</v>
      </c>
      <c r="DS17" s="104">
        <v>39</v>
      </c>
      <c r="DT17" s="101">
        <v>21</v>
      </c>
      <c r="DU17" s="102">
        <v>26</v>
      </c>
      <c r="DV17" s="103">
        <v>47</v>
      </c>
      <c r="DW17" s="413">
        <v>0</v>
      </c>
      <c r="DX17" s="102">
        <v>15</v>
      </c>
      <c r="DY17" s="102">
        <v>24</v>
      </c>
      <c r="DZ17" s="102">
        <v>8</v>
      </c>
      <c r="EA17" s="102">
        <v>9</v>
      </c>
      <c r="EB17" s="102">
        <v>8</v>
      </c>
      <c r="EC17" s="103">
        <v>64</v>
      </c>
      <c r="ED17" s="104">
        <v>111</v>
      </c>
      <c r="EE17" s="101">
        <v>42</v>
      </c>
      <c r="EF17" s="102">
        <v>38</v>
      </c>
      <c r="EG17" s="103">
        <v>80</v>
      </c>
      <c r="EH17" s="413">
        <v>0</v>
      </c>
      <c r="EI17" s="102">
        <v>55</v>
      </c>
      <c r="EJ17" s="102">
        <v>36</v>
      </c>
      <c r="EK17" s="102">
        <v>35</v>
      </c>
      <c r="EL17" s="102">
        <v>25</v>
      </c>
      <c r="EM17" s="102">
        <v>23</v>
      </c>
      <c r="EN17" s="103">
        <v>174</v>
      </c>
      <c r="EO17" s="104">
        <v>254</v>
      </c>
      <c r="EP17" s="101">
        <v>99</v>
      </c>
      <c r="EQ17" s="102">
        <v>120</v>
      </c>
      <c r="ER17" s="103">
        <v>219</v>
      </c>
      <c r="ES17" s="413">
        <v>0</v>
      </c>
      <c r="ET17" s="102">
        <v>157</v>
      </c>
      <c r="EU17" s="102">
        <v>112</v>
      </c>
      <c r="EV17" s="102">
        <v>52</v>
      </c>
      <c r="EW17" s="102">
        <v>68</v>
      </c>
      <c r="EX17" s="102">
        <v>42</v>
      </c>
      <c r="EY17" s="103">
        <v>431</v>
      </c>
      <c r="EZ17" s="104">
        <v>650</v>
      </c>
      <c r="FA17" s="101">
        <v>126</v>
      </c>
      <c r="FB17" s="102">
        <v>155</v>
      </c>
      <c r="FC17" s="103">
        <v>281</v>
      </c>
      <c r="FD17" s="413">
        <v>0</v>
      </c>
      <c r="FE17" s="102">
        <v>177</v>
      </c>
      <c r="FF17" s="102">
        <v>161</v>
      </c>
      <c r="FG17" s="102">
        <v>73</v>
      </c>
      <c r="FH17" s="102">
        <v>91</v>
      </c>
      <c r="FI17" s="102">
        <v>73</v>
      </c>
      <c r="FJ17" s="103">
        <v>575</v>
      </c>
      <c r="FK17" s="104">
        <v>856</v>
      </c>
      <c r="FL17" s="101">
        <v>73</v>
      </c>
      <c r="FM17" s="102">
        <v>90</v>
      </c>
      <c r="FN17" s="103">
        <v>163</v>
      </c>
      <c r="FO17" s="413">
        <v>0</v>
      </c>
      <c r="FP17" s="102">
        <v>198</v>
      </c>
      <c r="FQ17" s="102">
        <v>209</v>
      </c>
      <c r="FR17" s="102">
        <v>160</v>
      </c>
      <c r="FS17" s="102">
        <v>179</v>
      </c>
      <c r="FT17" s="102">
        <v>122</v>
      </c>
      <c r="FU17" s="103">
        <v>868</v>
      </c>
      <c r="FV17" s="104">
        <v>1031</v>
      </c>
      <c r="FW17" s="101">
        <v>0</v>
      </c>
      <c r="FX17" s="102">
        <v>1</v>
      </c>
      <c r="FY17" s="103">
        <v>1</v>
      </c>
      <c r="FZ17" s="413">
        <v>0</v>
      </c>
      <c r="GA17" s="102">
        <v>9</v>
      </c>
      <c r="GB17" s="102">
        <v>4</v>
      </c>
      <c r="GC17" s="102">
        <v>4</v>
      </c>
      <c r="GD17" s="102">
        <v>2</v>
      </c>
      <c r="GE17" s="102">
        <v>7</v>
      </c>
      <c r="GF17" s="103">
        <v>26</v>
      </c>
      <c r="GG17" s="104">
        <v>27</v>
      </c>
      <c r="GH17" s="101">
        <v>365</v>
      </c>
      <c r="GI17" s="102">
        <v>438</v>
      </c>
      <c r="GJ17" s="103">
        <v>803</v>
      </c>
      <c r="GK17" s="413">
        <v>0</v>
      </c>
      <c r="GL17" s="102">
        <v>622</v>
      </c>
      <c r="GM17" s="102">
        <v>549</v>
      </c>
      <c r="GN17" s="102">
        <v>333</v>
      </c>
      <c r="GO17" s="102">
        <v>381</v>
      </c>
      <c r="GP17" s="102">
        <v>280</v>
      </c>
      <c r="GQ17" s="103">
        <v>2165</v>
      </c>
      <c r="GR17" s="104">
        <v>2968</v>
      </c>
      <c r="GS17" s="105">
        <v>541</v>
      </c>
      <c r="GT17" s="97">
        <v>595</v>
      </c>
      <c r="GU17" s="98">
        <v>1136</v>
      </c>
      <c r="GV17" s="413">
        <v>0</v>
      </c>
      <c r="GW17" s="97">
        <v>925</v>
      </c>
      <c r="GX17" s="97">
        <v>832</v>
      </c>
      <c r="GY17" s="97">
        <v>512</v>
      </c>
      <c r="GZ17" s="97">
        <v>505</v>
      </c>
      <c r="HA17" s="97">
        <v>368</v>
      </c>
      <c r="HB17" s="99">
        <v>3142</v>
      </c>
      <c r="HC17" s="100">
        <v>4278</v>
      </c>
      <c r="HD17" s="101">
        <v>9</v>
      </c>
      <c r="HE17" s="102">
        <v>12</v>
      </c>
      <c r="HF17" s="103">
        <v>21</v>
      </c>
      <c r="HG17" s="416">
        <v>0</v>
      </c>
      <c r="HH17" s="102">
        <v>21</v>
      </c>
      <c r="HI17" s="102">
        <v>13</v>
      </c>
      <c r="HJ17" s="102">
        <v>4</v>
      </c>
      <c r="HK17" s="102">
        <v>10</v>
      </c>
      <c r="HL17" s="102">
        <v>10</v>
      </c>
      <c r="HM17" s="103">
        <v>58</v>
      </c>
      <c r="HN17" s="104">
        <v>79</v>
      </c>
      <c r="HO17" s="101">
        <v>31</v>
      </c>
      <c r="HP17" s="102">
        <v>34</v>
      </c>
      <c r="HQ17" s="103">
        <v>65</v>
      </c>
      <c r="HR17" s="413">
        <v>0</v>
      </c>
      <c r="HS17" s="102">
        <v>31</v>
      </c>
      <c r="HT17" s="102">
        <v>42</v>
      </c>
      <c r="HU17" s="102">
        <v>20</v>
      </c>
      <c r="HV17" s="102">
        <v>25</v>
      </c>
      <c r="HW17" s="102">
        <v>17</v>
      </c>
      <c r="HX17" s="103">
        <v>135</v>
      </c>
      <c r="HY17" s="104">
        <v>200</v>
      </c>
      <c r="HZ17" s="101">
        <v>63</v>
      </c>
      <c r="IA17" s="102">
        <v>58</v>
      </c>
      <c r="IB17" s="103">
        <v>121</v>
      </c>
      <c r="IC17" s="413">
        <v>0</v>
      </c>
      <c r="ID17" s="102">
        <v>98</v>
      </c>
      <c r="IE17" s="102">
        <v>81</v>
      </c>
      <c r="IF17" s="102">
        <v>57</v>
      </c>
      <c r="IG17" s="102">
        <v>42</v>
      </c>
      <c r="IH17" s="102">
        <v>38</v>
      </c>
      <c r="II17" s="103">
        <v>316</v>
      </c>
      <c r="IJ17" s="104">
        <v>437</v>
      </c>
      <c r="IK17" s="101">
        <v>146</v>
      </c>
      <c r="IL17" s="102">
        <v>154</v>
      </c>
      <c r="IM17" s="103">
        <v>300</v>
      </c>
      <c r="IN17" s="413">
        <v>0</v>
      </c>
      <c r="IO17" s="102">
        <v>229</v>
      </c>
      <c r="IP17" s="102">
        <v>176</v>
      </c>
      <c r="IQ17" s="102">
        <v>97</v>
      </c>
      <c r="IR17" s="102">
        <v>87</v>
      </c>
      <c r="IS17" s="102">
        <v>58</v>
      </c>
      <c r="IT17" s="103">
        <v>647</v>
      </c>
      <c r="IU17" s="104">
        <v>947</v>
      </c>
      <c r="IV17" s="101">
        <v>178</v>
      </c>
      <c r="IW17" s="102">
        <v>204</v>
      </c>
      <c r="IX17" s="103">
        <v>382</v>
      </c>
      <c r="IY17" s="413">
        <v>0</v>
      </c>
      <c r="IZ17" s="102">
        <v>271</v>
      </c>
      <c r="JA17" s="102">
        <v>248</v>
      </c>
      <c r="JB17" s="102">
        <v>115</v>
      </c>
      <c r="JC17" s="102">
        <v>125</v>
      </c>
      <c r="JD17" s="102">
        <v>100</v>
      </c>
      <c r="JE17" s="103">
        <v>859</v>
      </c>
      <c r="JF17" s="104">
        <v>1241</v>
      </c>
      <c r="JG17" s="101">
        <v>114</v>
      </c>
      <c r="JH17" s="102">
        <v>133</v>
      </c>
      <c r="JI17" s="103">
        <v>247</v>
      </c>
      <c r="JJ17" s="413">
        <v>0</v>
      </c>
      <c r="JK17" s="102">
        <v>275</v>
      </c>
      <c r="JL17" s="102">
        <v>272</v>
      </c>
      <c r="JM17" s="102">
        <v>219</v>
      </c>
      <c r="JN17" s="102">
        <v>216</v>
      </c>
      <c r="JO17" s="102">
        <v>145</v>
      </c>
      <c r="JP17" s="103">
        <v>1127</v>
      </c>
      <c r="JQ17" s="104">
        <v>1374</v>
      </c>
      <c r="JR17" s="101">
        <v>5</v>
      </c>
      <c r="JS17" s="102">
        <v>4</v>
      </c>
      <c r="JT17" s="103">
        <v>9</v>
      </c>
      <c r="JU17" s="413">
        <v>0</v>
      </c>
      <c r="JV17" s="102">
        <v>18</v>
      </c>
      <c r="JW17" s="102">
        <v>12</v>
      </c>
      <c r="JX17" s="102">
        <v>11</v>
      </c>
      <c r="JY17" s="102">
        <v>5</v>
      </c>
      <c r="JZ17" s="102">
        <v>15</v>
      </c>
      <c r="KA17" s="103">
        <v>61</v>
      </c>
      <c r="KB17" s="104">
        <v>70</v>
      </c>
      <c r="KC17" s="101">
        <v>546</v>
      </c>
      <c r="KD17" s="102">
        <v>599</v>
      </c>
      <c r="KE17" s="103">
        <v>1145</v>
      </c>
      <c r="KF17" s="413">
        <v>0</v>
      </c>
      <c r="KG17" s="102">
        <v>943</v>
      </c>
      <c r="KH17" s="102">
        <v>844</v>
      </c>
      <c r="KI17" s="102">
        <v>523</v>
      </c>
      <c r="KJ17" s="102">
        <v>510</v>
      </c>
      <c r="KK17" s="102">
        <v>383</v>
      </c>
      <c r="KL17" s="103">
        <v>3203</v>
      </c>
      <c r="KM17" s="104">
        <v>4348</v>
      </c>
    </row>
    <row r="18" spans="2:299" s="70" customFormat="1" ht="21" customHeight="1" x14ac:dyDescent="0.2">
      <c r="B18" s="106" t="s">
        <v>15</v>
      </c>
      <c r="C18" s="96">
        <v>125</v>
      </c>
      <c r="D18" s="97">
        <v>138</v>
      </c>
      <c r="E18" s="98">
        <v>263</v>
      </c>
      <c r="F18" s="413">
        <v>0</v>
      </c>
      <c r="G18" s="97">
        <v>250</v>
      </c>
      <c r="H18" s="97">
        <v>222</v>
      </c>
      <c r="I18" s="97">
        <v>137</v>
      </c>
      <c r="J18" s="97">
        <v>147</v>
      </c>
      <c r="K18" s="97">
        <v>56</v>
      </c>
      <c r="L18" s="99">
        <v>812</v>
      </c>
      <c r="M18" s="100">
        <v>1075</v>
      </c>
      <c r="N18" s="101">
        <v>7</v>
      </c>
      <c r="O18" s="102">
        <v>7</v>
      </c>
      <c r="P18" s="103">
        <v>14</v>
      </c>
      <c r="Q18" s="413">
        <v>0</v>
      </c>
      <c r="R18" s="102">
        <v>10</v>
      </c>
      <c r="S18" s="102">
        <v>17</v>
      </c>
      <c r="T18" s="102">
        <v>3</v>
      </c>
      <c r="U18" s="102">
        <v>5</v>
      </c>
      <c r="V18" s="102">
        <v>5</v>
      </c>
      <c r="W18" s="103">
        <v>40</v>
      </c>
      <c r="X18" s="104">
        <v>54</v>
      </c>
      <c r="Y18" s="101">
        <v>12</v>
      </c>
      <c r="Z18" s="102">
        <v>13</v>
      </c>
      <c r="AA18" s="103">
        <v>25</v>
      </c>
      <c r="AB18" s="413">
        <v>0</v>
      </c>
      <c r="AC18" s="102">
        <v>30</v>
      </c>
      <c r="AD18" s="102">
        <v>20</v>
      </c>
      <c r="AE18" s="102">
        <v>16</v>
      </c>
      <c r="AF18" s="102">
        <v>19</v>
      </c>
      <c r="AG18" s="102">
        <v>5</v>
      </c>
      <c r="AH18" s="103">
        <v>90</v>
      </c>
      <c r="AI18" s="104">
        <v>115</v>
      </c>
      <c r="AJ18" s="101">
        <v>23</v>
      </c>
      <c r="AK18" s="102">
        <v>24</v>
      </c>
      <c r="AL18" s="103">
        <v>47</v>
      </c>
      <c r="AM18" s="413">
        <v>0</v>
      </c>
      <c r="AN18" s="102">
        <v>41</v>
      </c>
      <c r="AO18" s="102">
        <v>43</v>
      </c>
      <c r="AP18" s="102">
        <v>20</v>
      </c>
      <c r="AQ18" s="102">
        <v>31</v>
      </c>
      <c r="AR18" s="102">
        <v>14</v>
      </c>
      <c r="AS18" s="103">
        <v>149</v>
      </c>
      <c r="AT18" s="104">
        <v>196</v>
      </c>
      <c r="AU18" s="101">
        <v>36</v>
      </c>
      <c r="AV18" s="102">
        <v>34</v>
      </c>
      <c r="AW18" s="103">
        <v>70</v>
      </c>
      <c r="AX18" s="413">
        <v>0</v>
      </c>
      <c r="AY18" s="102">
        <v>73</v>
      </c>
      <c r="AZ18" s="102">
        <v>50</v>
      </c>
      <c r="BA18" s="102">
        <v>34</v>
      </c>
      <c r="BB18" s="102">
        <v>30</v>
      </c>
      <c r="BC18" s="102">
        <v>10</v>
      </c>
      <c r="BD18" s="103">
        <v>197</v>
      </c>
      <c r="BE18" s="104">
        <v>267</v>
      </c>
      <c r="BF18" s="101">
        <v>37</v>
      </c>
      <c r="BG18" s="102">
        <v>38</v>
      </c>
      <c r="BH18" s="103">
        <v>75</v>
      </c>
      <c r="BI18" s="413">
        <v>0</v>
      </c>
      <c r="BJ18" s="102">
        <v>57</v>
      </c>
      <c r="BK18" s="102">
        <v>47</v>
      </c>
      <c r="BL18" s="102">
        <v>30</v>
      </c>
      <c r="BM18" s="102">
        <v>37</v>
      </c>
      <c r="BN18" s="102">
        <v>9</v>
      </c>
      <c r="BO18" s="103">
        <v>180</v>
      </c>
      <c r="BP18" s="104">
        <v>255</v>
      </c>
      <c r="BQ18" s="101">
        <v>10</v>
      </c>
      <c r="BR18" s="102">
        <v>22</v>
      </c>
      <c r="BS18" s="103">
        <v>32</v>
      </c>
      <c r="BT18" s="413">
        <v>0</v>
      </c>
      <c r="BU18" s="102">
        <v>39</v>
      </c>
      <c r="BV18" s="102">
        <v>45</v>
      </c>
      <c r="BW18" s="102">
        <v>34</v>
      </c>
      <c r="BX18" s="102">
        <v>25</v>
      </c>
      <c r="BY18" s="102">
        <v>13</v>
      </c>
      <c r="BZ18" s="103">
        <v>156</v>
      </c>
      <c r="CA18" s="104">
        <v>188</v>
      </c>
      <c r="CB18" s="101">
        <v>1</v>
      </c>
      <c r="CC18" s="102">
        <v>2</v>
      </c>
      <c r="CD18" s="103">
        <v>3</v>
      </c>
      <c r="CE18" s="413">
        <v>0</v>
      </c>
      <c r="CF18" s="102">
        <v>7</v>
      </c>
      <c r="CG18" s="102">
        <v>9</v>
      </c>
      <c r="CH18" s="102">
        <v>9</v>
      </c>
      <c r="CI18" s="102">
        <v>10</v>
      </c>
      <c r="CJ18" s="102">
        <v>5</v>
      </c>
      <c r="CK18" s="103">
        <v>40</v>
      </c>
      <c r="CL18" s="104">
        <v>43</v>
      </c>
      <c r="CM18" s="101">
        <v>126</v>
      </c>
      <c r="CN18" s="102">
        <v>140</v>
      </c>
      <c r="CO18" s="103">
        <v>266</v>
      </c>
      <c r="CP18" s="413">
        <v>0</v>
      </c>
      <c r="CQ18" s="102">
        <v>257</v>
      </c>
      <c r="CR18" s="102">
        <v>231</v>
      </c>
      <c r="CS18" s="102">
        <v>146</v>
      </c>
      <c r="CT18" s="102">
        <v>157</v>
      </c>
      <c r="CU18" s="102">
        <v>61</v>
      </c>
      <c r="CV18" s="103">
        <v>852</v>
      </c>
      <c r="CW18" s="104">
        <v>1118</v>
      </c>
      <c r="CX18" s="105">
        <v>259</v>
      </c>
      <c r="CY18" s="97">
        <v>381</v>
      </c>
      <c r="CZ18" s="98">
        <v>640</v>
      </c>
      <c r="DA18" s="413">
        <v>0</v>
      </c>
      <c r="DB18" s="97">
        <v>456</v>
      </c>
      <c r="DC18" s="97">
        <v>477</v>
      </c>
      <c r="DD18" s="97">
        <v>273</v>
      </c>
      <c r="DE18" s="97">
        <v>319</v>
      </c>
      <c r="DF18" s="97">
        <v>176</v>
      </c>
      <c r="DG18" s="99">
        <v>1701</v>
      </c>
      <c r="DH18" s="100">
        <v>2341</v>
      </c>
      <c r="DI18" s="101">
        <v>8</v>
      </c>
      <c r="DJ18" s="102">
        <v>4</v>
      </c>
      <c r="DK18" s="103">
        <v>12</v>
      </c>
      <c r="DL18" s="413">
        <v>0</v>
      </c>
      <c r="DM18" s="102">
        <v>9</v>
      </c>
      <c r="DN18" s="102">
        <v>16</v>
      </c>
      <c r="DO18" s="102">
        <v>4</v>
      </c>
      <c r="DP18" s="102">
        <v>0</v>
      </c>
      <c r="DQ18" s="102">
        <v>3</v>
      </c>
      <c r="DR18" s="103">
        <v>32</v>
      </c>
      <c r="DS18" s="104">
        <v>44</v>
      </c>
      <c r="DT18" s="101">
        <v>20</v>
      </c>
      <c r="DU18" s="102">
        <v>21</v>
      </c>
      <c r="DV18" s="103">
        <v>41</v>
      </c>
      <c r="DW18" s="413">
        <v>0</v>
      </c>
      <c r="DX18" s="102">
        <v>29</v>
      </c>
      <c r="DY18" s="102">
        <v>25</v>
      </c>
      <c r="DZ18" s="102">
        <v>11</v>
      </c>
      <c r="EA18" s="102">
        <v>11</v>
      </c>
      <c r="EB18" s="102">
        <v>9</v>
      </c>
      <c r="EC18" s="103">
        <v>85</v>
      </c>
      <c r="ED18" s="104">
        <v>126</v>
      </c>
      <c r="EE18" s="101">
        <v>42</v>
      </c>
      <c r="EF18" s="102">
        <v>51</v>
      </c>
      <c r="EG18" s="103">
        <v>93</v>
      </c>
      <c r="EH18" s="413">
        <v>0</v>
      </c>
      <c r="EI18" s="102">
        <v>49</v>
      </c>
      <c r="EJ18" s="102">
        <v>67</v>
      </c>
      <c r="EK18" s="102">
        <v>27</v>
      </c>
      <c r="EL18" s="102">
        <v>24</v>
      </c>
      <c r="EM18" s="102">
        <v>15</v>
      </c>
      <c r="EN18" s="103">
        <v>182</v>
      </c>
      <c r="EO18" s="104">
        <v>275</v>
      </c>
      <c r="EP18" s="101">
        <v>83</v>
      </c>
      <c r="EQ18" s="102">
        <v>118</v>
      </c>
      <c r="ER18" s="103">
        <v>201</v>
      </c>
      <c r="ES18" s="413">
        <v>0</v>
      </c>
      <c r="ET18" s="102">
        <v>107</v>
      </c>
      <c r="EU18" s="102">
        <v>99</v>
      </c>
      <c r="EV18" s="102">
        <v>48</v>
      </c>
      <c r="EW18" s="102">
        <v>49</v>
      </c>
      <c r="EX18" s="102">
        <v>38</v>
      </c>
      <c r="EY18" s="103">
        <v>341</v>
      </c>
      <c r="EZ18" s="104">
        <v>542</v>
      </c>
      <c r="FA18" s="101">
        <v>66</v>
      </c>
      <c r="FB18" s="102">
        <v>123</v>
      </c>
      <c r="FC18" s="103">
        <v>189</v>
      </c>
      <c r="FD18" s="413">
        <v>0</v>
      </c>
      <c r="FE18" s="102">
        <v>129</v>
      </c>
      <c r="FF18" s="102">
        <v>136</v>
      </c>
      <c r="FG18" s="102">
        <v>81</v>
      </c>
      <c r="FH18" s="102">
        <v>71</v>
      </c>
      <c r="FI18" s="102">
        <v>46</v>
      </c>
      <c r="FJ18" s="103">
        <v>463</v>
      </c>
      <c r="FK18" s="104">
        <v>652</v>
      </c>
      <c r="FL18" s="101">
        <v>40</v>
      </c>
      <c r="FM18" s="102">
        <v>64</v>
      </c>
      <c r="FN18" s="103">
        <v>104</v>
      </c>
      <c r="FO18" s="413">
        <v>0</v>
      </c>
      <c r="FP18" s="102">
        <v>133</v>
      </c>
      <c r="FQ18" s="102">
        <v>134</v>
      </c>
      <c r="FR18" s="102">
        <v>102</v>
      </c>
      <c r="FS18" s="102">
        <v>164</v>
      </c>
      <c r="FT18" s="102">
        <v>65</v>
      </c>
      <c r="FU18" s="103">
        <v>598</v>
      </c>
      <c r="FV18" s="104">
        <v>702</v>
      </c>
      <c r="FW18" s="101">
        <v>1</v>
      </c>
      <c r="FX18" s="102">
        <v>3</v>
      </c>
      <c r="FY18" s="103">
        <v>4</v>
      </c>
      <c r="FZ18" s="413">
        <v>0</v>
      </c>
      <c r="GA18" s="102">
        <v>3</v>
      </c>
      <c r="GB18" s="102">
        <v>7</v>
      </c>
      <c r="GC18" s="102">
        <v>5</v>
      </c>
      <c r="GD18" s="102">
        <v>3</v>
      </c>
      <c r="GE18" s="102">
        <v>7</v>
      </c>
      <c r="GF18" s="103">
        <v>25</v>
      </c>
      <c r="GG18" s="104">
        <v>29</v>
      </c>
      <c r="GH18" s="101">
        <v>260</v>
      </c>
      <c r="GI18" s="102">
        <v>384</v>
      </c>
      <c r="GJ18" s="103">
        <v>644</v>
      </c>
      <c r="GK18" s="413">
        <v>0</v>
      </c>
      <c r="GL18" s="102">
        <v>459</v>
      </c>
      <c r="GM18" s="102">
        <v>484</v>
      </c>
      <c r="GN18" s="102">
        <v>278</v>
      </c>
      <c r="GO18" s="102">
        <v>322</v>
      </c>
      <c r="GP18" s="102">
        <v>183</v>
      </c>
      <c r="GQ18" s="103">
        <v>1726</v>
      </c>
      <c r="GR18" s="104">
        <v>2370</v>
      </c>
      <c r="GS18" s="105">
        <v>384</v>
      </c>
      <c r="GT18" s="97">
        <v>519</v>
      </c>
      <c r="GU18" s="98">
        <v>903</v>
      </c>
      <c r="GV18" s="413">
        <v>0</v>
      </c>
      <c r="GW18" s="97">
        <v>706</v>
      </c>
      <c r="GX18" s="97">
        <v>699</v>
      </c>
      <c r="GY18" s="97">
        <v>410</v>
      </c>
      <c r="GZ18" s="97">
        <v>466</v>
      </c>
      <c r="HA18" s="97">
        <v>232</v>
      </c>
      <c r="HB18" s="99">
        <v>2513</v>
      </c>
      <c r="HC18" s="100">
        <v>3416</v>
      </c>
      <c r="HD18" s="101">
        <v>15</v>
      </c>
      <c r="HE18" s="102">
        <v>11</v>
      </c>
      <c r="HF18" s="103">
        <v>26</v>
      </c>
      <c r="HG18" s="416">
        <v>0</v>
      </c>
      <c r="HH18" s="102">
        <v>19</v>
      </c>
      <c r="HI18" s="102">
        <v>33</v>
      </c>
      <c r="HJ18" s="102">
        <v>7</v>
      </c>
      <c r="HK18" s="102">
        <v>5</v>
      </c>
      <c r="HL18" s="102">
        <v>8</v>
      </c>
      <c r="HM18" s="103">
        <v>72</v>
      </c>
      <c r="HN18" s="104">
        <v>98</v>
      </c>
      <c r="HO18" s="101">
        <v>32</v>
      </c>
      <c r="HP18" s="102">
        <v>34</v>
      </c>
      <c r="HQ18" s="103">
        <v>66</v>
      </c>
      <c r="HR18" s="413">
        <v>0</v>
      </c>
      <c r="HS18" s="102">
        <v>59</v>
      </c>
      <c r="HT18" s="102">
        <v>45</v>
      </c>
      <c r="HU18" s="102">
        <v>27</v>
      </c>
      <c r="HV18" s="102">
        <v>30</v>
      </c>
      <c r="HW18" s="102">
        <v>14</v>
      </c>
      <c r="HX18" s="103">
        <v>175</v>
      </c>
      <c r="HY18" s="104">
        <v>241</v>
      </c>
      <c r="HZ18" s="101">
        <v>65</v>
      </c>
      <c r="IA18" s="102">
        <v>75</v>
      </c>
      <c r="IB18" s="103">
        <v>140</v>
      </c>
      <c r="IC18" s="413">
        <v>0</v>
      </c>
      <c r="ID18" s="102">
        <v>90</v>
      </c>
      <c r="IE18" s="102">
        <v>110</v>
      </c>
      <c r="IF18" s="102">
        <v>47</v>
      </c>
      <c r="IG18" s="102">
        <v>55</v>
      </c>
      <c r="IH18" s="102">
        <v>29</v>
      </c>
      <c r="II18" s="103">
        <v>331</v>
      </c>
      <c r="IJ18" s="104">
        <v>471</v>
      </c>
      <c r="IK18" s="101">
        <v>119</v>
      </c>
      <c r="IL18" s="102">
        <v>152</v>
      </c>
      <c r="IM18" s="103">
        <v>271</v>
      </c>
      <c r="IN18" s="413">
        <v>0</v>
      </c>
      <c r="IO18" s="102">
        <v>180</v>
      </c>
      <c r="IP18" s="102">
        <v>149</v>
      </c>
      <c r="IQ18" s="102">
        <v>82</v>
      </c>
      <c r="IR18" s="102">
        <v>79</v>
      </c>
      <c r="IS18" s="102">
        <v>48</v>
      </c>
      <c r="IT18" s="103">
        <v>538</v>
      </c>
      <c r="IU18" s="104">
        <v>809</v>
      </c>
      <c r="IV18" s="101">
        <v>103</v>
      </c>
      <c r="IW18" s="102">
        <v>161</v>
      </c>
      <c r="IX18" s="103">
        <v>264</v>
      </c>
      <c r="IY18" s="413">
        <v>0</v>
      </c>
      <c r="IZ18" s="102">
        <v>186</v>
      </c>
      <c r="JA18" s="102">
        <v>183</v>
      </c>
      <c r="JB18" s="102">
        <v>111</v>
      </c>
      <c r="JC18" s="102">
        <v>108</v>
      </c>
      <c r="JD18" s="102">
        <v>55</v>
      </c>
      <c r="JE18" s="103">
        <v>643</v>
      </c>
      <c r="JF18" s="104">
        <v>907</v>
      </c>
      <c r="JG18" s="101">
        <v>50</v>
      </c>
      <c r="JH18" s="102">
        <v>86</v>
      </c>
      <c r="JI18" s="103">
        <v>136</v>
      </c>
      <c r="JJ18" s="413">
        <v>0</v>
      </c>
      <c r="JK18" s="102">
        <v>172</v>
      </c>
      <c r="JL18" s="102">
        <v>179</v>
      </c>
      <c r="JM18" s="102">
        <v>136</v>
      </c>
      <c r="JN18" s="102">
        <v>189</v>
      </c>
      <c r="JO18" s="102">
        <v>78</v>
      </c>
      <c r="JP18" s="103">
        <v>754</v>
      </c>
      <c r="JQ18" s="104">
        <v>890</v>
      </c>
      <c r="JR18" s="101">
        <v>2</v>
      </c>
      <c r="JS18" s="102">
        <v>5</v>
      </c>
      <c r="JT18" s="103">
        <v>7</v>
      </c>
      <c r="JU18" s="413">
        <v>0</v>
      </c>
      <c r="JV18" s="102">
        <v>10</v>
      </c>
      <c r="JW18" s="102">
        <v>16</v>
      </c>
      <c r="JX18" s="102">
        <v>14</v>
      </c>
      <c r="JY18" s="102">
        <v>13</v>
      </c>
      <c r="JZ18" s="102">
        <v>12</v>
      </c>
      <c r="KA18" s="103">
        <v>65</v>
      </c>
      <c r="KB18" s="104">
        <v>72</v>
      </c>
      <c r="KC18" s="101">
        <v>386</v>
      </c>
      <c r="KD18" s="102">
        <v>524</v>
      </c>
      <c r="KE18" s="103">
        <v>910</v>
      </c>
      <c r="KF18" s="413">
        <v>0</v>
      </c>
      <c r="KG18" s="102">
        <v>716</v>
      </c>
      <c r="KH18" s="102">
        <v>715</v>
      </c>
      <c r="KI18" s="102">
        <v>424</v>
      </c>
      <c r="KJ18" s="102">
        <v>479</v>
      </c>
      <c r="KK18" s="102">
        <v>244</v>
      </c>
      <c r="KL18" s="103">
        <v>2578</v>
      </c>
      <c r="KM18" s="104">
        <v>3488</v>
      </c>
    </row>
    <row r="19" spans="2:299" s="70" customFormat="1" ht="21" customHeight="1" x14ac:dyDescent="0.2">
      <c r="B19" s="106" t="s">
        <v>16</v>
      </c>
      <c r="C19" s="96">
        <v>239</v>
      </c>
      <c r="D19" s="97">
        <v>308</v>
      </c>
      <c r="E19" s="98">
        <v>547</v>
      </c>
      <c r="F19" s="413">
        <v>0</v>
      </c>
      <c r="G19" s="97">
        <v>538</v>
      </c>
      <c r="H19" s="97">
        <v>632</v>
      </c>
      <c r="I19" s="97">
        <v>419</v>
      </c>
      <c r="J19" s="97">
        <v>320</v>
      </c>
      <c r="K19" s="97">
        <v>178</v>
      </c>
      <c r="L19" s="99">
        <v>2087</v>
      </c>
      <c r="M19" s="100">
        <v>2634</v>
      </c>
      <c r="N19" s="101">
        <v>7</v>
      </c>
      <c r="O19" s="102">
        <v>13</v>
      </c>
      <c r="P19" s="103">
        <v>20</v>
      </c>
      <c r="Q19" s="413">
        <v>0</v>
      </c>
      <c r="R19" s="102">
        <v>21</v>
      </c>
      <c r="S19" s="102">
        <v>29</v>
      </c>
      <c r="T19" s="102">
        <v>23</v>
      </c>
      <c r="U19" s="102">
        <v>13</v>
      </c>
      <c r="V19" s="102">
        <v>13</v>
      </c>
      <c r="W19" s="103">
        <v>99</v>
      </c>
      <c r="X19" s="104">
        <v>119</v>
      </c>
      <c r="Y19" s="101">
        <v>26</v>
      </c>
      <c r="Z19" s="102">
        <v>33</v>
      </c>
      <c r="AA19" s="103">
        <v>59</v>
      </c>
      <c r="AB19" s="413">
        <v>0</v>
      </c>
      <c r="AC19" s="102">
        <v>43</v>
      </c>
      <c r="AD19" s="102">
        <v>61</v>
      </c>
      <c r="AE19" s="102">
        <v>43</v>
      </c>
      <c r="AF19" s="102">
        <v>35</v>
      </c>
      <c r="AG19" s="102">
        <v>31</v>
      </c>
      <c r="AH19" s="103">
        <v>213</v>
      </c>
      <c r="AI19" s="104">
        <v>272</v>
      </c>
      <c r="AJ19" s="101">
        <v>54</v>
      </c>
      <c r="AK19" s="102">
        <v>64</v>
      </c>
      <c r="AL19" s="103">
        <v>118</v>
      </c>
      <c r="AM19" s="413">
        <v>0</v>
      </c>
      <c r="AN19" s="102">
        <v>96</v>
      </c>
      <c r="AO19" s="102">
        <v>101</v>
      </c>
      <c r="AP19" s="102">
        <v>74</v>
      </c>
      <c r="AQ19" s="102">
        <v>60</v>
      </c>
      <c r="AR19" s="102">
        <v>46</v>
      </c>
      <c r="AS19" s="103">
        <v>377</v>
      </c>
      <c r="AT19" s="104">
        <v>495</v>
      </c>
      <c r="AU19" s="101">
        <v>79</v>
      </c>
      <c r="AV19" s="102">
        <v>80</v>
      </c>
      <c r="AW19" s="103">
        <v>159</v>
      </c>
      <c r="AX19" s="413">
        <v>0</v>
      </c>
      <c r="AY19" s="102">
        <v>149</v>
      </c>
      <c r="AZ19" s="102">
        <v>175</v>
      </c>
      <c r="BA19" s="102">
        <v>102</v>
      </c>
      <c r="BB19" s="102">
        <v>81</v>
      </c>
      <c r="BC19" s="102">
        <v>37</v>
      </c>
      <c r="BD19" s="103">
        <v>544</v>
      </c>
      <c r="BE19" s="104">
        <v>703</v>
      </c>
      <c r="BF19" s="101">
        <v>46</v>
      </c>
      <c r="BG19" s="102">
        <v>69</v>
      </c>
      <c r="BH19" s="103">
        <v>115</v>
      </c>
      <c r="BI19" s="413">
        <v>0</v>
      </c>
      <c r="BJ19" s="102">
        <v>152</v>
      </c>
      <c r="BK19" s="102">
        <v>146</v>
      </c>
      <c r="BL19" s="102">
        <v>108</v>
      </c>
      <c r="BM19" s="102">
        <v>73</v>
      </c>
      <c r="BN19" s="102">
        <v>28</v>
      </c>
      <c r="BO19" s="103">
        <v>507</v>
      </c>
      <c r="BP19" s="104">
        <v>622</v>
      </c>
      <c r="BQ19" s="101">
        <v>27</v>
      </c>
      <c r="BR19" s="102">
        <v>49</v>
      </c>
      <c r="BS19" s="103">
        <v>76</v>
      </c>
      <c r="BT19" s="413">
        <v>0</v>
      </c>
      <c r="BU19" s="102">
        <v>77</v>
      </c>
      <c r="BV19" s="102">
        <v>120</v>
      </c>
      <c r="BW19" s="102">
        <v>69</v>
      </c>
      <c r="BX19" s="102">
        <v>58</v>
      </c>
      <c r="BY19" s="102">
        <v>23</v>
      </c>
      <c r="BZ19" s="103">
        <v>347</v>
      </c>
      <c r="CA19" s="104">
        <v>423</v>
      </c>
      <c r="CB19" s="101">
        <v>13</v>
      </c>
      <c r="CC19" s="102">
        <v>17</v>
      </c>
      <c r="CD19" s="103">
        <v>30</v>
      </c>
      <c r="CE19" s="413">
        <v>0</v>
      </c>
      <c r="CF19" s="102">
        <v>12</v>
      </c>
      <c r="CG19" s="102">
        <v>27</v>
      </c>
      <c r="CH19" s="102">
        <v>19</v>
      </c>
      <c r="CI19" s="102">
        <v>12</v>
      </c>
      <c r="CJ19" s="102">
        <v>14</v>
      </c>
      <c r="CK19" s="103">
        <v>84</v>
      </c>
      <c r="CL19" s="104">
        <v>114</v>
      </c>
      <c r="CM19" s="101">
        <v>252</v>
      </c>
      <c r="CN19" s="102">
        <v>325</v>
      </c>
      <c r="CO19" s="103">
        <v>577</v>
      </c>
      <c r="CP19" s="413">
        <v>0</v>
      </c>
      <c r="CQ19" s="102">
        <v>550</v>
      </c>
      <c r="CR19" s="102">
        <v>659</v>
      </c>
      <c r="CS19" s="102">
        <v>438</v>
      </c>
      <c r="CT19" s="102">
        <v>332</v>
      </c>
      <c r="CU19" s="102">
        <v>192</v>
      </c>
      <c r="CV19" s="103">
        <v>2171</v>
      </c>
      <c r="CW19" s="104">
        <v>2748</v>
      </c>
      <c r="CX19" s="105">
        <v>469</v>
      </c>
      <c r="CY19" s="97">
        <v>692</v>
      </c>
      <c r="CZ19" s="98">
        <v>1161</v>
      </c>
      <c r="DA19" s="413">
        <v>0</v>
      </c>
      <c r="DB19" s="97">
        <v>843</v>
      </c>
      <c r="DC19" s="97">
        <v>1021</v>
      </c>
      <c r="DD19" s="97">
        <v>762</v>
      </c>
      <c r="DE19" s="97">
        <v>785</v>
      </c>
      <c r="DF19" s="97">
        <v>463</v>
      </c>
      <c r="DG19" s="99">
        <v>3874</v>
      </c>
      <c r="DH19" s="100">
        <v>5035</v>
      </c>
      <c r="DI19" s="101">
        <v>14</v>
      </c>
      <c r="DJ19" s="102">
        <v>25</v>
      </c>
      <c r="DK19" s="103">
        <v>39</v>
      </c>
      <c r="DL19" s="413">
        <v>0</v>
      </c>
      <c r="DM19" s="102">
        <v>10</v>
      </c>
      <c r="DN19" s="102">
        <v>25</v>
      </c>
      <c r="DO19" s="102">
        <v>18</v>
      </c>
      <c r="DP19" s="102">
        <v>9</v>
      </c>
      <c r="DQ19" s="102">
        <v>7</v>
      </c>
      <c r="DR19" s="103">
        <v>69</v>
      </c>
      <c r="DS19" s="104">
        <v>108</v>
      </c>
      <c r="DT19" s="101">
        <v>40</v>
      </c>
      <c r="DU19" s="102">
        <v>61</v>
      </c>
      <c r="DV19" s="103">
        <v>101</v>
      </c>
      <c r="DW19" s="413">
        <v>0</v>
      </c>
      <c r="DX19" s="102">
        <v>40</v>
      </c>
      <c r="DY19" s="102">
        <v>76</v>
      </c>
      <c r="DZ19" s="102">
        <v>37</v>
      </c>
      <c r="EA19" s="102">
        <v>43</v>
      </c>
      <c r="EB19" s="102">
        <v>24</v>
      </c>
      <c r="EC19" s="103">
        <v>220</v>
      </c>
      <c r="ED19" s="104">
        <v>321</v>
      </c>
      <c r="EE19" s="101">
        <v>77</v>
      </c>
      <c r="EF19" s="102">
        <v>109</v>
      </c>
      <c r="EG19" s="103">
        <v>186</v>
      </c>
      <c r="EH19" s="413">
        <v>0</v>
      </c>
      <c r="EI19" s="102">
        <v>110</v>
      </c>
      <c r="EJ19" s="102">
        <v>127</v>
      </c>
      <c r="EK19" s="102">
        <v>81</v>
      </c>
      <c r="EL19" s="102">
        <v>88</v>
      </c>
      <c r="EM19" s="102">
        <v>54</v>
      </c>
      <c r="EN19" s="103">
        <v>460</v>
      </c>
      <c r="EO19" s="104">
        <v>646</v>
      </c>
      <c r="EP19" s="101">
        <v>150</v>
      </c>
      <c r="EQ19" s="102">
        <v>190</v>
      </c>
      <c r="ER19" s="103">
        <v>340</v>
      </c>
      <c r="ES19" s="413">
        <v>0</v>
      </c>
      <c r="ET19" s="102">
        <v>198</v>
      </c>
      <c r="EU19" s="102">
        <v>248</v>
      </c>
      <c r="EV19" s="102">
        <v>153</v>
      </c>
      <c r="EW19" s="102">
        <v>141</v>
      </c>
      <c r="EX19" s="102">
        <v>88</v>
      </c>
      <c r="EY19" s="103">
        <v>828</v>
      </c>
      <c r="EZ19" s="104">
        <v>1168</v>
      </c>
      <c r="FA19" s="101">
        <v>127</v>
      </c>
      <c r="FB19" s="102">
        <v>170</v>
      </c>
      <c r="FC19" s="103">
        <v>297</v>
      </c>
      <c r="FD19" s="413">
        <v>0</v>
      </c>
      <c r="FE19" s="102">
        <v>249</v>
      </c>
      <c r="FF19" s="102">
        <v>247</v>
      </c>
      <c r="FG19" s="102">
        <v>198</v>
      </c>
      <c r="FH19" s="102">
        <v>181</v>
      </c>
      <c r="FI19" s="102">
        <v>113</v>
      </c>
      <c r="FJ19" s="103">
        <v>988</v>
      </c>
      <c r="FK19" s="104">
        <v>1285</v>
      </c>
      <c r="FL19" s="101">
        <v>61</v>
      </c>
      <c r="FM19" s="102">
        <v>137</v>
      </c>
      <c r="FN19" s="103">
        <v>198</v>
      </c>
      <c r="FO19" s="413">
        <v>0</v>
      </c>
      <c r="FP19" s="102">
        <v>236</v>
      </c>
      <c r="FQ19" s="102">
        <v>298</v>
      </c>
      <c r="FR19" s="102">
        <v>275</v>
      </c>
      <c r="FS19" s="102">
        <v>323</v>
      </c>
      <c r="FT19" s="102">
        <v>177</v>
      </c>
      <c r="FU19" s="103">
        <v>1309</v>
      </c>
      <c r="FV19" s="104">
        <v>1507</v>
      </c>
      <c r="FW19" s="101">
        <v>6</v>
      </c>
      <c r="FX19" s="102">
        <v>16</v>
      </c>
      <c r="FY19" s="103">
        <v>22</v>
      </c>
      <c r="FZ19" s="413">
        <v>0</v>
      </c>
      <c r="GA19" s="102">
        <v>7</v>
      </c>
      <c r="GB19" s="102">
        <v>15</v>
      </c>
      <c r="GC19" s="102">
        <v>16</v>
      </c>
      <c r="GD19" s="102">
        <v>11</v>
      </c>
      <c r="GE19" s="102">
        <v>12</v>
      </c>
      <c r="GF19" s="103">
        <v>61</v>
      </c>
      <c r="GG19" s="104">
        <v>83</v>
      </c>
      <c r="GH19" s="101">
        <v>475</v>
      </c>
      <c r="GI19" s="102">
        <v>708</v>
      </c>
      <c r="GJ19" s="103">
        <v>1183</v>
      </c>
      <c r="GK19" s="413">
        <v>0</v>
      </c>
      <c r="GL19" s="102">
        <v>850</v>
      </c>
      <c r="GM19" s="102">
        <v>1036</v>
      </c>
      <c r="GN19" s="102">
        <v>778</v>
      </c>
      <c r="GO19" s="102">
        <v>796</v>
      </c>
      <c r="GP19" s="102">
        <v>475</v>
      </c>
      <c r="GQ19" s="103">
        <v>3935</v>
      </c>
      <c r="GR19" s="104">
        <v>5118</v>
      </c>
      <c r="GS19" s="105">
        <v>708</v>
      </c>
      <c r="GT19" s="97">
        <v>1000</v>
      </c>
      <c r="GU19" s="98">
        <v>1708</v>
      </c>
      <c r="GV19" s="413">
        <v>0</v>
      </c>
      <c r="GW19" s="97">
        <v>1381</v>
      </c>
      <c r="GX19" s="97">
        <v>1653</v>
      </c>
      <c r="GY19" s="97">
        <v>1181</v>
      </c>
      <c r="GZ19" s="97">
        <v>1105</v>
      </c>
      <c r="HA19" s="97">
        <v>641</v>
      </c>
      <c r="HB19" s="99">
        <v>5961</v>
      </c>
      <c r="HC19" s="100">
        <v>7669</v>
      </c>
      <c r="HD19" s="101">
        <v>21</v>
      </c>
      <c r="HE19" s="102">
        <v>38</v>
      </c>
      <c r="HF19" s="103">
        <v>59</v>
      </c>
      <c r="HG19" s="416">
        <v>0</v>
      </c>
      <c r="HH19" s="102">
        <v>31</v>
      </c>
      <c r="HI19" s="102">
        <v>54</v>
      </c>
      <c r="HJ19" s="102">
        <v>41</v>
      </c>
      <c r="HK19" s="102">
        <v>22</v>
      </c>
      <c r="HL19" s="102">
        <v>20</v>
      </c>
      <c r="HM19" s="103">
        <v>168</v>
      </c>
      <c r="HN19" s="104">
        <v>227</v>
      </c>
      <c r="HO19" s="101">
        <v>66</v>
      </c>
      <c r="HP19" s="102">
        <v>94</v>
      </c>
      <c r="HQ19" s="103">
        <v>160</v>
      </c>
      <c r="HR19" s="413">
        <v>0</v>
      </c>
      <c r="HS19" s="102">
        <v>83</v>
      </c>
      <c r="HT19" s="102">
        <v>137</v>
      </c>
      <c r="HU19" s="102">
        <v>80</v>
      </c>
      <c r="HV19" s="102">
        <v>78</v>
      </c>
      <c r="HW19" s="102">
        <v>55</v>
      </c>
      <c r="HX19" s="103">
        <v>433</v>
      </c>
      <c r="HY19" s="104">
        <v>593</v>
      </c>
      <c r="HZ19" s="101">
        <v>131</v>
      </c>
      <c r="IA19" s="102">
        <v>173</v>
      </c>
      <c r="IB19" s="103">
        <v>304</v>
      </c>
      <c r="IC19" s="413">
        <v>0</v>
      </c>
      <c r="ID19" s="102">
        <v>206</v>
      </c>
      <c r="IE19" s="102">
        <v>228</v>
      </c>
      <c r="IF19" s="102">
        <v>155</v>
      </c>
      <c r="IG19" s="102">
        <v>148</v>
      </c>
      <c r="IH19" s="102">
        <v>100</v>
      </c>
      <c r="II19" s="103">
        <v>837</v>
      </c>
      <c r="IJ19" s="104">
        <v>1141</v>
      </c>
      <c r="IK19" s="101">
        <v>229</v>
      </c>
      <c r="IL19" s="102">
        <v>270</v>
      </c>
      <c r="IM19" s="103">
        <v>499</v>
      </c>
      <c r="IN19" s="413">
        <v>0</v>
      </c>
      <c r="IO19" s="102">
        <v>347</v>
      </c>
      <c r="IP19" s="102">
        <v>423</v>
      </c>
      <c r="IQ19" s="102">
        <v>255</v>
      </c>
      <c r="IR19" s="102">
        <v>222</v>
      </c>
      <c r="IS19" s="102">
        <v>125</v>
      </c>
      <c r="IT19" s="103">
        <v>1372</v>
      </c>
      <c r="IU19" s="104">
        <v>1871</v>
      </c>
      <c r="IV19" s="101">
        <v>173</v>
      </c>
      <c r="IW19" s="102">
        <v>239</v>
      </c>
      <c r="IX19" s="103">
        <v>412</v>
      </c>
      <c r="IY19" s="413">
        <v>0</v>
      </c>
      <c r="IZ19" s="102">
        <v>401</v>
      </c>
      <c r="JA19" s="102">
        <v>393</v>
      </c>
      <c r="JB19" s="102">
        <v>306</v>
      </c>
      <c r="JC19" s="102">
        <v>254</v>
      </c>
      <c r="JD19" s="102">
        <v>141</v>
      </c>
      <c r="JE19" s="103">
        <v>1495</v>
      </c>
      <c r="JF19" s="104">
        <v>1907</v>
      </c>
      <c r="JG19" s="101">
        <v>88</v>
      </c>
      <c r="JH19" s="102">
        <v>186</v>
      </c>
      <c r="JI19" s="103">
        <v>274</v>
      </c>
      <c r="JJ19" s="413">
        <v>0</v>
      </c>
      <c r="JK19" s="102">
        <v>313</v>
      </c>
      <c r="JL19" s="102">
        <v>418</v>
      </c>
      <c r="JM19" s="102">
        <v>344</v>
      </c>
      <c r="JN19" s="102">
        <v>381</v>
      </c>
      <c r="JO19" s="102">
        <v>200</v>
      </c>
      <c r="JP19" s="103">
        <v>1656</v>
      </c>
      <c r="JQ19" s="104">
        <v>1930</v>
      </c>
      <c r="JR19" s="101">
        <v>19</v>
      </c>
      <c r="JS19" s="102">
        <v>33</v>
      </c>
      <c r="JT19" s="103">
        <v>52</v>
      </c>
      <c r="JU19" s="413">
        <v>0</v>
      </c>
      <c r="JV19" s="102">
        <v>19</v>
      </c>
      <c r="JW19" s="102">
        <v>42</v>
      </c>
      <c r="JX19" s="102">
        <v>35</v>
      </c>
      <c r="JY19" s="102">
        <v>23</v>
      </c>
      <c r="JZ19" s="102">
        <v>26</v>
      </c>
      <c r="KA19" s="103">
        <v>145</v>
      </c>
      <c r="KB19" s="104">
        <v>197</v>
      </c>
      <c r="KC19" s="101">
        <v>727</v>
      </c>
      <c r="KD19" s="102">
        <v>1033</v>
      </c>
      <c r="KE19" s="103">
        <v>1760</v>
      </c>
      <c r="KF19" s="413">
        <v>0</v>
      </c>
      <c r="KG19" s="102">
        <v>1400</v>
      </c>
      <c r="KH19" s="102">
        <v>1695</v>
      </c>
      <c r="KI19" s="102">
        <v>1216</v>
      </c>
      <c r="KJ19" s="102">
        <v>1128</v>
      </c>
      <c r="KK19" s="102">
        <v>667</v>
      </c>
      <c r="KL19" s="103">
        <v>6106</v>
      </c>
      <c r="KM19" s="104">
        <v>7866</v>
      </c>
    </row>
    <row r="20" spans="2:299" s="70" customFormat="1" ht="21" customHeight="1" x14ac:dyDescent="0.2">
      <c r="B20" s="106" t="s">
        <v>17</v>
      </c>
      <c r="C20" s="96">
        <v>382</v>
      </c>
      <c r="D20" s="97">
        <v>393</v>
      </c>
      <c r="E20" s="98">
        <v>775</v>
      </c>
      <c r="F20" s="413">
        <v>0</v>
      </c>
      <c r="G20" s="97">
        <v>550</v>
      </c>
      <c r="H20" s="97">
        <v>844</v>
      </c>
      <c r="I20" s="97">
        <v>576</v>
      </c>
      <c r="J20" s="97">
        <v>442</v>
      </c>
      <c r="K20" s="97">
        <v>239</v>
      </c>
      <c r="L20" s="99">
        <v>2651</v>
      </c>
      <c r="M20" s="100">
        <v>3426</v>
      </c>
      <c r="N20" s="101">
        <v>14</v>
      </c>
      <c r="O20" s="102">
        <v>18</v>
      </c>
      <c r="P20" s="103">
        <v>32</v>
      </c>
      <c r="Q20" s="413">
        <v>0</v>
      </c>
      <c r="R20" s="102">
        <v>22</v>
      </c>
      <c r="S20" s="102">
        <v>46</v>
      </c>
      <c r="T20" s="102">
        <v>36</v>
      </c>
      <c r="U20" s="102">
        <v>25</v>
      </c>
      <c r="V20" s="102">
        <v>17</v>
      </c>
      <c r="W20" s="103">
        <v>146</v>
      </c>
      <c r="X20" s="104">
        <v>178</v>
      </c>
      <c r="Y20" s="101">
        <v>31</v>
      </c>
      <c r="Z20" s="102">
        <v>50</v>
      </c>
      <c r="AA20" s="103">
        <v>81</v>
      </c>
      <c r="AB20" s="413">
        <v>0</v>
      </c>
      <c r="AC20" s="102">
        <v>44</v>
      </c>
      <c r="AD20" s="102">
        <v>93</v>
      </c>
      <c r="AE20" s="102">
        <v>53</v>
      </c>
      <c r="AF20" s="102">
        <v>43</v>
      </c>
      <c r="AG20" s="102">
        <v>34</v>
      </c>
      <c r="AH20" s="103">
        <v>267</v>
      </c>
      <c r="AI20" s="104">
        <v>348</v>
      </c>
      <c r="AJ20" s="101">
        <v>59</v>
      </c>
      <c r="AK20" s="102">
        <v>83</v>
      </c>
      <c r="AL20" s="103">
        <v>142</v>
      </c>
      <c r="AM20" s="413">
        <v>0</v>
      </c>
      <c r="AN20" s="102">
        <v>89</v>
      </c>
      <c r="AO20" s="102">
        <v>156</v>
      </c>
      <c r="AP20" s="102">
        <v>101</v>
      </c>
      <c r="AQ20" s="102">
        <v>63</v>
      </c>
      <c r="AR20" s="102">
        <v>55</v>
      </c>
      <c r="AS20" s="103">
        <v>464</v>
      </c>
      <c r="AT20" s="104">
        <v>606</v>
      </c>
      <c r="AU20" s="101">
        <v>113</v>
      </c>
      <c r="AV20" s="102">
        <v>89</v>
      </c>
      <c r="AW20" s="103">
        <v>202</v>
      </c>
      <c r="AX20" s="413">
        <v>0</v>
      </c>
      <c r="AY20" s="102">
        <v>166</v>
      </c>
      <c r="AZ20" s="102">
        <v>250</v>
      </c>
      <c r="BA20" s="102">
        <v>150</v>
      </c>
      <c r="BB20" s="102">
        <v>120</v>
      </c>
      <c r="BC20" s="102">
        <v>48</v>
      </c>
      <c r="BD20" s="103">
        <v>734</v>
      </c>
      <c r="BE20" s="104">
        <v>936</v>
      </c>
      <c r="BF20" s="101">
        <v>113</v>
      </c>
      <c r="BG20" s="102">
        <v>96</v>
      </c>
      <c r="BH20" s="103">
        <v>209</v>
      </c>
      <c r="BI20" s="413">
        <v>0</v>
      </c>
      <c r="BJ20" s="102">
        <v>141</v>
      </c>
      <c r="BK20" s="102">
        <v>161</v>
      </c>
      <c r="BL20" s="102">
        <v>143</v>
      </c>
      <c r="BM20" s="102">
        <v>114</v>
      </c>
      <c r="BN20" s="102">
        <v>42</v>
      </c>
      <c r="BO20" s="103">
        <v>601</v>
      </c>
      <c r="BP20" s="104">
        <v>810</v>
      </c>
      <c r="BQ20" s="101">
        <v>52</v>
      </c>
      <c r="BR20" s="102">
        <v>57</v>
      </c>
      <c r="BS20" s="103">
        <v>109</v>
      </c>
      <c r="BT20" s="413">
        <v>0</v>
      </c>
      <c r="BU20" s="102">
        <v>88</v>
      </c>
      <c r="BV20" s="102">
        <v>138</v>
      </c>
      <c r="BW20" s="102">
        <v>93</v>
      </c>
      <c r="BX20" s="102">
        <v>77</v>
      </c>
      <c r="BY20" s="102">
        <v>43</v>
      </c>
      <c r="BZ20" s="103">
        <v>439</v>
      </c>
      <c r="CA20" s="104">
        <v>548</v>
      </c>
      <c r="CB20" s="101">
        <v>9</v>
      </c>
      <c r="CC20" s="102">
        <v>15</v>
      </c>
      <c r="CD20" s="103">
        <v>24</v>
      </c>
      <c r="CE20" s="413">
        <v>0</v>
      </c>
      <c r="CF20" s="102">
        <v>24</v>
      </c>
      <c r="CG20" s="102">
        <v>33</v>
      </c>
      <c r="CH20" s="102">
        <v>35</v>
      </c>
      <c r="CI20" s="102">
        <v>16</v>
      </c>
      <c r="CJ20" s="102">
        <v>15</v>
      </c>
      <c r="CK20" s="103">
        <v>123</v>
      </c>
      <c r="CL20" s="104">
        <v>147</v>
      </c>
      <c r="CM20" s="101">
        <v>391</v>
      </c>
      <c r="CN20" s="102">
        <v>408</v>
      </c>
      <c r="CO20" s="103">
        <v>799</v>
      </c>
      <c r="CP20" s="413">
        <v>0</v>
      </c>
      <c r="CQ20" s="102">
        <v>574</v>
      </c>
      <c r="CR20" s="102">
        <v>877</v>
      </c>
      <c r="CS20" s="102">
        <v>611</v>
      </c>
      <c r="CT20" s="102">
        <v>458</v>
      </c>
      <c r="CU20" s="102">
        <v>254</v>
      </c>
      <c r="CV20" s="103">
        <v>2774</v>
      </c>
      <c r="CW20" s="104">
        <v>3573</v>
      </c>
      <c r="CX20" s="105">
        <v>669</v>
      </c>
      <c r="CY20" s="97">
        <v>965</v>
      </c>
      <c r="CZ20" s="98">
        <v>1634</v>
      </c>
      <c r="DA20" s="413">
        <v>0</v>
      </c>
      <c r="DB20" s="97">
        <v>949</v>
      </c>
      <c r="DC20" s="97">
        <v>1402</v>
      </c>
      <c r="DD20" s="97">
        <v>987</v>
      </c>
      <c r="DE20" s="97">
        <v>950</v>
      </c>
      <c r="DF20" s="97">
        <v>572</v>
      </c>
      <c r="DG20" s="99">
        <v>4860</v>
      </c>
      <c r="DH20" s="100">
        <v>6494</v>
      </c>
      <c r="DI20" s="101">
        <v>19</v>
      </c>
      <c r="DJ20" s="102">
        <v>32</v>
      </c>
      <c r="DK20" s="103">
        <v>51</v>
      </c>
      <c r="DL20" s="413">
        <v>0</v>
      </c>
      <c r="DM20" s="102">
        <v>14</v>
      </c>
      <c r="DN20" s="102">
        <v>30</v>
      </c>
      <c r="DO20" s="102">
        <v>29</v>
      </c>
      <c r="DP20" s="102">
        <v>22</v>
      </c>
      <c r="DQ20" s="102">
        <v>20</v>
      </c>
      <c r="DR20" s="103">
        <v>115</v>
      </c>
      <c r="DS20" s="104">
        <v>166</v>
      </c>
      <c r="DT20" s="101">
        <v>41</v>
      </c>
      <c r="DU20" s="102">
        <v>62</v>
      </c>
      <c r="DV20" s="103">
        <v>103</v>
      </c>
      <c r="DW20" s="413">
        <v>0</v>
      </c>
      <c r="DX20" s="102">
        <v>64</v>
      </c>
      <c r="DY20" s="102">
        <v>73</v>
      </c>
      <c r="DZ20" s="102">
        <v>53</v>
      </c>
      <c r="EA20" s="102">
        <v>57</v>
      </c>
      <c r="EB20" s="102">
        <v>28</v>
      </c>
      <c r="EC20" s="103">
        <v>275</v>
      </c>
      <c r="ED20" s="104">
        <v>378</v>
      </c>
      <c r="EE20" s="101">
        <v>116</v>
      </c>
      <c r="EF20" s="102">
        <v>168</v>
      </c>
      <c r="EG20" s="103">
        <v>284</v>
      </c>
      <c r="EH20" s="413">
        <v>0</v>
      </c>
      <c r="EI20" s="102">
        <v>130</v>
      </c>
      <c r="EJ20" s="102">
        <v>167</v>
      </c>
      <c r="EK20" s="102">
        <v>112</v>
      </c>
      <c r="EL20" s="102">
        <v>95</v>
      </c>
      <c r="EM20" s="102">
        <v>53</v>
      </c>
      <c r="EN20" s="103">
        <v>557</v>
      </c>
      <c r="EO20" s="104">
        <v>841</v>
      </c>
      <c r="EP20" s="101">
        <v>212</v>
      </c>
      <c r="EQ20" s="102">
        <v>289</v>
      </c>
      <c r="ER20" s="103">
        <v>501</v>
      </c>
      <c r="ES20" s="413">
        <v>0</v>
      </c>
      <c r="ET20" s="102">
        <v>246</v>
      </c>
      <c r="EU20" s="102">
        <v>362</v>
      </c>
      <c r="EV20" s="102">
        <v>225</v>
      </c>
      <c r="EW20" s="102">
        <v>198</v>
      </c>
      <c r="EX20" s="102">
        <v>130</v>
      </c>
      <c r="EY20" s="103">
        <v>1161</v>
      </c>
      <c r="EZ20" s="104">
        <v>1662</v>
      </c>
      <c r="FA20" s="101">
        <v>190</v>
      </c>
      <c r="FB20" s="102">
        <v>261</v>
      </c>
      <c r="FC20" s="103">
        <v>451</v>
      </c>
      <c r="FD20" s="413">
        <v>0</v>
      </c>
      <c r="FE20" s="102">
        <v>265</v>
      </c>
      <c r="FF20" s="102">
        <v>405</v>
      </c>
      <c r="FG20" s="102">
        <v>263</v>
      </c>
      <c r="FH20" s="102">
        <v>219</v>
      </c>
      <c r="FI20" s="102">
        <v>150</v>
      </c>
      <c r="FJ20" s="103">
        <v>1302</v>
      </c>
      <c r="FK20" s="104">
        <v>1753</v>
      </c>
      <c r="FL20" s="101">
        <v>91</v>
      </c>
      <c r="FM20" s="102">
        <v>153</v>
      </c>
      <c r="FN20" s="103">
        <v>244</v>
      </c>
      <c r="FO20" s="413">
        <v>0</v>
      </c>
      <c r="FP20" s="102">
        <v>230</v>
      </c>
      <c r="FQ20" s="102">
        <v>365</v>
      </c>
      <c r="FR20" s="102">
        <v>305</v>
      </c>
      <c r="FS20" s="102">
        <v>359</v>
      </c>
      <c r="FT20" s="102">
        <v>191</v>
      </c>
      <c r="FU20" s="103">
        <v>1450</v>
      </c>
      <c r="FV20" s="104">
        <v>1694</v>
      </c>
      <c r="FW20" s="101">
        <v>6</v>
      </c>
      <c r="FX20" s="102">
        <v>19</v>
      </c>
      <c r="FY20" s="103">
        <v>25</v>
      </c>
      <c r="FZ20" s="413">
        <v>0</v>
      </c>
      <c r="GA20" s="102">
        <v>8</v>
      </c>
      <c r="GB20" s="102">
        <v>28</v>
      </c>
      <c r="GC20" s="102">
        <v>18</v>
      </c>
      <c r="GD20" s="102">
        <v>23</v>
      </c>
      <c r="GE20" s="102">
        <v>22</v>
      </c>
      <c r="GF20" s="103">
        <v>99</v>
      </c>
      <c r="GG20" s="104">
        <v>124</v>
      </c>
      <c r="GH20" s="101">
        <v>675</v>
      </c>
      <c r="GI20" s="102">
        <v>984</v>
      </c>
      <c r="GJ20" s="103">
        <v>1659</v>
      </c>
      <c r="GK20" s="413">
        <v>0</v>
      </c>
      <c r="GL20" s="102">
        <v>957</v>
      </c>
      <c r="GM20" s="102">
        <v>1430</v>
      </c>
      <c r="GN20" s="102">
        <v>1005</v>
      </c>
      <c r="GO20" s="102">
        <v>973</v>
      </c>
      <c r="GP20" s="102">
        <v>594</v>
      </c>
      <c r="GQ20" s="103">
        <v>4959</v>
      </c>
      <c r="GR20" s="104">
        <v>6618</v>
      </c>
      <c r="GS20" s="105">
        <v>1051</v>
      </c>
      <c r="GT20" s="97">
        <v>1358</v>
      </c>
      <c r="GU20" s="98">
        <v>2409</v>
      </c>
      <c r="GV20" s="413">
        <v>0</v>
      </c>
      <c r="GW20" s="97">
        <v>1499</v>
      </c>
      <c r="GX20" s="97">
        <v>2246</v>
      </c>
      <c r="GY20" s="97">
        <v>1563</v>
      </c>
      <c r="GZ20" s="97">
        <v>1392</v>
      </c>
      <c r="HA20" s="97">
        <v>811</v>
      </c>
      <c r="HB20" s="99">
        <v>7511</v>
      </c>
      <c r="HC20" s="100">
        <v>9920</v>
      </c>
      <c r="HD20" s="101">
        <v>33</v>
      </c>
      <c r="HE20" s="102">
        <v>50</v>
      </c>
      <c r="HF20" s="103">
        <v>83</v>
      </c>
      <c r="HG20" s="416">
        <v>0</v>
      </c>
      <c r="HH20" s="102">
        <v>36</v>
      </c>
      <c r="HI20" s="102">
        <v>76</v>
      </c>
      <c r="HJ20" s="102">
        <v>65</v>
      </c>
      <c r="HK20" s="102">
        <v>47</v>
      </c>
      <c r="HL20" s="102">
        <v>37</v>
      </c>
      <c r="HM20" s="103">
        <v>261</v>
      </c>
      <c r="HN20" s="104">
        <v>344</v>
      </c>
      <c r="HO20" s="101">
        <v>72</v>
      </c>
      <c r="HP20" s="102">
        <v>112</v>
      </c>
      <c r="HQ20" s="103">
        <v>184</v>
      </c>
      <c r="HR20" s="413">
        <v>0</v>
      </c>
      <c r="HS20" s="102">
        <v>108</v>
      </c>
      <c r="HT20" s="102">
        <v>166</v>
      </c>
      <c r="HU20" s="102">
        <v>106</v>
      </c>
      <c r="HV20" s="102">
        <v>100</v>
      </c>
      <c r="HW20" s="102">
        <v>62</v>
      </c>
      <c r="HX20" s="103">
        <v>542</v>
      </c>
      <c r="HY20" s="104">
        <v>726</v>
      </c>
      <c r="HZ20" s="101">
        <v>175</v>
      </c>
      <c r="IA20" s="102">
        <v>251</v>
      </c>
      <c r="IB20" s="103">
        <v>426</v>
      </c>
      <c r="IC20" s="413">
        <v>0</v>
      </c>
      <c r="ID20" s="102">
        <v>219</v>
      </c>
      <c r="IE20" s="102">
        <v>323</v>
      </c>
      <c r="IF20" s="102">
        <v>213</v>
      </c>
      <c r="IG20" s="102">
        <v>158</v>
      </c>
      <c r="IH20" s="102">
        <v>108</v>
      </c>
      <c r="II20" s="103">
        <v>1021</v>
      </c>
      <c r="IJ20" s="104">
        <v>1447</v>
      </c>
      <c r="IK20" s="101">
        <v>325</v>
      </c>
      <c r="IL20" s="102">
        <v>378</v>
      </c>
      <c r="IM20" s="103">
        <v>703</v>
      </c>
      <c r="IN20" s="413">
        <v>0</v>
      </c>
      <c r="IO20" s="102">
        <v>412</v>
      </c>
      <c r="IP20" s="102">
        <v>612</v>
      </c>
      <c r="IQ20" s="102">
        <v>375</v>
      </c>
      <c r="IR20" s="102">
        <v>318</v>
      </c>
      <c r="IS20" s="102">
        <v>178</v>
      </c>
      <c r="IT20" s="103">
        <v>1895</v>
      </c>
      <c r="IU20" s="104">
        <v>2598</v>
      </c>
      <c r="IV20" s="101">
        <v>303</v>
      </c>
      <c r="IW20" s="102">
        <v>357</v>
      </c>
      <c r="IX20" s="103">
        <v>660</v>
      </c>
      <c r="IY20" s="413">
        <v>0</v>
      </c>
      <c r="IZ20" s="102">
        <v>406</v>
      </c>
      <c r="JA20" s="102">
        <v>566</v>
      </c>
      <c r="JB20" s="102">
        <v>406</v>
      </c>
      <c r="JC20" s="102">
        <v>333</v>
      </c>
      <c r="JD20" s="102">
        <v>192</v>
      </c>
      <c r="JE20" s="103">
        <v>1903</v>
      </c>
      <c r="JF20" s="104">
        <v>2563</v>
      </c>
      <c r="JG20" s="101">
        <v>143</v>
      </c>
      <c r="JH20" s="102">
        <v>210</v>
      </c>
      <c r="JI20" s="103">
        <v>353</v>
      </c>
      <c r="JJ20" s="413">
        <v>0</v>
      </c>
      <c r="JK20" s="102">
        <v>318</v>
      </c>
      <c r="JL20" s="102">
        <v>503</v>
      </c>
      <c r="JM20" s="102">
        <v>398</v>
      </c>
      <c r="JN20" s="102">
        <v>436</v>
      </c>
      <c r="JO20" s="102">
        <v>234</v>
      </c>
      <c r="JP20" s="103">
        <v>1889</v>
      </c>
      <c r="JQ20" s="104">
        <v>2242</v>
      </c>
      <c r="JR20" s="101">
        <v>15</v>
      </c>
      <c r="JS20" s="102">
        <v>34</v>
      </c>
      <c r="JT20" s="103">
        <v>49</v>
      </c>
      <c r="JU20" s="413">
        <v>0</v>
      </c>
      <c r="JV20" s="102">
        <v>32</v>
      </c>
      <c r="JW20" s="102">
        <v>61</v>
      </c>
      <c r="JX20" s="102">
        <v>53</v>
      </c>
      <c r="JY20" s="102">
        <v>39</v>
      </c>
      <c r="JZ20" s="102">
        <v>37</v>
      </c>
      <c r="KA20" s="103">
        <v>222</v>
      </c>
      <c r="KB20" s="104">
        <v>271</v>
      </c>
      <c r="KC20" s="101">
        <v>1066</v>
      </c>
      <c r="KD20" s="102">
        <v>1392</v>
      </c>
      <c r="KE20" s="103">
        <v>2458</v>
      </c>
      <c r="KF20" s="413">
        <v>0</v>
      </c>
      <c r="KG20" s="102">
        <v>1531</v>
      </c>
      <c r="KH20" s="102">
        <v>2307</v>
      </c>
      <c r="KI20" s="102">
        <v>1616</v>
      </c>
      <c r="KJ20" s="102">
        <v>1431</v>
      </c>
      <c r="KK20" s="102">
        <v>848</v>
      </c>
      <c r="KL20" s="103">
        <v>7733</v>
      </c>
      <c r="KM20" s="104">
        <v>10191</v>
      </c>
    </row>
    <row r="21" spans="2:299" s="70" customFormat="1" ht="21" customHeight="1" x14ac:dyDescent="0.2">
      <c r="B21" s="106" t="s">
        <v>18</v>
      </c>
      <c r="C21" s="96">
        <v>462</v>
      </c>
      <c r="D21" s="97">
        <v>470</v>
      </c>
      <c r="E21" s="98">
        <v>932</v>
      </c>
      <c r="F21" s="413">
        <v>0</v>
      </c>
      <c r="G21" s="97">
        <v>973</v>
      </c>
      <c r="H21" s="97">
        <v>825</v>
      </c>
      <c r="I21" s="97">
        <v>555</v>
      </c>
      <c r="J21" s="97">
        <v>422</v>
      </c>
      <c r="K21" s="97">
        <v>276</v>
      </c>
      <c r="L21" s="99">
        <v>3051</v>
      </c>
      <c r="M21" s="100">
        <v>3983</v>
      </c>
      <c r="N21" s="101">
        <v>21</v>
      </c>
      <c r="O21" s="102">
        <v>26</v>
      </c>
      <c r="P21" s="103">
        <v>47</v>
      </c>
      <c r="Q21" s="413">
        <v>0</v>
      </c>
      <c r="R21" s="102">
        <v>40</v>
      </c>
      <c r="S21" s="102">
        <v>43</v>
      </c>
      <c r="T21" s="102">
        <v>29</v>
      </c>
      <c r="U21" s="102">
        <v>24</v>
      </c>
      <c r="V21" s="102">
        <v>24</v>
      </c>
      <c r="W21" s="103">
        <v>160</v>
      </c>
      <c r="X21" s="104">
        <v>207</v>
      </c>
      <c r="Y21" s="101">
        <v>42</v>
      </c>
      <c r="Z21" s="102">
        <v>42</v>
      </c>
      <c r="AA21" s="103">
        <v>84</v>
      </c>
      <c r="AB21" s="413">
        <v>0</v>
      </c>
      <c r="AC21" s="102">
        <v>104</v>
      </c>
      <c r="AD21" s="102">
        <v>75</v>
      </c>
      <c r="AE21" s="102">
        <v>55</v>
      </c>
      <c r="AF21" s="102">
        <v>48</v>
      </c>
      <c r="AG21" s="102">
        <v>32</v>
      </c>
      <c r="AH21" s="103">
        <v>314</v>
      </c>
      <c r="AI21" s="104">
        <v>398</v>
      </c>
      <c r="AJ21" s="101">
        <v>77</v>
      </c>
      <c r="AK21" s="102">
        <v>85</v>
      </c>
      <c r="AL21" s="103">
        <v>162</v>
      </c>
      <c r="AM21" s="413">
        <v>0</v>
      </c>
      <c r="AN21" s="102">
        <v>153</v>
      </c>
      <c r="AO21" s="102">
        <v>142</v>
      </c>
      <c r="AP21" s="102">
        <v>83</v>
      </c>
      <c r="AQ21" s="102">
        <v>69</v>
      </c>
      <c r="AR21" s="102">
        <v>50</v>
      </c>
      <c r="AS21" s="103">
        <v>497</v>
      </c>
      <c r="AT21" s="104">
        <v>659</v>
      </c>
      <c r="AU21" s="101">
        <v>139</v>
      </c>
      <c r="AV21" s="102">
        <v>119</v>
      </c>
      <c r="AW21" s="103">
        <v>258</v>
      </c>
      <c r="AX21" s="413">
        <v>0</v>
      </c>
      <c r="AY21" s="102">
        <v>279</v>
      </c>
      <c r="AZ21" s="102">
        <v>214</v>
      </c>
      <c r="BA21" s="102">
        <v>122</v>
      </c>
      <c r="BB21" s="102">
        <v>90</v>
      </c>
      <c r="BC21" s="102">
        <v>93</v>
      </c>
      <c r="BD21" s="103">
        <v>798</v>
      </c>
      <c r="BE21" s="104">
        <v>1056</v>
      </c>
      <c r="BF21" s="101">
        <v>121</v>
      </c>
      <c r="BG21" s="102">
        <v>127</v>
      </c>
      <c r="BH21" s="103">
        <v>248</v>
      </c>
      <c r="BI21" s="413">
        <v>0</v>
      </c>
      <c r="BJ21" s="102">
        <v>256</v>
      </c>
      <c r="BK21" s="102">
        <v>212</v>
      </c>
      <c r="BL21" s="102">
        <v>158</v>
      </c>
      <c r="BM21" s="102">
        <v>123</v>
      </c>
      <c r="BN21" s="102">
        <v>49</v>
      </c>
      <c r="BO21" s="103">
        <v>798</v>
      </c>
      <c r="BP21" s="104">
        <v>1046</v>
      </c>
      <c r="BQ21" s="101">
        <v>62</v>
      </c>
      <c r="BR21" s="102">
        <v>71</v>
      </c>
      <c r="BS21" s="103">
        <v>133</v>
      </c>
      <c r="BT21" s="413">
        <v>0</v>
      </c>
      <c r="BU21" s="102">
        <v>141</v>
      </c>
      <c r="BV21" s="102">
        <v>139</v>
      </c>
      <c r="BW21" s="102">
        <v>108</v>
      </c>
      <c r="BX21" s="102">
        <v>68</v>
      </c>
      <c r="BY21" s="102">
        <v>28</v>
      </c>
      <c r="BZ21" s="103">
        <v>484</v>
      </c>
      <c r="CA21" s="104">
        <v>617</v>
      </c>
      <c r="CB21" s="101">
        <v>13</v>
      </c>
      <c r="CC21" s="102">
        <v>27</v>
      </c>
      <c r="CD21" s="103">
        <v>40</v>
      </c>
      <c r="CE21" s="413">
        <v>0</v>
      </c>
      <c r="CF21" s="102">
        <v>34</v>
      </c>
      <c r="CG21" s="102">
        <v>40</v>
      </c>
      <c r="CH21" s="102">
        <v>24</v>
      </c>
      <c r="CI21" s="102">
        <v>33</v>
      </c>
      <c r="CJ21" s="102">
        <v>17</v>
      </c>
      <c r="CK21" s="103">
        <v>148</v>
      </c>
      <c r="CL21" s="104">
        <v>188</v>
      </c>
      <c r="CM21" s="101">
        <v>475</v>
      </c>
      <c r="CN21" s="102">
        <v>497</v>
      </c>
      <c r="CO21" s="103">
        <v>972</v>
      </c>
      <c r="CP21" s="413">
        <v>0</v>
      </c>
      <c r="CQ21" s="102">
        <v>1007</v>
      </c>
      <c r="CR21" s="102">
        <v>865</v>
      </c>
      <c r="CS21" s="102">
        <v>579</v>
      </c>
      <c r="CT21" s="102">
        <v>455</v>
      </c>
      <c r="CU21" s="102">
        <v>293</v>
      </c>
      <c r="CV21" s="103">
        <v>3199</v>
      </c>
      <c r="CW21" s="104">
        <v>4171</v>
      </c>
      <c r="CX21" s="105">
        <v>824</v>
      </c>
      <c r="CY21" s="97">
        <v>1219</v>
      </c>
      <c r="CZ21" s="98">
        <v>2043</v>
      </c>
      <c r="DA21" s="413">
        <v>0</v>
      </c>
      <c r="DB21" s="97">
        <v>1562</v>
      </c>
      <c r="DC21" s="97">
        <v>1331</v>
      </c>
      <c r="DD21" s="97">
        <v>1017</v>
      </c>
      <c r="DE21" s="97">
        <v>986</v>
      </c>
      <c r="DF21" s="97">
        <v>661</v>
      </c>
      <c r="DG21" s="99">
        <v>5557</v>
      </c>
      <c r="DH21" s="100">
        <v>7600</v>
      </c>
      <c r="DI21" s="101">
        <v>13</v>
      </c>
      <c r="DJ21" s="102">
        <v>33</v>
      </c>
      <c r="DK21" s="103">
        <v>46</v>
      </c>
      <c r="DL21" s="413">
        <v>0</v>
      </c>
      <c r="DM21" s="102">
        <v>31</v>
      </c>
      <c r="DN21" s="102">
        <v>24</v>
      </c>
      <c r="DO21" s="102">
        <v>20</v>
      </c>
      <c r="DP21" s="102">
        <v>24</v>
      </c>
      <c r="DQ21" s="102">
        <v>18</v>
      </c>
      <c r="DR21" s="103">
        <v>117</v>
      </c>
      <c r="DS21" s="104">
        <v>163</v>
      </c>
      <c r="DT21" s="101">
        <v>62</v>
      </c>
      <c r="DU21" s="102">
        <v>78</v>
      </c>
      <c r="DV21" s="103">
        <v>140</v>
      </c>
      <c r="DW21" s="413">
        <v>0</v>
      </c>
      <c r="DX21" s="102">
        <v>93</v>
      </c>
      <c r="DY21" s="102">
        <v>82</v>
      </c>
      <c r="DZ21" s="102">
        <v>29</v>
      </c>
      <c r="EA21" s="102">
        <v>41</v>
      </c>
      <c r="EB21" s="102">
        <v>43</v>
      </c>
      <c r="EC21" s="103">
        <v>288</v>
      </c>
      <c r="ED21" s="104">
        <v>428</v>
      </c>
      <c r="EE21" s="101">
        <v>154</v>
      </c>
      <c r="EF21" s="102">
        <v>210</v>
      </c>
      <c r="EG21" s="103">
        <v>364</v>
      </c>
      <c r="EH21" s="413">
        <v>0</v>
      </c>
      <c r="EI21" s="102">
        <v>217</v>
      </c>
      <c r="EJ21" s="102">
        <v>167</v>
      </c>
      <c r="EK21" s="102">
        <v>102</v>
      </c>
      <c r="EL21" s="102">
        <v>94</v>
      </c>
      <c r="EM21" s="102">
        <v>74</v>
      </c>
      <c r="EN21" s="103">
        <v>654</v>
      </c>
      <c r="EO21" s="104">
        <v>1018</v>
      </c>
      <c r="EP21" s="101">
        <v>283</v>
      </c>
      <c r="EQ21" s="102">
        <v>378</v>
      </c>
      <c r="ER21" s="103">
        <v>661</v>
      </c>
      <c r="ES21" s="413">
        <v>0</v>
      </c>
      <c r="ET21" s="102">
        <v>446</v>
      </c>
      <c r="EU21" s="102">
        <v>301</v>
      </c>
      <c r="EV21" s="102">
        <v>231</v>
      </c>
      <c r="EW21" s="102">
        <v>176</v>
      </c>
      <c r="EX21" s="102">
        <v>138</v>
      </c>
      <c r="EY21" s="103">
        <v>1292</v>
      </c>
      <c r="EZ21" s="104">
        <v>1953</v>
      </c>
      <c r="FA21" s="101">
        <v>215</v>
      </c>
      <c r="FB21" s="102">
        <v>327</v>
      </c>
      <c r="FC21" s="103">
        <v>542</v>
      </c>
      <c r="FD21" s="413">
        <v>0</v>
      </c>
      <c r="FE21" s="102">
        <v>406</v>
      </c>
      <c r="FF21" s="102">
        <v>405</v>
      </c>
      <c r="FG21" s="102">
        <v>305</v>
      </c>
      <c r="FH21" s="102">
        <v>256</v>
      </c>
      <c r="FI21" s="102">
        <v>168</v>
      </c>
      <c r="FJ21" s="103">
        <v>1540</v>
      </c>
      <c r="FK21" s="104">
        <v>2082</v>
      </c>
      <c r="FL21" s="101">
        <v>97</v>
      </c>
      <c r="FM21" s="102">
        <v>193</v>
      </c>
      <c r="FN21" s="103">
        <v>290</v>
      </c>
      <c r="FO21" s="413">
        <v>0</v>
      </c>
      <c r="FP21" s="102">
        <v>369</v>
      </c>
      <c r="FQ21" s="102">
        <v>352</v>
      </c>
      <c r="FR21" s="102">
        <v>330</v>
      </c>
      <c r="FS21" s="102">
        <v>395</v>
      </c>
      <c r="FT21" s="102">
        <v>220</v>
      </c>
      <c r="FU21" s="103">
        <v>1666</v>
      </c>
      <c r="FV21" s="104">
        <v>1956</v>
      </c>
      <c r="FW21" s="101">
        <v>15</v>
      </c>
      <c r="FX21" s="102">
        <v>16</v>
      </c>
      <c r="FY21" s="103">
        <v>31</v>
      </c>
      <c r="FZ21" s="413">
        <v>0</v>
      </c>
      <c r="GA21" s="102">
        <v>23</v>
      </c>
      <c r="GB21" s="102">
        <v>31</v>
      </c>
      <c r="GC21" s="102">
        <v>18</v>
      </c>
      <c r="GD21" s="102">
        <v>18</v>
      </c>
      <c r="GE21" s="102">
        <v>18</v>
      </c>
      <c r="GF21" s="103">
        <v>108</v>
      </c>
      <c r="GG21" s="104">
        <v>139</v>
      </c>
      <c r="GH21" s="101">
        <v>839</v>
      </c>
      <c r="GI21" s="102">
        <v>1235</v>
      </c>
      <c r="GJ21" s="103">
        <v>2074</v>
      </c>
      <c r="GK21" s="413">
        <v>0</v>
      </c>
      <c r="GL21" s="102">
        <v>1585</v>
      </c>
      <c r="GM21" s="102">
        <v>1362</v>
      </c>
      <c r="GN21" s="102">
        <v>1035</v>
      </c>
      <c r="GO21" s="102">
        <v>1004</v>
      </c>
      <c r="GP21" s="102">
        <v>679</v>
      </c>
      <c r="GQ21" s="103">
        <v>5665</v>
      </c>
      <c r="GR21" s="104">
        <v>7739</v>
      </c>
      <c r="GS21" s="105">
        <v>1286</v>
      </c>
      <c r="GT21" s="97">
        <v>1689</v>
      </c>
      <c r="GU21" s="98">
        <v>2975</v>
      </c>
      <c r="GV21" s="413">
        <v>0</v>
      </c>
      <c r="GW21" s="97">
        <v>2535</v>
      </c>
      <c r="GX21" s="97">
        <v>2156</v>
      </c>
      <c r="GY21" s="97">
        <v>1572</v>
      </c>
      <c r="GZ21" s="97">
        <v>1408</v>
      </c>
      <c r="HA21" s="97">
        <v>937</v>
      </c>
      <c r="HB21" s="99">
        <v>8608</v>
      </c>
      <c r="HC21" s="100">
        <v>11583</v>
      </c>
      <c r="HD21" s="101">
        <v>34</v>
      </c>
      <c r="HE21" s="102">
        <v>59</v>
      </c>
      <c r="HF21" s="103">
        <v>93</v>
      </c>
      <c r="HG21" s="416">
        <v>0</v>
      </c>
      <c r="HH21" s="102">
        <v>71</v>
      </c>
      <c r="HI21" s="102">
        <v>67</v>
      </c>
      <c r="HJ21" s="102">
        <v>49</v>
      </c>
      <c r="HK21" s="102">
        <v>48</v>
      </c>
      <c r="HL21" s="102">
        <v>42</v>
      </c>
      <c r="HM21" s="103">
        <v>277</v>
      </c>
      <c r="HN21" s="104">
        <v>370</v>
      </c>
      <c r="HO21" s="101">
        <v>104</v>
      </c>
      <c r="HP21" s="102">
        <v>120</v>
      </c>
      <c r="HQ21" s="103">
        <v>224</v>
      </c>
      <c r="HR21" s="413">
        <v>0</v>
      </c>
      <c r="HS21" s="102">
        <v>197</v>
      </c>
      <c r="HT21" s="102">
        <v>157</v>
      </c>
      <c r="HU21" s="102">
        <v>84</v>
      </c>
      <c r="HV21" s="102">
        <v>89</v>
      </c>
      <c r="HW21" s="102">
        <v>75</v>
      </c>
      <c r="HX21" s="103">
        <v>602</v>
      </c>
      <c r="HY21" s="104">
        <v>826</v>
      </c>
      <c r="HZ21" s="101">
        <v>231</v>
      </c>
      <c r="IA21" s="102">
        <v>295</v>
      </c>
      <c r="IB21" s="103">
        <v>526</v>
      </c>
      <c r="IC21" s="413">
        <v>0</v>
      </c>
      <c r="ID21" s="102">
        <v>370</v>
      </c>
      <c r="IE21" s="102">
        <v>309</v>
      </c>
      <c r="IF21" s="102">
        <v>185</v>
      </c>
      <c r="IG21" s="102">
        <v>163</v>
      </c>
      <c r="IH21" s="102">
        <v>124</v>
      </c>
      <c r="II21" s="103">
        <v>1151</v>
      </c>
      <c r="IJ21" s="104">
        <v>1677</v>
      </c>
      <c r="IK21" s="101">
        <v>422</v>
      </c>
      <c r="IL21" s="102">
        <v>497</v>
      </c>
      <c r="IM21" s="103">
        <v>919</v>
      </c>
      <c r="IN21" s="413">
        <v>0</v>
      </c>
      <c r="IO21" s="102">
        <v>725</v>
      </c>
      <c r="IP21" s="102">
        <v>515</v>
      </c>
      <c r="IQ21" s="102">
        <v>353</v>
      </c>
      <c r="IR21" s="102">
        <v>266</v>
      </c>
      <c r="IS21" s="102">
        <v>231</v>
      </c>
      <c r="IT21" s="103">
        <v>2090</v>
      </c>
      <c r="IU21" s="104">
        <v>3009</v>
      </c>
      <c r="IV21" s="101">
        <v>336</v>
      </c>
      <c r="IW21" s="102">
        <v>454</v>
      </c>
      <c r="IX21" s="103">
        <v>790</v>
      </c>
      <c r="IY21" s="413">
        <v>0</v>
      </c>
      <c r="IZ21" s="102">
        <v>662</v>
      </c>
      <c r="JA21" s="102">
        <v>617</v>
      </c>
      <c r="JB21" s="102">
        <v>463</v>
      </c>
      <c r="JC21" s="102">
        <v>379</v>
      </c>
      <c r="JD21" s="102">
        <v>217</v>
      </c>
      <c r="JE21" s="103">
        <v>2338</v>
      </c>
      <c r="JF21" s="104">
        <v>3128</v>
      </c>
      <c r="JG21" s="101">
        <v>159</v>
      </c>
      <c r="JH21" s="102">
        <v>264</v>
      </c>
      <c r="JI21" s="103">
        <v>423</v>
      </c>
      <c r="JJ21" s="413">
        <v>0</v>
      </c>
      <c r="JK21" s="102">
        <v>510</v>
      </c>
      <c r="JL21" s="102">
        <v>491</v>
      </c>
      <c r="JM21" s="102">
        <v>438</v>
      </c>
      <c r="JN21" s="102">
        <v>463</v>
      </c>
      <c r="JO21" s="102">
        <v>248</v>
      </c>
      <c r="JP21" s="103">
        <v>2150</v>
      </c>
      <c r="JQ21" s="104">
        <v>2573</v>
      </c>
      <c r="JR21" s="101">
        <v>28</v>
      </c>
      <c r="JS21" s="102">
        <v>43</v>
      </c>
      <c r="JT21" s="103">
        <v>71</v>
      </c>
      <c r="JU21" s="413">
        <v>0</v>
      </c>
      <c r="JV21" s="102">
        <v>57</v>
      </c>
      <c r="JW21" s="102">
        <v>71</v>
      </c>
      <c r="JX21" s="102">
        <v>42</v>
      </c>
      <c r="JY21" s="102">
        <v>51</v>
      </c>
      <c r="JZ21" s="102">
        <v>35</v>
      </c>
      <c r="KA21" s="103">
        <v>256</v>
      </c>
      <c r="KB21" s="104">
        <v>327</v>
      </c>
      <c r="KC21" s="101">
        <v>1314</v>
      </c>
      <c r="KD21" s="102">
        <v>1732</v>
      </c>
      <c r="KE21" s="103">
        <v>3046</v>
      </c>
      <c r="KF21" s="413">
        <v>0</v>
      </c>
      <c r="KG21" s="102">
        <v>2592</v>
      </c>
      <c r="KH21" s="102">
        <v>2227</v>
      </c>
      <c r="KI21" s="102">
        <v>1614</v>
      </c>
      <c r="KJ21" s="102">
        <v>1459</v>
      </c>
      <c r="KK21" s="102">
        <v>972</v>
      </c>
      <c r="KL21" s="103">
        <v>8864</v>
      </c>
      <c r="KM21" s="104">
        <v>11910</v>
      </c>
    </row>
    <row r="22" spans="2:299" s="70" customFormat="1" ht="21" customHeight="1" x14ac:dyDescent="0.2">
      <c r="B22" s="106" t="s">
        <v>19</v>
      </c>
      <c r="C22" s="96">
        <v>242</v>
      </c>
      <c r="D22" s="97">
        <v>208</v>
      </c>
      <c r="E22" s="98">
        <v>450</v>
      </c>
      <c r="F22" s="413">
        <v>0</v>
      </c>
      <c r="G22" s="97">
        <v>429</v>
      </c>
      <c r="H22" s="97">
        <v>324</v>
      </c>
      <c r="I22" s="97">
        <v>238</v>
      </c>
      <c r="J22" s="97">
        <v>151</v>
      </c>
      <c r="K22" s="97">
        <v>100</v>
      </c>
      <c r="L22" s="99">
        <v>1242</v>
      </c>
      <c r="M22" s="100">
        <v>1692</v>
      </c>
      <c r="N22" s="107">
        <v>5</v>
      </c>
      <c r="O22" s="102">
        <v>12</v>
      </c>
      <c r="P22" s="103">
        <v>17</v>
      </c>
      <c r="Q22" s="413">
        <v>0</v>
      </c>
      <c r="R22" s="102">
        <v>13</v>
      </c>
      <c r="S22" s="102">
        <v>14</v>
      </c>
      <c r="T22" s="102">
        <v>10</v>
      </c>
      <c r="U22" s="102">
        <v>6</v>
      </c>
      <c r="V22" s="102">
        <v>4</v>
      </c>
      <c r="W22" s="103">
        <v>47</v>
      </c>
      <c r="X22" s="104">
        <v>64</v>
      </c>
      <c r="Y22" s="101">
        <v>18</v>
      </c>
      <c r="Z22" s="102">
        <v>17</v>
      </c>
      <c r="AA22" s="103">
        <v>35</v>
      </c>
      <c r="AB22" s="413">
        <v>0</v>
      </c>
      <c r="AC22" s="102">
        <v>44</v>
      </c>
      <c r="AD22" s="102">
        <v>31</v>
      </c>
      <c r="AE22" s="102">
        <v>31</v>
      </c>
      <c r="AF22" s="102">
        <v>13</v>
      </c>
      <c r="AG22" s="102">
        <v>15</v>
      </c>
      <c r="AH22" s="103">
        <v>134</v>
      </c>
      <c r="AI22" s="104">
        <v>169</v>
      </c>
      <c r="AJ22" s="107">
        <v>36</v>
      </c>
      <c r="AK22" s="102">
        <v>36</v>
      </c>
      <c r="AL22" s="103">
        <v>72</v>
      </c>
      <c r="AM22" s="413">
        <v>0</v>
      </c>
      <c r="AN22" s="102">
        <v>74</v>
      </c>
      <c r="AO22" s="102">
        <v>58</v>
      </c>
      <c r="AP22" s="102">
        <v>37</v>
      </c>
      <c r="AQ22" s="102">
        <v>33</v>
      </c>
      <c r="AR22" s="102">
        <v>16</v>
      </c>
      <c r="AS22" s="103">
        <v>218</v>
      </c>
      <c r="AT22" s="104">
        <v>290</v>
      </c>
      <c r="AU22" s="101">
        <v>69</v>
      </c>
      <c r="AV22" s="102">
        <v>50</v>
      </c>
      <c r="AW22" s="103">
        <v>119</v>
      </c>
      <c r="AX22" s="413">
        <v>0</v>
      </c>
      <c r="AY22" s="102">
        <v>104</v>
      </c>
      <c r="AZ22" s="102">
        <v>83</v>
      </c>
      <c r="BA22" s="102">
        <v>59</v>
      </c>
      <c r="BB22" s="102">
        <v>39</v>
      </c>
      <c r="BC22" s="102">
        <v>18</v>
      </c>
      <c r="BD22" s="103">
        <v>303</v>
      </c>
      <c r="BE22" s="104">
        <v>422</v>
      </c>
      <c r="BF22" s="107">
        <v>69</v>
      </c>
      <c r="BG22" s="102">
        <v>45</v>
      </c>
      <c r="BH22" s="103">
        <v>114</v>
      </c>
      <c r="BI22" s="413">
        <v>0</v>
      </c>
      <c r="BJ22" s="102">
        <v>113</v>
      </c>
      <c r="BK22" s="102">
        <v>79</v>
      </c>
      <c r="BL22" s="102">
        <v>55</v>
      </c>
      <c r="BM22" s="102">
        <v>42</v>
      </c>
      <c r="BN22" s="102">
        <v>35</v>
      </c>
      <c r="BO22" s="103">
        <v>324</v>
      </c>
      <c r="BP22" s="104">
        <v>438</v>
      </c>
      <c r="BQ22" s="101">
        <v>45</v>
      </c>
      <c r="BR22" s="102">
        <v>48</v>
      </c>
      <c r="BS22" s="103">
        <v>93</v>
      </c>
      <c r="BT22" s="413">
        <v>0</v>
      </c>
      <c r="BU22" s="102">
        <v>81</v>
      </c>
      <c r="BV22" s="102">
        <v>59</v>
      </c>
      <c r="BW22" s="102">
        <v>46</v>
      </c>
      <c r="BX22" s="102">
        <v>18</v>
      </c>
      <c r="BY22" s="102">
        <v>12</v>
      </c>
      <c r="BZ22" s="103">
        <v>216</v>
      </c>
      <c r="CA22" s="104">
        <v>309</v>
      </c>
      <c r="CB22" s="101">
        <v>7</v>
      </c>
      <c r="CC22" s="102">
        <v>9</v>
      </c>
      <c r="CD22" s="103">
        <v>16</v>
      </c>
      <c r="CE22" s="413">
        <v>0</v>
      </c>
      <c r="CF22" s="102">
        <v>19</v>
      </c>
      <c r="CG22" s="102">
        <v>10</v>
      </c>
      <c r="CH22" s="102">
        <v>10</v>
      </c>
      <c r="CI22" s="102">
        <v>7</v>
      </c>
      <c r="CJ22" s="102">
        <v>6</v>
      </c>
      <c r="CK22" s="103">
        <v>52</v>
      </c>
      <c r="CL22" s="104">
        <v>68</v>
      </c>
      <c r="CM22" s="101">
        <v>249</v>
      </c>
      <c r="CN22" s="102">
        <v>217</v>
      </c>
      <c r="CO22" s="103">
        <v>466</v>
      </c>
      <c r="CP22" s="413">
        <v>0</v>
      </c>
      <c r="CQ22" s="102">
        <v>448</v>
      </c>
      <c r="CR22" s="102">
        <v>334</v>
      </c>
      <c r="CS22" s="102">
        <v>248</v>
      </c>
      <c r="CT22" s="102">
        <v>158</v>
      </c>
      <c r="CU22" s="102">
        <v>106</v>
      </c>
      <c r="CV22" s="103">
        <v>1294</v>
      </c>
      <c r="CW22" s="104">
        <v>1760</v>
      </c>
      <c r="CX22" s="105">
        <v>416</v>
      </c>
      <c r="CY22" s="97">
        <v>448</v>
      </c>
      <c r="CZ22" s="98">
        <v>864</v>
      </c>
      <c r="DA22" s="413">
        <v>0</v>
      </c>
      <c r="DB22" s="97">
        <v>737</v>
      </c>
      <c r="DC22" s="97">
        <v>479</v>
      </c>
      <c r="DD22" s="97">
        <v>437</v>
      </c>
      <c r="DE22" s="97">
        <v>339</v>
      </c>
      <c r="DF22" s="97">
        <v>253</v>
      </c>
      <c r="DG22" s="99">
        <v>2245</v>
      </c>
      <c r="DH22" s="100">
        <v>3109</v>
      </c>
      <c r="DI22" s="107">
        <v>9</v>
      </c>
      <c r="DJ22" s="102">
        <v>1</v>
      </c>
      <c r="DK22" s="103">
        <v>10</v>
      </c>
      <c r="DL22" s="413">
        <v>0</v>
      </c>
      <c r="DM22" s="102">
        <v>12</v>
      </c>
      <c r="DN22" s="102">
        <v>14</v>
      </c>
      <c r="DO22" s="102">
        <v>9</v>
      </c>
      <c r="DP22" s="102">
        <v>3</v>
      </c>
      <c r="DQ22" s="102">
        <v>4</v>
      </c>
      <c r="DR22" s="103">
        <v>42</v>
      </c>
      <c r="DS22" s="104">
        <v>52</v>
      </c>
      <c r="DT22" s="101">
        <v>30</v>
      </c>
      <c r="DU22" s="102">
        <v>31</v>
      </c>
      <c r="DV22" s="103">
        <v>61</v>
      </c>
      <c r="DW22" s="413">
        <v>0</v>
      </c>
      <c r="DX22" s="102">
        <v>44</v>
      </c>
      <c r="DY22" s="102">
        <v>25</v>
      </c>
      <c r="DZ22" s="102">
        <v>16</v>
      </c>
      <c r="EA22" s="102">
        <v>8</v>
      </c>
      <c r="EB22" s="102">
        <v>20</v>
      </c>
      <c r="EC22" s="103">
        <v>113</v>
      </c>
      <c r="ED22" s="104">
        <v>174</v>
      </c>
      <c r="EE22" s="107">
        <v>73</v>
      </c>
      <c r="EF22" s="102">
        <v>78</v>
      </c>
      <c r="EG22" s="103">
        <v>151</v>
      </c>
      <c r="EH22" s="413">
        <v>0</v>
      </c>
      <c r="EI22" s="102">
        <v>95</v>
      </c>
      <c r="EJ22" s="102">
        <v>46</v>
      </c>
      <c r="EK22" s="102">
        <v>34</v>
      </c>
      <c r="EL22" s="102">
        <v>37</v>
      </c>
      <c r="EM22" s="102">
        <v>18</v>
      </c>
      <c r="EN22" s="103">
        <v>230</v>
      </c>
      <c r="EO22" s="104">
        <v>381</v>
      </c>
      <c r="EP22" s="101">
        <v>130</v>
      </c>
      <c r="EQ22" s="102">
        <v>131</v>
      </c>
      <c r="ER22" s="103">
        <v>261</v>
      </c>
      <c r="ES22" s="413">
        <v>0</v>
      </c>
      <c r="ET22" s="102">
        <v>189</v>
      </c>
      <c r="EU22" s="102">
        <v>110</v>
      </c>
      <c r="EV22" s="102">
        <v>85</v>
      </c>
      <c r="EW22" s="102">
        <v>67</v>
      </c>
      <c r="EX22" s="102">
        <v>54</v>
      </c>
      <c r="EY22" s="103">
        <v>505</v>
      </c>
      <c r="EZ22" s="104">
        <v>766</v>
      </c>
      <c r="FA22" s="107">
        <v>117</v>
      </c>
      <c r="FB22" s="102">
        <v>127</v>
      </c>
      <c r="FC22" s="103">
        <v>244</v>
      </c>
      <c r="FD22" s="413">
        <v>0</v>
      </c>
      <c r="FE22" s="102">
        <v>202</v>
      </c>
      <c r="FF22" s="102">
        <v>142</v>
      </c>
      <c r="FG22" s="102">
        <v>123</v>
      </c>
      <c r="FH22" s="102">
        <v>88</v>
      </c>
      <c r="FI22" s="102">
        <v>72</v>
      </c>
      <c r="FJ22" s="103">
        <v>627</v>
      </c>
      <c r="FK22" s="104">
        <v>871</v>
      </c>
      <c r="FL22" s="101">
        <v>57</v>
      </c>
      <c r="FM22" s="102">
        <v>80</v>
      </c>
      <c r="FN22" s="103">
        <v>137</v>
      </c>
      <c r="FO22" s="413">
        <v>0</v>
      </c>
      <c r="FP22" s="102">
        <v>195</v>
      </c>
      <c r="FQ22" s="102">
        <v>142</v>
      </c>
      <c r="FR22" s="102">
        <v>170</v>
      </c>
      <c r="FS22" s="102">
        <v>136</v>
      </c>
      <c r="FT22" s="102">
        <v>85</v>
      </c>
      <c r="FU22" s="103">
        <v>728</v>
      </c>
      <c r="FV22" s="104">
        <v>865</v>
      </c>
      <c r="FW22" s="101">
        <v>3</v>
      </c>
      <c r="FX22" s="102">
        <v>10</v>
      </c>
      <c r="FY22" s="103">
        <v>13</v>
      </c>
      <c r="FZ22" s="413">
        <v>0</v>
      </c>
      <c r="GA22" s="102">
        <v>5</v>
      </c>
      <c r="GB22" s="102">
        <v>12</v>
      </c>
      <c r="GC22" s="102">
        <v>5</v>
      </c>
      <c r="GD22" s="102">
        <v>6</v>
      </c>
      <c r="GE22" s="102">
        <v>3</v>
      </c>
      <c r="GF22" s="103">
        <v>31</v>
      </c>
      <c r="GG22" s="104">
        <v>44</v>
      </c>
      <c r="GH22" s="101">
        <v>419</v>
      </c>
      <c r="GI22" s="102">
        <v>458</v>
      </c>
      <c r="GJ22" s="103">
        <v>877</v>
      </c>
      <c r="GK22" s="413">
        <v>0</v>
      </c>
      <c r="GL22" s="102">
        <v>742</v>
      </c>
      <c r="GM22" s="102">
        <v>491</v>
      </c>
      <c r="GN22" s="102">
        <v>442</v>
      </c>
      <c r="GO22" s="102">
        <v>345</v>
      </c>
      <c r="GP22" s="102">
        <v>256</v>
      </c>
      <c r="GQ22" s="103">
        <v>2276</v>
      </c>
      <c r="GR22" s="104">
        <v>3153</v>
      </c>
      <c r="GS22" s="105">
        <v>658</v>
      </c>
      <c r="GT22" s="97">
        <v>656</v>
      </c>
      <c r="GU22" s="98">
        <v>1314</v>
      </c>
      <c r="GV22" s="413">
        <v>0</v>
      </c>
      <c r="GW22" s="97">
        <v>1166</v>
      </c>
      <c r="GX22" s="97">
        <v>803</v>
      </c>
      <c r="GY22" s="97">
        <v>675</v>
      </c>
      <c r="GZ22" s="97">
        <v>490</v>
      </c>
      <c r="HA22" s="97">
        <v>353</v>
      </c>
      <c r="HB22" s="99">
        <v>3487</v>
      </c>
      <c r="HC22" s="100">
        <v>4801</v>
      </c>
      <c r="HD22" s="107">
        <v>14</v>
      </c>
      <c r="HE22" s="102">
        <v>13</v>
      </c>
      <c r="HF22" s="103">
        <v>27</v>
      </c>
      <c r="HG22" s="416">
        <v>0</v>
      </c>
      <c r="HH22" s="102">
        <v>25</v>
      </c>
      <c r="HI22" s="102">
        <v>28</v>
      </c>
      <c r="HJ22" s="102">
        <v>19</v>
      </c>
      <c r="HK22" s="102">
        <v>9</v>
      </c>
      <c r="HL22" s="102">
        <v>8</v>
      </c>
      <c r="HM22" s="103">
        <v>89</v>
      </c>
      <c r="HN22" s="104">
        <v>116</v>
      </c>
      <c r="HO22" s="101">
        <v>48</v>
      </c>
      <c r="HP22" s="102">
        <v>48</v>
      </c>
      <c r="HQ22" s="103">
        <v>96</v>
      </c>
      <c r="HR22" s="413">
        <v>0</v>
      </c>
      <c r="HS22" s="102">
        <v>88</v>
      </c>
      <c r="HT22" s="102">
        <v>56</v>
      </c>
      <c r="HU22" s="102">
        <v>47</v>
      </c>
      <c r="HV22" s="102">
        <v>21</v>
      </c>
      <c r="HW22" s="102">
        <v>35</v>
      </c>
      <c r="HX22" s="103">
        <v>247</v>
      </c>
      <c r="HY22" s="104">
        <v>343</v>
      </c>
      <c r="HZ22" s="107">
        <v>109</v>
      </c>
      <c r="IA22" s="102">
        <v>114</v>
      </c>
      <c r="IB22" s="103">
        <v>223</v>
      </c>
      <c r="IC22" s="413">
        <v>0</v>
      </c>
      <c r="ID22" s="102">
        <v>169</v>
      </c>
      <c r="IE22" s="102">
        <v>104</v>
      </c>
      <c r="IF22" s="102">
        <v>71</v>
      </c>
      <c r="IG22" s="102">
        <v>70</v>
      </c>
      <c r="IH22" s="102">
        <v>34</v>
      </c>
      <c r="II22" s="103">
        <v>448</v>
      </c>
      <c r="IJ22" s="104">
        <v>671</v>
      </c>
      <c r="IK22" s="101">
        <v>199</v>
      </c>
      <c r="IL22" s="102">
        <v>181</v>
      </c>
      <c r="IM22" s="103">
        <v>380</v>
      </c>
      <c r="IN22" s="413">
        <v>0</v>
      </c>
      <c r="IO22" s="102">
        <v>293</v>
      </c>
      <c r="IP22" s="102">
        <v>193</v>
      </c>
      <c r="IQ22" s="102">
        <v>144</v>
      </c>
      <c r="IR22" s="102">
        <v>106</v>
      </c>
      <c r="IS22" s="102">
        <v>72</v>
      </c>
      <c r="IT22" s="103">
        <v>808</v>
      </c>
      <c r="IU22" s="104">
        <v>1188</v>
      </c>
      <c r="IV22" s="107">
        <v>186</v>
      </c>
      <c r="IW22" s="102">
        <v>172</v>
      </c>
      <c r="IX22" s="103">
        <v>358</v>
      </c>
      <c r="IY22" s="413">
        <v>0</v>
      </c>
      <c r="IZ22" s="102">
        <v>315</v>
      </c>
      <c r="JA22" s="102">
        <v>221</v>
      </c>
      <c r="JB22" s="102">
        <v>178</v>
      </c>
      <c r="JC22" s="102">
        <v>130</v>
      </c>
      <c r="JD22" s="102">
        <v>107</v>
      </c>
      <c r="JE22" s="103">
        <v>951</v>
      </c>
      <c r="JF22" s="104">
        <v>1309</v>
      </c>
      <c r="JG22" s="101">
        <v>102</v>
      </c>
      <c r="JH22" s="102">
        <v>128</v>
      </c>
      <c r="JI22" s="103">
        <v>230</v>
      </c>
      <c r="JJ22" s="413">
        <v>0</v>
      </c>
      <c r="JK22" s="102">
        <v>276</v>
      </c>
      <c r="JL22" s="102">
        <v>201</v>
      </c>
      <c r="JM22" s="102">
        <v>216</v>
      </c>
      <c r="JN22" s="102">
        <v>154</v>
      </c>
      <c r="JO22" s="102">
        <v>97</v>
      </c>
      <c r="JP22" s="103">
        <v>944</v>
      </c>
      <c r="JQ22" s="104">
        <v>1174</v>
      </c>
      <c r="JR22" s="101">
        <v>10</v>
      </c>
      <c r="JS22" s="102">
        <v>19</v>
      </c>
      <c r="JT22" s="103">
        <v>29</v>
      </c>
      <c r="JU22" s="413">
        <v>0</v>
      </c>
      <c r="JV22" s="102">
        <v>24</v>
      </c>
      <c r="JW22" s="102">
        <v>22</v>
      </c>
      <c r="JX22" s="102">
        <v>15</v>
      </c>
      <c r="JY22" s="102">
        <v>13</v>
      </c>
      <c r="JZ22" s="102">
        <v>9</v>
      </c>
      <c r="KA22" s="103">
        <v>83</v>
      </c>
      <c r="KB22" s="104">
        <v>112</v>
      </c>
      <c r="KC22" s="101">
        <v>668</v>
      </c>
      <c r="KD22" s="102">
        <v>675</v>
      </c>
      <c r="KE22" s="103">
        <v>1343</v>
      </c>
      <c r="KF22" s="413">
        <v>0</v>
      </c>
      <c r="KG22" s="102">
        <v>1190</v>
      </c>
      <c r="KH22" s="102">
        <v>825</v>
      </c>
      <c r="KI22" s="102">
        <v>690</v>
      </c>
      <c r="KJ22" s="102">
        <v>503</v>
      </c>
      <c r="KK22" s="102">
        <v>362</v>
      </c>
      <c r="KL22" s="103">
        <v>3570</v>
      </c>
      <c r="KM22" s="104">
        <v>4913</v>
      </c>
    </row>
    <row r="23" spans="2:299" s="70" customFormat="1" ht="21" customHeight="1" x14ac:dyDescent="0.2">
      <c r="B23" s="106" t="s">
        <v>20</v>
      </c>
      <c r="C23" s="96">
        <v>289</v>
      </c>
      <c r="D23" s="97">
        <v>302</v>
      </c>
      <c r="E23" s="98">
        <v>591</v>
      </c>
      <c r="F23" s="413">
        <v>0</v>
      </c>
      <c r="G23" s="97">
        <v>666</v>
      </c>
      <c r="H23" s="97">
        <v>396</v>
      </c>
      <c r="I23" s="97">
        <v>304</v>
      </c>
      <c r="J23" s="97">
        <v>221</v>
      </c>
      <c r="K23" s="97">
        <v>118</v>
      </c>
      <c r="L23" s="99">
        <v>1705</v>
      </c>
      <c r="M23" s="100">
        <v>2296</v>
      </c>
      <c r="N23" s="101">
        <v>6</v>
      </c>
      <c r="O23" s="102">
        <v>6</v>
      </c>
      <c r="P23" s="103">
        <v>12</v>
      </c>
      <c r="Q23" s="413">
        <v>0</v>
      </c>
      <c r="R23" s="102">
        <v>18</v>
      </c>
      <c r="S23" s="102">
        <v>20</v>
      </c>
      <c r="T23" s="102">
        <v>18</v>
      </c>
      <c r="U23" s="102">
        <v>8</v>
      </c>
      <c r="V23" s="102">
        <v>13</v>
      </c>
      <c r="W23" s="103">
        <v>77</v>
      </c>
      <c r="X23" s="104">
        <v>89</v>
      </c>
      <c r="Y23" s="101">
        <v>30</v>
      </c>
      <c r="Z23" s="102">
        <v>18</v>
      </c>
      <c r="AA23" s="103">
        <v>48</v>
      </c>
      <c r="AB23" s="413">
        <v>0</v>
      </c>
      <c r="AC23" s="102">
        <v>59</v>
      </c>
      <c r="AD23" s="102">
        <v>31</v>
      </c>
      <c r="AE23" s="102">
        <v>30</v>
      </c>
      <c r="AF23" s="102">
        <v>28</v>
      </c>
      <c r="AG23" s="102">
        <v>15</v>
      </c>
      <c r="AH23" s="103">
        <v>163</v>
      </c>
      <c r="AI23" s="104">
        <v>211</v>
      </c>
      <c r="AJ23" s="101">
        <v>50</v>
      </c>
      <c r="AK23" s="102">
        <v>47</v>
      </c>
      <c r="AL23" s="103">
        <v>97</v>
      </c>
      <c r="AM23" s="413">
        <v>0</v>
      </c>
      <c r="AN23" s="102">
        <v>111</v>
      </c>
      <c r="AO23" s="102">
        <v>65</v>
      </c>
      <c r="AP23" s="102">
        <v>53</v>
      </c>
      <c r="AQ23" s="102">
        <v>43</v>
      </c>
      <c r="AR23" s="102">
        <v>20</v>
      </c>
      <c r="AS23" s="103">
        <v>292</v>
      </c>
      <c r="AT23" s="104">
        <v>389</v>
      </c>
      <c r="AU23" s="101">
        <v>90</v>
      </c>
      <c r="AV23" s="102">
        <v>93</v>
      </c>
      <c r="AW23" s="103">
        <v>183</v>
      </c>
      <c r="AX23" s="413">
        <v>0</v>
      </c>
      <c r="AY23" s="102">
        <v>197</v>
      </c>
      <c r="AZ23" s="102">
        <v>95</v>
      </c>
      <c r="BA23" s="102">
        <v>79</v>
      </c>
      <c r="BB23" s="102">
        <v>66</v>
      </c>
      <c r="BC23" s="102">
        <v>30</v>
      </c>
      <c r="BD23" s="103">
        <v>467</v>
      </c>
      <c r="BE23" s="104">
        <v>650</v>
      </c>
      <c r="BF23" s="101">
        <v>71</v>
      </c>
      <c r="BG23" s="102">
        <v>92</v>
      </c>
      <c r="BH23" s="103">
        <v>163</v>
      </c>
      <c r="BI23" s="413">
        <v>0</v>
      </c>
      <c r="BJ23" s="102">
        <v>182</v>
      </c>
      <c r="BK23" s="102">
        <v>109</v>
      </c>
      <c r="BL23" s="102">
        <v>79</v>
      </c>
      <c r="BM23" s="102">
        <v>46</v>
      </c>
      <c r="BN23" s="102">
        <v>22</v>
      </c>
      <c r="BO23" s="103">
        <v>438</v>
      </c>
      <c r="BP23" s="104">
        <v>601</v>
      </c>
      <c r="BQ23" s="101">
        <v>42</v>
      </c>
      <c r="BR23" s="102">
        <v>46</v>
      </c>
      <c r="BS23" s="103">
        <v>88</v>
      </c>
      <c r="BT23" s="413">
        <v>0</v>
      </c>
      <c r="BU23" s="102">
        <v>99</v>
      </c>
      <c r="BV23" s="102">
        <v>76</v>
      </c>
      <c r="BW23" s="102">
        <v>45</v>
      </c>
      <c r="BX23" s="102">
        <v>30</v>
      </c>
      <c r="BY23" s="102">
        <v>18</v>
      </c>
      <c r="BZ23" s="103">
        <v>268</v>
      </c>
      <c r="CA23" s="104">
        <v>356</v>
      </c>
      <c r="CB23" s="101">
        <v>9</v>
      </c>
      <c r="CC23" s="102">
        <v>8</v>
      </c>
      <c r="CD23" s="103">
        <v>17</v>
      </c>
      <c r="CE23" s="413">
        <v>0</v>
      </c>
      <c r="CF23" s="102">
        <v>20</v>
      </c>
      <c r="CG23" s="102">
        <v>18</v>
      </c>
      <c r="CH23" s="102">
        <v>15</v>
      </c>
      <c r="CI23" s="102">
        <v>9</v>
      </c>
      <c r="CJ23" s="102">
        <v>9</v>
      </c>
      <c r="CK23" s="103">
        <v>71</v>
      </c>
      <c r="CL23" s="104">
        <v>88</v>
      </c>
      <c r="CM23" s="101">
        <v>298</v>
      </c>
      <c r="CN23" s="102">
        <v>310</v>
      </c>
      <c r="CO23" s="103">
        <v>608</v>
      </c>
      <c r="CP23" s="413">
        <v>0</v>
      </c>
      <c r="CQ23" s="102">
        <v>686</v>
      </c>
      <c r="CR23" s="102">
        <v>414</v>
      </c>
      <c r="CS23" s="102">
        <v>319</v>
      </c>
      <c r="CT23" s="102">
        <v>230</v>
      </c>
      <c r="CU23" s="102">
        <v>127</v>
      </c>
      <c r="CV23" s="103">
        <v>1776</v>
      </c>
      <c r="CW23" s="104">
        <v>2384</v>
      </c>
      <c r="CX23" s="105">
        <v>563</v>
      </c>
      <c r="CY23" s="97">
        <v>664</v>
      </c>
      <c r="CZ23" s="98">
        <v>1227</v>
      </c>
      <c r="DA23" s="413">
        <v>0</v>
      </c>
      <c r="DB23" s="97">
        <v>976</v>
      </c>
      <c r="DC23" s="97">
        <v>590</v>
      </c>
      <c r="DD23" s="97">
        <v>498</v>
      </c>
      <c r="DE23" s="97">
        <v>498</v>
      </c>
      <c r="DF23" s="97">
        <v>283</v>
      </c>
      <c r="DG23" s="99">
        <v>2845</v>
      </c>
      <c r="DH23" s="100">
        <v>4072</v>
      </c>
      <c r="DI23" s="101">
        <v>10</v>
      </c>
      <c r="DJ23" s="102">
        <v>11</v>
      </c>
      <c r="DK23" s="103">
        <v>21</v>
      </c>
      <c r="DL23" s="413">
        <v>0</v>
      </c>
      <c r="DM23" s="102">
        <v>24</v>
      </c>
      <c r="DN23" s="102">
        <v>22</v>
      </c>
      <c r="DO23" s="102">
        <v>9</v>
      </c>
      <c r="DP23" s="102">
        <v>9</v>
      </c>
      <c r="DQ23" s="102">
        <v>4</v>
      </c>
      <c r="DR23" s="103">
        <v>68</v>
      </c>
      <c r="DS23" s="104">
        <v>89</v>
      </c>
      <c r="DT23" s="101">
        <v>28</v>
      </c>
      <c r="DU23" s="102">
        <v>43</v>
      </c>
      <c r="DV23" s="103">
        <v>71</v>
      </c>
      <c r="DW23" s="413">
        <v>0</v>
      </c>
      <c r="DX23" s="102">
        <v>36</v>
      </c>
      <c r="DY23" s="102">
        <v>26</v>
      </c>
      <c r="DZ23" s="102">
        <v>20</v>
      </c>
      <c r="EA23" s="102">
        <v>25</v>
      </c>
      <c r="EB23" s="102">
        <v>19</v>
      </c>
      <c r="EC23" s="103">
        <v>126</v>
      </c>
      <c r="ED23" s="104">
        <v>197</v>
      </c>
      <c r="EE23" s="101">
        <v>88</v>
      </c>
      <c r="EF23" s="102">
        <v>100</v>
      </c>
      <c r="EG23" s="103">
        <v>188</v>
      </c>
      <c r="EH23" s="413">
        <v>0</v>
      </c>
      <c r="EI23" s="102">
        <v>152</v>
      </c>
      <c r="EJ23" s="102">
        <v>74</v>
      </c>
      <c r="EK23" s="102">
        <v>63</v>
      </c>
      <c r="EL23" s="102">
        <v>51</v>
      </c>
      <c r="EM23" s="102">
        <v>30</v>
      </c>
      <c r="EN23" s="103">
        <v>370</v>
      </c>
      <c r="EO23" s="104">
        <v>558</v>
      </c>
      <c r="EP23" s="101">
        <v>203</v>
      </c>
      <c r="EQ23" s="102">
        <v>198</v>
      </c>
      <c r="ER23" s="103">
        <v>401</v>
      </c>
      <c r="ES23" s="413">
        <v>0</v>
      </c>
      <c r="ET23" s="102">
        <v>253</v>
      </c>
      <c r="EU23" s="102">
        <v>145</v>
      </c>
      <c r="EV23" s="102">
        <v>100</v>
      </c>
      <c r="EW23" s="102">
        <v>97</v>
      </c>
      <c r="EX23" s="102">
        <v>61</v>
      </c>
      <c r="EY23" s="103">
        <v>656</v>
      </c>
      <c r="EZ23" s="104">
        <v>1057</v>
      </c>
      <c r="FA23" s="101">
        <v>161</v>
      </c>
      <c r="FB23" s="102">
        <v>181</v>
      </c>
      <c r="FC23" s="103">
        <v>342</v>
      </c>
      <c r="FD23" s="413">
        <v>0</v>
      </c>
      <c r="FE23" s="102">
        <v>295</v>
      </c>
      <c r="FF23" s="102">
        <v>166</v>
      </c>
      <c r="FG23" s="102">
        <v>130</v>
      </c>
      <c r="FH23" s="102">
        <v>119</v>
      </c>
      <c r="FI23" s="102">
        <v>64</v>
      </c>
      <c r="FJ23" s="103">
        <v>774</v>
      </c>
      <c r="FK23" s="104">
        <v>1116</v>
      </c>
      <c r="FL23" s="101">
        <v>73</v>
      </c>
      <c r="FM23" s="102">
        <v>131</v>
      </c>
      <c r="FN23" s="103">
        <v>204</v>
      </c>
      <c r="FO23" s="413">
        <v>0</v>
      </c>
      <c r="FP23" s="102">
        <v>216</v>
      </c>
      <c r="FQ23" s="102">
        <v>157</v>
      </c>
      <c r="FR23" s="102">
        <v>176</v>
      </c>
      <c r="FS23" s="102">
        <v>197</v>
      </c>
      <c r="FT23" s="102">
        <v>105</v>
      </c>
      <c r="FU23" s="103">
        <v>851</v>
      </c>
      <c r="FV23" s="104">
        <v>1055</v>
      </c>
      <c r="FW23" s="101">
        <v>5</v>
      </c>
      <c r="FX23" s="102">
        <v>13</v>
      </c>
      <c r="FY23" s="103">
        <v>18</v>
      </c>
      <c r="FZ23" s="413">
        <v>0</v>
      </c>
      <c r="GA23" s="102">
        <v>15</v>
      </c>
      <c r="GB23" s="102">
        <v>9</v>
      </c>
      <c r="GC23" s="102">
        <v>5</v>
      </c>
      <c r="GD23" s="102">
        <v>8</v>
      </c>
      <c r="GE23" s="102">
        <v>9</v>
      </c>
      <c r="GF23" s="103">
        <v>46</v>
      </c>
      <c r="GG23" s="104">
        <v>64</v>
      </c>
      <c r="GH23" s="101">
        <v>568</v>
      </c>
      <c r="GI23" s="102">
        <v>677</v>
      </c>
      <c r="GJ23" s="103">
        <v>1245</v>
      </c>
      <c r="GK23" s="413">
        <v>0</v>
      </c>
      <c r="GL23" s="102">
        <v>991</v>
      </c>
      <c r="GM23" s="102">
        <v>599</v>
      </c>
      <c r="GN23" s="102">
        <v>503</v>
      </c>
      <c r="GO23" s="102">
        <v>506</v>
      </c>
      <c r="GP23" s="102">
        <v>292</v>
      </c>
      <c r="GQ23" s="103">
        <v>2891</v>
      </c>
      <c r="GR23" s="104">
        <v>4136</v>
      </c>
      <c r="GS23" s="105">
        <v>852</v>
      </c>
      <c r="GT23" s="97">
        <v>966</v>
      </c>
      <c r="GU23" s="98">
        <v>1818</v>
      </c>
      <c r="GV23" s="413">
        <v>0</v>
      </c>
      <c r="GW23" s="97">
        <v>1642</v>
      </c>
      <c r="GX23" s="97">
        <v>986</v>
      </c>
      <c r="GY23" s="97">
        <v>802</v>
      </c>
      <c r="GZ23" s="97">
        <v>719</v>
      </c>
      <c r="HA23" s="97">
        <v>401</v>
      </c>
      <c r="HB23" s="99">
        <v>4550</v>
      </c>
      <c r="HC23" s="100">
        <v>6368</v>
      </c>
      <c r="HD23" s="101">
        <v>16</v>
      </c>
      <c r="HE23" s="102">
        <v>17</v>
      </c>
      <c r="HF23" s="103">
        <v>33</v>
      </c>
      <c r="HG23" s="416">
        <v>0</v>
      </c>
      <c r="HH23" s="102">
        <v>42</v>
      </c>
      <c r="HI23" s="102">
        <v>42</v>
      </c>
      <c r="HJ23" s="102">
        <v>27</v>
      </c>
      <c r="HK23" s="102">
        <v>17</v>
      </c>
      <c r="HL23" s="102">
        <v>17</v>
      </c>
      <c r="HM23" s="103">
        <v>145</v>
      </c>
      <c r="HN23" s="104">
        <v>178</v>
      </c>
      <c r="HO23" s="101">
        <v>58</v>
      </c>
      <c r="HP23" s="102">
        <v>61</v>
      </c>
      <c r="HQ23" s="103">
        <v>119</v>
      </c>
      <c r="HR23" s="413">
        <v>0</v>
      </c>
      <c r="HS23" s="102">
        <v>95</v>
      </c>
      <c r="HT23" s="102">
        <v>57</v>
      </c>
      <c r="HU23" s="102">
        <v>50</v>
      </c>
      <c r="HV23" s="102">
        <v>53</v>
      </c>
      <c r="HW23" s="102">
        <v>34</v>
      </c>
      <c r="HX23" s="103">
        <v>289</v>
      </c>
      <c r="HY23" s="104">
        <v>408</v>
      </c>
      <c r="HZ23" s="101">
        <v>138</v>
      </c>
      <c r="IA23" s="102">
        <v>147</v>
      </c>
      <c r="IB23" s="103">
        <v>285</v>
      </c>
      <c r="IC23" s="413">
        <v>0</v>
      </c>
      <c r="ID23" s="102">
        <v>263</v>
      </c>
      <c r="IE23" s="102">
        <v>139</v>
      </c>
      <c r="IF23" s="102">
        <v>116</v>
      </c>
      <c r="IG23" s="102">
        <v>94</v>
      </c>
      <c r="IH23" s="102">
        <v>50</v>
      </c>
      <c r="II23" s="103">
        <v>662</v>
      </c>
      <c r="IJ23" s="104">
        <v>947</v>
      </c>
      <c r="IK23" s="101">
        <v>293</v>
      </c>
      <c r="IL23" s="102">
        <v>291</v>
      </c>
      <c r="IM23" s="103">
        <v>584</v>
      </c>
      <c r="IN23" s="413">
        <v>0</v>
      </c>
      <c r="IO23" s="102">
        <v>450</v>
      </c>
      <c r="IP23" s="102">
        <v>240</v>
      </c>
      <c r="IQ23" s="102">
        <v>179</v>
      </c>
      <c r="IR23" s="102">
        <v>163</v>
      </c>
      <c r="IS23" s="102">
        <v>91</v>
      </c>
      <c r="IT23" s="103">
        <v>1123</v>
      </c>
      <c r="IU23" s="104">
        <v>1707</v>
      </c>
      <c r="IV23" s="101">
        <v>232</v>
      </c>
      <c r="IW23" s="102">
        <v>273</v>
      </c>
      <c r="IX23" s="103">
        <v>505</v>
      </c>
      <c r="IY23" s="413">
        <v>0</v>
      </c>
      <c r="IZ23" s="102">
        <v>477</v>
      </c>
      <c r="JA23" s="102">
        <v>275</v>
      </c>
      <c r="JB23" s="102">
        <v>209</v>
      </c>
      <c r="JC23" s="102">
        <v>165</v>
      </c>
      <c r="JD23" s="102">
        <v>86</v>
      </c>
      <c r="JE23" s="103">
        <v>1212</v>
      </c>
      <c r="JF23" s="104">
        <v>1717</v>
      </c>
      <c r="JG23" s="101">
        <v>115</v>
      </c>
      <c r="JH23" s="102">
        <v>177</v>
      </c>
      <c r="JI23" s="103">
        <v>292</v>
      </c>
      <c r="JJ23" s="413">
        <v>0</v>
      </c>
      <c r="JK23" s="102">
        <v>315</v>
      </c>
      <c r="JL23" s="102">
        <v>233</v>
      </c>
      <c r="JM23" s="102">
        <v>221</v>
      </c>
      <c r="JN23" s="102">
        <v>227</v>
      </c>
      <c r="JO23" s="102">
        <v>123</v>
      </c>
      <c r="JP23" s="103">
        <v>1119</v>
      </c>
      <c r="JQ23" s="104">
        <v>1411</v>
      </c>
      <c r="JR23" s="101">
        <v>14</v>
      </c>
      <c r="JS23" s="102">
        <v>21</v>
      </c>
      <c r="JT23" s="103">
        <v>35</v>
      </c>
      <c r="JU23" s="413">
        <v>0</v>
      </c>
      <c r="JV23" s="102">
        <v>35</v>
      </c>
      <c r="JW23" s="102">
        <v>27</v>
      </c>
      <c r="JX23" s="102">
        <v>20</v>
      </c>
      <c r="JY23" s="102">
        <v>17</v>
      </c>
      <c r="JZ23" s="102">
        <v>18</v>
      </c>
      <c r="KA23" s="103">
        <v>117</v>
      </c>
      <c r="KB23" s="104">
        <v>152</v>
      </c>
      <c r="KC23" s="101">
        <v>866</v>
      </c>
      <c r="KD23" s="102">
        <v>987</v>
      </c>
      <c r="KE23" s="103">
        <v>1853</v>
      </c>
      <c r="KF23" s="413">
        <v>0</v>
      </c>
      <c r="KG23" s="102">
        <v>1677</v>
      </c>
      <c r="KH23" s="102">
        <v>1013</v>
      </c>
      <c r="KI23" s="102">
        <v>822</v>
      </c>
      <c r="KJ23" s="102">
        <v>736</v>
      </c>
      <c r="KK23" s="102">
        <v>419</v>
      </c>
      <c r="KL23" s="103">
        <v>4667</v>
      </c>
      <c r="KM23" s="104">
        <v>6520</v>
      </c>
    </row>
    <row r="24" spans="2:299" s="70" customFormat="1" ht="21" customHeight="1" x14ac:dyDescent="0.2">
      <c r="B24" s="106" t="s">
        <v>21</v>
      </c>
      <c r="C24" s="96">
        <v>320</v>
      </c>
      <c r="D24" s="97">
        <v>242</v>
      </c>
      <c r="E24" s="98">
        <v>562</v>
      </c>
      <c r="F24" s="413">
        <v>0</v>
      </c>
      <c r="G24" s="97">
        <v>470</v>
      </c>
      <c r="H24" s="97">
        <v>448</v>
      </c>
      <c r="I24" s="97">
        <v>276</v>
      </c>
      <c r="J24" s="97">
        <v>234</v>
      </c>
      <c r="K24" s="97">
        <v>133</v>
      </c>
      <c r="L24" s="99">
        <v>1561</v>
      </c>
      <c r="M24" s="100">
        <v>2123</v>
      </c>
      <c r="N24" s="101">
        <v>14</v>
      </c>
      <c r="O24" s="102">
        <v>11</v>
      </c>
      <c r="P24" s="103">
        <v>25</v>
      </c>
      <c r="Q24" s="413">
        <v>0</v>
      </c>
      <c r="R24" s="102">
        <v>15</v>
      </c>
      <c r="S24" s="102">
        <v>23</v>
      </c>
      <c r="T24" s="102">
        <v>19</v>
      </c>
      <c r="U24" s="102">
        <v>5</v>
      </c>
      <c r="V24" s="102">
        <v>12</v>
      </c>
      <c r="W24" s="103">
        <v>74</v>
      </c>
      <c r="X24" s="104">
        <v>99</v>
      </c>
      <c r="Y24" s="101">
        <v>23</v>
      </c>
      <c r="Z24" s="102">
        <v>25</v>
      </c>
      <c r="AA24" s="103">
        <v>48</v>
      </c>
      <c r="AB24" s="413">
        <v>0</v>
      </c>
      <c r="AC24" s="102">
        <v>33</v>
      </c>
      <c r="AD24" s="102">
        <v>48</v>
      </c>
      <c r="AE24" s="102">
        <v>21</v>
      </c>
      <c r="AF24" s="102">
        <v>29</v>
      </c>
      <c r="AG24" s="102">
        <v>21</v>
      </c>
      <c r="AH24" s="103">
        <v>152</v>
      </c>
      <c r="AI24" s="104">
        <v>200</v>
      </c>
      <c r="AJ24" s="101">
        <v>53</v>
      </c>
      <c r="AK24" s="102">
        <v>47</v>
      </c>
      <c r="AL24" s="103">
        <v>100</v>
      </c>
      <c r="AM24" s="413">
        <v>0</v>
      </c>
      <c r="AN24" s="102">
        <v>88</v>
      </c>
      <c r="AO24" s="102">
        <v>79</v>
      </c>
      <c r="AP24" s="102">
        <v>45</v>
      </c>
      <c r="AQ24" s="102">
        <v>43</v>
      </c>
      <c r="AR24" s="102">
        <v>27</v>
      </c>
      <c r="AS24" s="103">
        <v>282</v>
      </c>
      <c r="AT24" s="104">
        <v>382</v>
      </c>
      <c r="AU24" s="101">
        <v>94</v>
      </c>
      <c r="AV24" s="102">
        <v>65</v>
      </c>
      <c r="AW24" s="103">
        <v>159</v>
      </c>
      <c r="AX24" s="413">
        <v>0</v>
      </c>
      <c r="AY24" s="102">
        <v>125</v>
      </c>
      <c r="AZ24" s="102">
        <v>133</v>
      </c>
      <c r="BA24" s="102">
        <v>75</v>
      </c>
      <c r="BB24" s="102">
        <v>68</v>
      </c>
      <c r="BC24" s="102">
        <v>31</v>
      </c>
      <c r="BD24" s="103">
        <v>432</v>
      </c>
      <c r="BE24" s="104">
        <v>591</v>
      </c>
      <c r="BF24" s="101">
        <v>87</v>
      </c>
      <c r="BG24" s="102">
        <v>60</v>
      </c>
      <c r="BH24" s="103">
        <v>147</v>
      </c>
      <c r="BI24" s="413">
        <v>0</v>
      </c>
      <c r="BJ24" s="102">
        <v>140</v>
      </c>
      <c r="BK24" s="102">
        <v>112</v>
      </c>
      <c r="BL24" s="102">
        <v>69</v>
      </c>
      <c r="BM24" s="102">
        <v>50</v>
      </c>
      <c r="BN24" s="102">
        <v>24</v>
      </c>
      <c r="BO24" s="103">
        <v>395</v>
      </c>
      <c r="BP24" s="104">
        <v>542</v>
      </c>
      <c r="BQ24" s="101">
        <v>49</v>
      </c>
      <c r="BR24" s="102">
        <v>34</v>
      </c>
      <c r="BS24" s="103">
        <v>83</v>
      </c>
      <c r="BT24" s="413">
        <v>0</v>
      </c>
      <c r="BU24" s="102">
        <v>69</v>
      </c>
      <c r="BV24" s="102">
        <v>53</v>
      </c>
      <c r="BW24" s="102">
        <v>47</v>
      </c>
      <c r="BX24" s="102">
        <v>39</v>
      </c>
      <c r="BY24" s="102">
        <v>18</v>
      </c>
      <c r="BZ24" s="103">
        <v>226</v>
      </c>
      <c r="CA24" s="104">
        <v>309</v>
      </c>
      <c r="CB24" s="101">
        <v>10</v>
      </c>
      <c r="CC24" s="102">
        <v>12</v>
      </c>
      <c r="CD24" s="103">
        <v>22</v>
      </c>
      <c r="CE24" s="413">
        <v>0</v>
      </c>
      <c r="CF24" s="102">
        <v>9</v>
      </c>
      <c r="CG24" s="102">
        <v>18</v>
      </c>
      <c r="CH24" s="102">
        <v>10</v>
      </c>
      <c r="CI24" s="102">
        <v>10</v>
      </c>
      <c r="CJ24" s="102">
        <v>12</v>
      </c>
      <c r="CK24" s="103">
        <v>59</v>
      </c>
      <c r="CL24" s="104">
        <v>81</v>
      </c>
      <c r="CM24" s="101">
        <v>330</v>
      </c>
      <c r="CN24" s="102">
        <v>254</v>
      </c>
      <c r="CO24" s="103">
        <v>584</v>
      </c>
      <c r="CP24" s="413">
        <v>0</v>
      </c>
      <c r="CQ24" s="102">
        <v>479</v>
      </c>
      <c r="CR24" s="102">
        <v>466</v>
      </c>
      <c r="CS24" s="102">
        <v>286</v>
      </c>
      <c r="CT24" s="102">
        <v>244</v>
      </c>
      <c r="CU24" s="102">
        <v>145</v>
      </c>
      <c r="CV24" s="103">
        <v>1620</v>
      </c>
      <c r="CW24" s="104">
        <v>2204</v>
      </c>
      <c r="CX24" s="105">
        <v>644</v>
      </c>
      <c r="CY24" s="97">
        <v>626</v>
      </c>
      <c r="CZ24" s="98">
        <v>1270</v>
      </c>
      <c r="DA24" s="413">
        <v>0</v>
      </c>
      <c r="DB24" s="97">
        <v>841</v>
      </c>
      <c r="DC24" s="97">
        <v>748</v>
      </c>
      <c r="DD24" s="97">
        <v>594</v>
      </c>
      <c r="DE24" s="97">
        <v>451</v>
      </c>
      <c r="DF24" s="97">
        <v>338</v>
      </c>
      <c r="DG24" s="99">
        <v>2972</v>
      </c>
      <c r="DH24" s="100">
        <v>4242</v>
      </c>
      <c r="DI24" s="101">
        <v>15</v>
      </c>
      <c r="DJ24" s="102">
        <v>23</v>
      </c>
      <c r="DK24" s="103">
        <v>38</v>
      </c>
      <c r="DL24" s="413">
        <v>0</v>
      </c>
      <c r="DM24" s="102">
        <v>15</v>
      </c>
      <c r="DN24" s="102">
        <v>20</v>
      </c>
      <c r="DO24" s="102">
        <v>13</v>
      </c>
      <c r="DP24" s="102">
        <v>6</v>
      </c>
      <c r="DQ24" s="102">
        <v>15</v>
      </c>
      <c r="DR24" s="103">
        <v>69</v>
      </c>
      <c r="DS24" s="104">
        <v>107</v>
      </c>
      <c r="DT24" s="101">
        <v>27</v>
      </c>
      <c r="DU24" s="102">
        <v>32</v>
      </c>
      <c r="DV24" s="103">
        <v>59</v>
      </c>
      <c r="DW24" s="413">
        <v>0</v>
      </c>
      <c r="DX24" s="102">
        <v>42</v>
      </c>
      <c r="DY24" s="102">
        <v>30</v>
      </c>
      <c r="DZ24" s="102">
        <v>31</v>
      </c>
      <c r="EA24" s="102">
        <v>17</v>
      </c>
      <c r="EB24" s="102">
        <v>24</v>
      </c>
      <c r="EC24" s="103">
        <v>144</v>
      </c>
      <c r="ED24" s="104">
        <v>203</v>
      </c>
      <c r="EE24" s="101">
        <v>92</v>
      </c>
      <c r="EF24" s="102">
        <v>126</v>
      </c>
      <c r="EG24" s="103">
        <v>218</v>
      </c>
      <c r="EH24" s="413">
        <v>0</v>
      </c>
      <c r="EI24" s="102">
        <v>107</v>
      </c>
      <c r="EJ24" s="102">
        <v>85</v>
      </c>
      <c r="EK24" s="102">
        <v>50</v>
      </c>
      <c r="EL24" s="102">
        <v>51</v>
      </c>
      <c r="EM24" s="102">
        <v>36</v>
      </c>
      <c r="EN24" s="103">
        <v>329</v>
      </c>
      <c r="EO24" s="104">
        <v>547</v>
      </c>
      <c r="EP24" s="101">
        <v>222</v>
      </c>
      <c r="EQ24" s="102">
        <v>173</v>
      </c>
      <c r="ER24" s="103">
        <v>395</v>
      </c>
      <c r="ES24" s="413">
        <v>0</v>
      </c>
      <c r="ET24" s="102">
        <v>236</v>
      </c>
      <c r="EU24" s="102">
        <v>168</v>
      </c>
      <c r="EV24" s="102">
        <v>129</v>
      </c>
      <c r="EW24" s="102">
        <v>89</v>
      </c>
      <c r="EX24" s="102">
        <v>76</v>
      </c>
      <c r="EY24" s="103">
        <v>698</v>
      </c>
      <c r="EZ24" s="104">
        <v>1093</v>
      </c>
      <c r="FA24" s="101">
        <v>181</v>
      </c>
      <c r="FB24" s="102">
        <v>187</v>
      </c>
      <c r="FC24" s="103">
        <v>368</v>
      </c>
      <c r="FD24" s="413">
        <v>0</v>
      </c>
      <c r="FE24" s="102">
        <v>229</v>
      </c>
      <c r="FF24" s="102">
        <v>218</v>
      </c>
      <c r="FG24" s="102">
        <v>160</v>
      </c>
      <c r="FH24" s="102">
        <v>122</v>
      </c>
      <c r="FI24" s="102">
        <v>89</v>
      </c>
      <c r="FJ24" s="103">
        <v>818</v>
      </c>
      <c r="FK24" s="104">
        <v>1186</v>
      </c>
      <c r="FL24" s="101">
        <v>107</v>
      </c>
      <c r="FM24" s="102">
        <v>85</v>
      </c>
      <c r="FN24" s="103">
        <v>192</v>
      </c>
      <c r="FO24" s="413">
        <v>0</v>
      </c>
      <c r="FP24" s="102">
        <v>212</v>
      </c>
      <c r="FQ24" s="102">
        <v>227</v>
      </c>
      <c r="FR24" s="102">
        <v>211</v>
      </c>
      <c r="FS24" s="102">
        <v>166</v>
      </c>
      <c r="FT24" s="102">
        <v>98</v>
      </c>
      <c r="FU24" s="103">
        <v>914</v>
      </c>
      <c r="FV24" s="104">
        <v>1106</v>
      </c>
      <c r="FW24" s="101">
        <v>8</v>
      </c>
      <c r="FX24" s="102">
        <v>11</v>
      </c>
      <c r="FY24" s="103">
        <v>19</v>
      </c>
      <c r="FZ24" s="413">
        <v>0</v>
      </c>
      <c r="GA24" s="102">
        <v>6</v>
      </c>
      <c r="GB24" s="102">
        <v>19</v>
      </c>
      <c r="GC24" s="102">
        <v>17</v>
      </c>
      <c r="GD24" s="102">
        <v>7</v>
      </c>
      <c r="GE24" s="102">
        <v>15</v>
      </c>
      <c r="GF24" s="103">
        <v>64</v>
      </c>
      <c r="GG24" s="104">
        <v>83</v>
      </c>
      <c r="GH24" s="101">
        <v>652</v>
      </c>
      <c r="GI24" s="102">
        <v>637</v>
      </c>
      <c r="GJ24" s="103">
        <v>1289</v>
      </c>
      <c r="GK24" s="413">
        <v>0</v>
      </c>
      <c r="GL24" s="102">
        <v>847</v>
      </c>
      <c r="GM24" s="102">
        <v>767</v>
      </c>
      <c r="GN24" s="102">
        <v>611</v>
      </c>
      <c r="GO24" s="102">
        <v>458</v>
      </c>
      <c r="GP24" s="102">
        <v>353</v>
      </c>
      <c r="GQ24" s="103">
        <v>3036</v>
      </c>
      <c r="GR24" s="104">
        <v>4325</v>
      </c>
      <c r="GS24" s="105">
        <v>964</v>
      </c>
      <c r="GT24" s="97">
        <v>868</v>
      </c>
      <c r="GU24" s="98">
        <v>1832</v>
      </c>
      <c r="GV24" s="413">
        <v>0</v>
      </c>
      <c r="GW24" s="97">
        <v>1311</v>
      </c>
      <c r="GX24" s="97">
        <v>1196</v>
      </c>
      <c r="GY24" s="97">
        <v>870</v>
      </c>
      <c r="GZ24" s="97">
        <v>685</v>
      </c>
      <c r="HA24" s="97">
        <v>471</v>
      </c>
      <c r="HB24" s="99">
        <v>4533</v>
      </c>
      <c r="HC24" s="100">
        <v>6365</v>
      </c>
      <c r="HD24" s="101">
        <v>29</v>
      </c>
      <c r="HE24" s="102">
        <v>34</v>
      </c>
      <c r="HF24" s="103">
        <v>63</v>
      </c>
      <c r="HG24" s="416">
        <v>0</v>
      </c>
      <c r="HH24" s="102">
        <v>30</v>
      </c>
      <c r="HI24" s="102">
        <v>43</v>
      </c>
      <c r="HJ24" s="102">
        <v>32</v>
      </c>
      <c r="HK24" s="102">
        <v>11</v>
      </c>
      <c r="HL24" s="102">
        <v>27</v>
      </c>
      <c r="HM24" s="103">
        <v>143</v>
      </c>
      <c r="HN24" s="104">
        <v>206</v>
      </c>
      <c r="HO24" s="101">
        <v>50</v>
      </c>
      <c r="HP24" s="102">
        <v>57</v>
      </c>
      <c r="HQ24" s="103">
        <v>107</v>
      </c>
      <c r="HR24" s="413">
        <v>0</v>
      </c>
      <c r="HS24" s="102">
        <v>75</v>
      </c>
      <c r="HT24" s="102">
        <v>78</v>
      </c>
      <c r="HU24" s="102">
        <v>52</v>
      </c>
      <c r="HV24" s="102">
        <v>46</v>
      </c>
      <c r="HW24" s="102">
        <v>45</v>
      </c>
      <c r="HX24" s="103">
        <v>296</v>
      </c>
      <c r="HY24" s="104">
        <v>403</v>
      </c>
      <c r="HZ24" s="101">
        <v>145</v>
      </c>
      <c r="IA24" s="102">
        <v>173</v>
      </c>
      <c r="IB24" s="103">
        <v>318</v>
      </c>
      <c r="IC24" s="413">
        <v>0</v>
      </c>
      <c r="ID24" s="102">
        <v>195</v>
      </c>
      <c r="IE24" s="102">
        <v>164</v>
      </c>
      <c r="IF24" s="102">
        <v>95</v>
      </c>
      <c r="IG24" s="102">
        <v>94</v>
      </c>
      <c r="IH24" s="102">
        <v>63</v>
      </c>
      <c r="II24" s="103">
        <v>611</v>
      </c>
      <c r="IJ24" s="104">
        <v>929</v>
      </c>
      <c r="IK24" s="101">
        <v>316</v>
      </c>
      <c r="IL24" s="102">
        <v>238</v>
      </c>
      <c r="IM24" s="103">
        <v>554</v>
      </c>
      <c r="IN24" s="413">
        <v>0</v>
      </c>
      <c r="IO24" s="102">
        <v>361</v>
      </c>
      <c r="IP24" s="102">
        <v>301</v>
      </c>
      <c r="IQ24" s="102">
        <v>204</v>
      </c>
      <c r="IR24" s="102">
        <v>157</v>
      </c>
      <c r="IS24" s="102">
        <v>107</v>
      </c>
      <c r="IT24" s="103">
        <v>1130</v>
      </c>
      <c r="IU24" s="104">
        <v>1684</v>
      </c>
      <c r="IV24" s="101">
        <v>268</v>
      </c>
      <c r="IW24" s="102">
        <v>247</v>
      </c>
      <c r="IX24" s="103">
        <v>515</v>
      </c>
      <c r="IY24" s="413">
        <v>0</v>
      </c>
      <c r="IZ24" s="102">
        <v>369</v>
      </c>
      <c r="JA24" s="102">
        <v>330</v>
      </c>
      <c r="JB24" s="102">
        <v>229</v>
      </c>
      <c r="JC24" s="102">
        <v>172</v>
      </c>
      <c r="JD24" s="102">
        <v>113</v>
      </c>
      <c r="JE24" s="103">
        <v>1213</v>
      </c>
      <c r="JF24" s="104">
        <v>1728</v>
      </c>
      <c r="JG24" s="101">
        <v>156</v>
      </c>
      <c r="JH24" s="102">
        <v>119</v>
      </c>
      <c r="JI24" s="103">
        <v>275</v>
      </c>
      <c r="JJ24" s="413">
        <v>0</v>
      </c>
      <c r="JK24" s="102">
        <v>281</v>
      </c>
      <c r="JL24" s="102">
        <v>280</v>
      </c>
      <c r="JM24" s="102">
        <v>258</v>
      </c>
      <c r="JN24" s="102">
        <v>205</v>
      </c>
      <c r="JO24" s="102">
        <v>116</v>
      </c>
      <c r="JP24" s="103">
        <v>1140</v>
      </c>
      <c r="JQ24" s="104">
        <v>1415</v>
      </c>
      <c r="JR24" s="101">
        <v>18</v>
      </c>
      <c r="JS24" s="102">
        <v>23</v>
      </c>
      <c r="JT24" s="103">
        <v>41</v>
      </c>
      <c r="JU24" s="413">
        <v>0</v>
      </c>
      <c r="JV24" s="102">
        <v>15</v>
      </c>
      <c r="JW24" s="102">
        <v>37</v>
      </c>
      <c r="JX24" s="102">
        <v>27</v>
      </c>
      <c r="JY24" s="102">
        <v>17</v>
      </c>
      <c r="JZ24" s="102">
        <v>27</v>
      </c>
      <c r="KA24" s="103">
        <v>123</v>
      </c>
      <c r="KB24" s="104">
        <v>164</v>
      </c>
      <c r="KC24" s="101">
        <v>982</v>
      </c>
      <c r="KD24" s="102">
        <v>891</v>
      </c>
      <c r="KE24" s="103">
        <v>1873</v>
      </c>
      <c r="KF24" s="413">
        <v>0</v>
      </c>
      <c r="KG24" s="102">
        <v>1326</v>
      </c>
      <c r="KH24" s="102">
        <v>1233</v>
      </c>
      <c r="KI24" s="102">
        <v>897</v>
      </c>
      <c r="KJ24" s="102">
        <v>702</v>
      </c>
      <c r="KK24" s="102">
        <v>498</v>
      </c>
      <c r="KL24" s="103">
        <v>4656</v>
      </c>
      <c r="KM24" s="104">
        <v>6529</v>
      </c>
    </row>
    <row r="25" spans="2:299" s="70" customFormat="1" ht="21" customHeight="1" x14ac:dyDescent="0.2">
      <c r="B25" s="106" t="s">
        <v>22</v>
      </c>
      <c r="C25" s="96">
        <v>109</v>
      </c>
      <c r="D25" s="97">
        <v>80</v>
      </c>
      <c r="E25" s="98">
        <v>189</v>
      </c>
      <c r="F25" s="413">
        <v>0</v>
      </c>
      <c r="G25" s="97">
        <v>194</v>
      </c>
      <c r="H25" s="97">
        <v>153</v>
      </c>
      <c r="I25" s="97">
        <v>121</v>
      </c>
      <c r="J25" s="97">
        <v>87</v>
      </c>
      <c r="K25" s="97">
        <v>46</v>
      </c>
      <c r="L25" s="99">
        <v>601</v>
      </c>
      <c r="M25" s="100">
        <v>790</v>
      </c>
      <c r="N25" s="101">
        <v>1</v>
      </c>
      <c r="O25" s="102">
        <v>2</v>
      </c>
      <c r="P25" s="103">
        <v>3</v>
      </c>
      <c r="Q25" s="413">
        <v>0</v>
      </c>
      <c r="R25" s="102">
        <v>5</v>
      </c>
      <c r="S25" s="102">
        <v>8</v>
      </c>
      <c r="T25" s="102">
        <v>3</v>
      </c>
      <c r="U25" s="102">
        <v>2</v>
      </c>
      <c r="V25" s="102">
        <v>2</v>
      </c>
      <c r="W25" s="103">
        <v>20</v>
      </c>
      <c r="X25" s="104">
        <v>23</v>
      </c>
      <c r="Y25" s="101">
        <v>3</v>
      </c>
      <c r="Z25" s="102">
        <v>8</v>
      </c>
      <c r="AA25" s="103">
        <v>11</v>
      </c>
      <c r="AB25" s="413">
        <v>0</v>
      </c>
      <c r="AC25" s="102">
        <v>11</v>
      </c>
      <c r="AD25" s="102">
        <v>9</v>
      </c>
      <c r="AE25" s="102">
        <v>10</v>
      </c>
      <c r="AF25" s="102">
        <v>7</v>
      </c>
      <c r="AG25" s="102">
        <v>9</v>
      </c>
      <c r="AH25" s="103">
        <v>46</v>
      </c>
      <c r="AI25" s="104">
        <v>57</v>
      </c>
      <c r="AJ25" s="101">
        <v>15</v>
      </c>
      <c r="AK25" s="102">
        <v>16</v>
      </c>
      <c r="AL25" s="103">
        <v>31</v>
      </c>
      <c r="AM25" s="413">
        <v>0</v>
      </c>
      <c r="AN25" s="102">
        <v>32</v>
      </c>
      <c r="AO25" s="102">
        <v>23</v>
      </c>
      <c r="AP25" s="102">
        <v>19</v>
      </c>
      <c r="AQ25" s="102">
        <v>13</v>
      </c>
      <c r="AR25" s="102">
        <v>7</v>
      </c>
      <c r="AS25" s="103">
        <v>94</v>
      </c>
      <c r="AT25" s="104">
        <v>125</v>
      </c>
      <c r="AU25" s="101">
        <v>33</v>
      </c>
      <c r="AV25" s="102">
        <v>19</v>
      </c>
      <c r="AW25" s="103">
        <v>52</v>
      </c>
      <c r="AX25" s="413">
        <v>0</v>
      </c>
      <c r="AY25" s="102">
        <v>47</v>
      </c>
      <c r="AZ25" s="102">
        <v>41</v>
      </c>
      <c r="BA25" s="102">
        <v>27</v>
      </c>
      <c r="BB25" s="102">
        <v>19</v>
      </c>
      <c r="BC25" s="102">
        <v>10</v>
      </c>
      <c r="BD25" s="103">
        <v>144</v>
      </c>
      <c r="BE25" s="104">
        <v>196</v>
      </c>
      <c r="BF25" s="101">
        <v>37</v>
      </c>
      <c r="BG25" s="102">
        <v>26</v>
      </c>
      <c r="BH25" s="103">
        <v>63</v>
      </c>
      <c r="BI25" s="413">
        <v>0</v>
      </c>
      <c r="BJ25" s="102">
        <v>48</v>
      </c>
      <c r="BK25" s="102">
        <v>39</v>
      </c>
      <c r="BL25" s="102">
        <v>26</v>
      </c>
      <c r="BM25" s="102">
        <v>22</v>
      </c>
      <c r="BN25" s="102">
        <v>13</v>
      </c>
      <c r="BO25" s="103">
        <v>148</v>
      </c>
      <c r="BP25" s="104">
        <v>211</v>
      </c>
      <c r="BQ25" s="101">
        <v>20</v>
      </c>
      <c r="BR25" s="102">
        <v>9</v>
      </c>
      <c r="BS25" s="103">
        <v>29</v>
      </c>
      <c r="BT25" s="413">
        <v>0</v>
      </c>
      <c r="BU25" s="102">
        <v>51</v>
      </c>
      <c r="BV25" s="102">
        <v>33</v>
      </c>
      <c r="BW25" s="102">
        <v>36</v>
      </c>
      <c r="BX25" s="102">
        <v>24</v>
      </c>
      <c r="BY25" s="102">
        <v>5</v>
      </c>
      <c r="BZ25" s="103">
        <v>149</v>
      </c>
      <c r="CA25" s="104">
        <v>178</v>
      </c>
      <c r="CB25" s="101">
        <v>7</v>
      </c>
      <c r="CC25" s="102">
        <v>5</v>
      </c>
      <c r="CD25" s="103">
        <v>12</v>
      </c>
      <c r="CE25" s="413">
        <v>0</v>
      </c>
      <c r="CF25" s="102">
        <v>8</v>
      </c>
      <c r="CG25" s="102">
        <v>3</v>
      </c>
      <c r="CH25" s="102">
        <v>2</v>
      </c>
      <c r="CI25" s="102">
        <v>2</v>
      </c>
      <c r="CJ25" s="102">
        <v>3</v>
      </c>
      <c r="CK25" s="103">
        <v>18</v>
      </c>
      <c r="CL25" s="104">
        <v>30</v>
      </c>
      <c r="CM25" s="101">
        <v>116</v>
      </c>
      <c r="CN25" s="102">
        <v>85</v>
      </c>
      <c r="CO25" s="103">
        <v>201</v>
      </c>
      <c r="CP25" s="413">
        <v>0</v>
      </c>
      <c r="CQ25" s="102">
        <v>202</v>
      </c>
      <c r="CR25" s="102">
        <v>156</v>
      </c>
      <c r="CS25" s="102">
        <v>123</v>
      </c>
      <c r="CT25" s="102">
        <v>89</v>
      </c>
      <c r="CU25" s="102">
        <v>49</v>
      </c>
      <c r="CV25" s="103">
        <v>619</v>
      </c>
      <c r="CW25" s="104">
        <v>820</v>
      </c>
      <c r="CX25" s="105">
        <v>153</v>
      </c>
      <c r="CY25" s="97">
        <v>282</v>
      </c>
      <c r="CZ25" s="98">
        <v>435</v>
      </c>
      <c r="DA25" s="413">
        <v>0</v>
      </c>
      <c r="DB25" s="97">
        <v>355</v>
      </c>
      <c r="DC25" s="97">
        <v>314</v>
      </c>
      <c r="DD25" s="97">
        <v>213</v>
      </c>
      <c r="DE25" s="97">
        <v>231</v>
      </c>
      <c r="DF25" s="97">
        <v>117</v>
      </c>
      <c r="DG25" s="99">
        <v>1230</v>
      </c>
      <c r="DH25" s="100">
        <v>1665</v>
      </c>
      <c r="DI25" s="101">
        <v>6</v>
      </c>
      <c r="DJ25" s="102">
        <v>6</v>
      </c>
      <c r="DK25" s="103">
        <v>12</v>
      </c>
      <c r="DL25" s="413">
        <v>0</v>
      </c>
      <c r="DM25" s="102">
        <v>5</v>
      </c>
      <c r="DN25" s="102">
        <v>5</v>
      </c>
      <c r="DO25" s="102">
        <v>6</v>
      </c>
      <c r="DP25" s="102">
        <v>2</v>
      </c>
      <c r="DQ25" s="102">
        <v>4</v>
      </c>
      <c r="DR25" s="103">
        <v>22</v>
      </c>
      <c r="DS25" s="104">
        <v>34</v>
      </c>
      <c r="DT25" s="101">
        <v>9</v>
      </c>
      <c r="DU25" s="102">
        <v>10</v>
      </c>
      <c r="DV25" s="103">
        <v>19</v>
      </c>
      <c r="DW25" s="413">
        <v>0</v>
      </c>
      <c r="DX25" s="102">
        <v>14</v>
      </c>
      <c r="DY25" s="102">
        <v>10</v>
      </c>
      <c r="DZ25" s="102">
        <v>9</v>
      </c>
      <c r="EA25" s="102">
        <v>7</v>
      </c>
      <c r="EB25" s="102">
        <v>2</v>
      </c>
      <c r="EC25" s="103">
        <v>42</v>
      </c>
      <c r="ED25" s="104">
        <v>61</v>
      </c>
      <c r="EE25" s="101">
        <v>26</v>
      </c>
      <c r="EF25" s="102">
        <v>50</v>
      </c>
      <c r="EG25" s="103">
        <v>76</v>
      </c>
      <c r="EH25" s="413">
        <v>0</v>
      </c>
      <c r="EI25" s="102">
        <v>39</v>
      </c>
      <c r="EJ25" s="102">
        <v>35</v>
      </c>
      <c r="EK25" s="102">
        <v>17</v>
      </c>
      <c r="EL25" s="102">
        <v>13</v>
      </c>
      <c r="EM25" s="102">
        <v>14</v>
      </c>
      <c r="EN25" s="103">
        <v>118</v>
      </c>
      <c r="EO25" s="104">
        <v>194</v>
      </c>
      <c r="EP25" s="101">
        <v>52</v>
      </c>
      <c r="EQ25" s="102">
        <v>73</v>
      </c>
      <c r="ER25" s="103">
        <v>125</v>
      </c>
      <c r="ES25" s="413">
        <v>0</v>
      </c>
      <c r="ET25" s="102">
        <v>80</v>
      </c>
      <c r="EU25" s="102">
        <v>64</v>
      </c>
      <c r="EV25" s="102">
        <v>43</v>
      </c>
      <c r="EW25" s="102">
        <v>38</v>
      </c>
      <c r="EX25" s="102">
        <v>19</v>
      </c>
      <c r="EY25" s="103">
        <v>244</v>
      </c>
      <c r="EZ25" s="104">
        <v>369</v>
      </c>
      <c r="FA25" s="101">
        <v>48</v>
      </c>
      <c r="FB25" s="102">
        <v>76</v>
      </c>
      <c r="FC25" s="103">
        <v>124</v>
      </c>
      <c r="FD25" s="413">
        <v>0</v>
      </c>
      <c r="FE25" s="102">
        <v>112</v>
      </c>
      <c r="FF25" s="102">
        <v>89</v>
      </c>
      <c r="FG25" s="102">
        <v>51</v>
      </c>
      <c r="FH25" s="102">
        <v>59</v>
      </c>
      <c r="FI25" s="102">
        <v>35</v>
      </c>
      <c r="FJ25" s="103">
        <v>346</v>
      </c>
      <c r="FK25" s="104">
        <v>470</v>
      </c>
      <c r="FL25" s="101">
        <v>12</v>
      </c>
      <c r="FM25" s="102">
        <v>67</v>
      </c>
      <c r="FN25" s="103">
        <v>79</v>
      </c>
      <c r="FO25" s="413">
        <v>0</v>
      </c>
      <c r="FP25" s="102">
        <v>105</v>
      </c>
      <c r="FQ25" s="102">
        <v>111</v>
      </c>
      <c r="FR25" s="102">
        <v>87</v>
      </c>
      <c r="FS25" s="102">
        <v>112</v>
      </c>
      <c r="FT25" s="102">
        <v>43</v>
      </c>
      <c r="FU25" s="103">
        <v>458</v>
      </c>
      <c r="FV25" s="104">
        <v>537</v>
      </c>
      <c r="FW25" s="101">
        <v>0</v>
      </c>
      <c r="FX25" s="102">
        <v>4</v>
      </c>
      <c r="FY25" s="103">
        <v>4</v>
      </c>
      <c r="FZ25" s="413">
        <v>0</v>
      </c>
      <c r="GA25" s="102">
        <v>3</v>
      </c>
      <c r="GB25" s="102">
        <v>5</v>
      </c>
      <c r="GC25" s="102">
        <v>2</v>
      </c>
      <c r="GD25" s="102">
        <v>1</v>
      </c>
      <c r="GE25" s="102">
        <v>3</v>
      </c>
      <c r="GF25" s="103">
        <v>14</v>
      </c>
      <c r="GG25" s="104">
        <v>18</v>
      </c>
      <c r="GH25" s="101">
        <v>153</v>
      </c>
      <c r="GI25" s="102">
        <v>286</v>
      </c>
      <c r="GJ25" s="103">
        <v>439</v>
      </c>
      <c r="GK25" s="413">
        <v>0</v>
      </c>
      <c r="GL25" s="102">
        <v>358</v>
      </c>
      <c r="GM25" s="102">
        <v>319</v>
      </c>
      <c r="GN25" s="102">
        <v>215</v>
      </c>
      <c r="GO25" s="102">
        <v>232</v>
      </c>
      <c r="GP25" s="102">
        <v>120</v>
      </c>
      <c r="GQ25" s="103">
        <v>1244</v>
      </c>
      <c r="GR25" s="104">
        <v>1683</v>
      </c>
      <c r="GS25" s="105">
        <v>262</v>
      </c>
      <c r="GT25" s="97">
        <v>362</v>
      </c>
      <c r="GU25" s="98">
        <v>624</v>
      </c>
      <c r="GV25" s="413">
        <v>0</v>
      </c>
      <c r="GW25" s="97">
        <v>549</v>
      </c>
      <c r="GX25" s="97">
        <v>467</v>
      </c>
      <c r="GY25" s="97">
        <v>334</v>
      </c>
      <c r="GZ25" s="97">
        <v>318</v>
      </c>
      <c r="HA25" s="97">
        <v>163</v>
      </c>
      <c r="HB25" s="99">
        <v>1831</v>
      </c>
      <c r="HC25" s="100">
        <v>2455</v>
      </c>
      <c r="HD25" s="101">
        <v>7</v>
      </c>
      <c r="HE25" s="102">
        <v>8</v>
      </c>
      <c r="HF25" s="103">
        <v>15</v>
      </c>
      <c r="HG25" s="416">
        <v>0</v>
      </c>
      <c r="HH25" s="102">
        <v>10</v>
      </c>
      <c r="HI25" s="102">
        <v>13</v>
      </c>
      <c r="HJ25" s="102">
        <v>9</v>
      </c>
      <c r="HK25" s="102">
        <v>4</v>
      </c>
      <c r="HL25" s="102">
        <v>6</v>
      </c>
      <c r="HM25" s="103">
        <v>42</v>
      </c>
      <c r="HN25" s="104">
        <v>57</v>
      </c>
      <c r="HO25" s="101">
        <v>12</v>
      </c>
      <c r="HP25" s="102">
        <v>18</v>
      </c>
      <c r="HQ25" s="103">
        <v>30</v>
      </c>
      <c r="HR25" s="413">
        <v>0</v>
      </c>
      <c r="HS25" s="102">
        <v>25</v>
      </c>
      <c r="HT25" s="102">
        <v>19</v>
      </c>
      <c r="HU25" s="102">
        <v>19</v>
      </c>
      <c r="HV25" s="102">
        <v>14</v>
      </c>
      <c r="HW25" s="102">
        <v>11</v>
      </c>
      <c r="HX25" s="103">
        <v>88</v>
      </c>
      <c r="HY25" s="104">
        <v>118</v>
      </c>
      <c r="HZ25" s="101">
        <v>41</v>
      </c>
      <c r="IA25" s="102">
        <v>66</v>
      </c>
      <c r="IB25" s="103">
        <v>107</v>
      </c>
      <c r="IC25" s="413">
        <v>0</v>
      </c>
      <c r="ID25" s="102">
        <v>71</v>
      </c>
      <c r="IE25" s="102">
        <v>58</v>
      </c>
      <c r="IF25" s="102">
        <v>36</v>
      </c>
      <c r="IG25" s="102">
        <v>26</v>
      </c>
      <c r="IH25" s="102">
        <v>21</v>
      </c>
      <c r="II25" s="103">
        <v>212</v>
      </c>
      <c r="IJ25" s="104">
        <v>319</v>
      </c>
      <c r="IK25" s="101">
        <v>85</v>
      </c>
      <c r="IL25" s="102">
        <v>92</v>
      </c>
      <c r="IM25" s="103">
        <v>177</v>
      </c>
      <c r="IN25" s="413">
        <v>0</v>
      </c>
      <c r="IO25" s="102">
        <v>127</v>
      </c>
      <c r="IP25" s="102">
        <v>105</v>
      </c>
      <c r="IQ25" s="102">
        <v>70</v>
      </c>
      <c r="IR25" s="102">
        <v>57</v>
      </c>
      <c r="IS25" s="102">
        <v>29</v>
      </c>
      <c r="IT25" s="103">
        <v>388</v>
      </c>
      <c r="IU25" s="104">
        <v>565</v>
      </c>
      <c r="IV25" s="101">
        <v>85</v>
      </c>
      <c r="IW25" s="102">
        <v>102</v>
      </c>
      <c r="IX25" s="103">
        <v>187</v>
      </c>
      <c r="IY25" s="413">
        <v>0</v>
      </c>
      <c r="IZ25" s="102">
        <v>160</v>
      </c>
      <c r="JA25" s="102">
        <v>128</v>
      </c>
      <c r="JB25" s="102">
        <v>77</v>
      </c>
      <c r="JC25" s="102">
        <v>81</v>
      </c>
      <c r="JD25" s="102">
        <v>48</v>
      </c>
      <c r="JE25" s="103">
        <v>494</v>
      </c>
      <c r="JF25" s="104">
        <v>681</v>
      </c>
      <c r="JG25" s="101">
        <v>32</v>
      </c>
      <c r="JH25" s="102">
        <v>76</v>
      </c>
      <c r="JI25" s="103">
        <v>108</v>
      </c>
      <c r="JJ25" s="413">
        <v>0</v>
      </c>
      <c r="JK25" s="102">
        <v>156</v>
      </c>
      <c r="JL25" s="102">
        <v>144</v>
      </c>
      <c r="JM25" s="102">
        <v>123</v>
      </c>
      <c r="JN25" s="102">
        <v>136</v>
      </c>
      <c r="JO25" s="102">
        <v>48</v>
      </c>
      <c r="JP25" s="103">
        <v>607</v>
      </c>
      <c r="JQ25" s="104">
        <v>715</v>
      </c>
      <c r="JR25" s="101">
        <v>7</v>
      </c>
      <c r="JS25" s="102">
        <v>9</v>
      </c>
      <c r="JT25" s="103">
        <v>16</v>
      </c>
      <c r="JU25" s="413">
        <v>0</v>
      </c>
      <c r="JV25" s="102">
        <v>11</v>
      </c>
      <c r="JW25" s="102">
        <v>8</v>
      </c>
      <c r="JX25" s="102">
        <v>4</v>
      </c>
      <c r="JY25" s="102">
        <v>3</v>
      </c>
      <c r="JZ25" s="102">
        <v>6</v>
      </c>
      <c r="KA25" s="103">
        <v>32</v>
      </c>
      <c r="KB25" s="104">
        <v>48</v>
      </c>
      <c r="KC25" s="101">
        <v>269</v>
      </c>
      <c r="KD25" s="102">
        <v>371</v>
      </c>
      <c r="KE25" s="103">
        <v>640</v>
      </c>
      <c r="KF25" s="413">
        <v>0</v>
      </c>
      <c r="KG25" s="102">
        <v>560</v>
      </c>
      <c r="KH25" s="102">
        <v>475</v>
      </c>
      <c r="KI25" s="102">
        <v>338</v>
      </c>
      <c r="KJ25" s="102">
        <v>321</v>
      </c>
      <c r="KK25" s="102">
        <v>169</v>
      </c>
      <c r="KL25" s="103">
        <v>1863</v>
      </c>
      <c r="KM25" s="104">
        <v>2503</v>
      </c>
    </row>
    <row r="26" spans="2:299" s="70" customFormat="1" ht="21" customHeight="1" x14ac:dyDescent="0.2">
      <c r="B26" s="106" t="s">
        <v>23</v>
      </c>
      <c r="C26" s="96">
        <v>225</v>
      </c>
      <c r="D26" s="97">
        <v>219</v>
      </c>
      <c r="E26" s="98">
        <v>444</v>
      </c>
      <c r="F26" s="413">
        <v>0</v>
      </c>
      <c r="G26" s="97">
        <v>336</v>
      </c>
      <c r="H26" s="97">
        <v>297</v>
      </c>
      <c r="I26" s="97">
        <v>188</v>
      </c>
      <c r="J26" s="97">
        <v>160</v>
      </c>
      <c r="K26" s="97">
        <v>102</v>
      </c>
      <c r="L26" s="99">
        <v>1083</v>
      </c>
      <c r="M26" s="100">
        <v>1527</v>
      </c>
      <c r="N26" s="101">
        <v>11</v>
      </c>
      <c r="O26" s="102">
        <v>8</v>
      </c>
      <c r="P26" s="103">
        <v>19</v>
      </c>
      <c r="Q26" s="413">
        <v>0</v>
      </c>
      <c r="R26" s="102">
        <v>6</v>
      </c>
      <c r="S26" s="102">
        <v>14</v>
      </c>
      <c r="T26" s="102">
        <v>5</v>
      </c>
      <c r="U26" s="102">
        <v>10</v>
      </c>
      <c r="V26" s="102">
        <v>3</v>
      </c>
      <c r="W26" s="103">
        <v>38</v>
      </c>
      <c r="X26" s="104">
        <v>57</v>
      </c>
      <c r="Y26" s="101">
        <v>15</v>
      </c>
      <c r="Z26" s="102">
        <v>21</v>
      </c>
      <c r="AA26" s="103">
        <v>36</v>
      </c>
      <c r="AB26" s="413">
        <v>0</v>
      </c>
      <c r="AC26" s="102">
        <v>22</v>
      </c>
      <c r="AD26" s="102">
        <v>25</v>
      </c>
      <c r="AE26" s="102">
        <v>22</v>
      </c>
      <c r="AF26" s="102">
        <v>13</v>
      </c>
      <c r="AG26" s="102">
        <v>10</v>
      </c>
      <c r="AH26" s="103">
        <v>92</v>
      </c>
      <c r="AI26" s="104">
        <v>128</v>
      </c>
      <c r="AJ26" s="101">
        <v>48</v>
      </c>
      <c r="AK26" s="102">
        <v>34</v>
      </c>
      <c r="AL26" s="103">
        <v>82</v>
      </c>
      <c r="AM26" s="413">
        <v>0</v>
      </c>
      <c r="AN26" s="102">
        <v>50</v>
      </c>
      <c r="AO26" s="102">
        <v>49</v>
      </c>
      <c r="AP26" s="102">
        <v>34</v>
      </c>
      <c r="AQ26" s="102">
        <v>19</v>
      </c>
      <c r="AR26" s="102">
        <v>19</v>
      </c>
      <c r="AS26" s="103">
        <v>171</v>
      </c>
      <c r="AT26" s="104">
        <v>253</v>
      </c>
      <c r="AU26" s="101">
        <v>66</v>
      </c>
      <c r="AV26" s="102">
        <v>71</v>
      </c>
      <c r="AW26" s="103">
        <v>137</v>
      </c>
      <c r="AX26" s="413">
        <v>0</v>
      </c>
      <c r="AY26" s="102">
        <v>103</v>
      </c>
      <c r="AZ26" s="102">
        <v>93</v>
      </c>
      <c r="BA26" s="102">
        <v>43</v>
      </c>
      <c r="BB26" s="102">
        <v>37</v>
      </c>
      <c r="BC26" s="102">
        <v>27</v>
      </c>
      <c r="BD26" s="103">
        <v>303</v>
      </c>
      <c r="BE26" s="104">
        <v>440</v>
      </c>
      <c r="BF26" s="101">
        <v>63</v>
      </c>
      <c r="BG26" s="102">
        <v>65</v>
      </c>
      <c r="BH26" s="103">
        <v>128</v>
      </c>
      <c r="BI26" s="413">
        <v>0</v>
      </c>
      <c r="BJ26" s="102">
        <v>112</v>
      </c>
      <c r="BK26" s="102">
        <v>81</v>
      </c>
      <c r="BL26" s="102">
        <v>56</v>
      </c>
      <c r="BM26" s="102">
        <v>48</v>
      </c>
      <c r="BN26" s="102">
        <v>26</v>
      </c>
      <c r="BO26" s="103">
        <v>323</v>
      </c>
      <c r="BP26" s="104">
        <v>451</v>
      </c>
      <c r="BQ26" s="101">
        <v>22</v>
      </c>
      <c r="BR26" s="102">
        <v>20</v>
      </c>
      <c r="BS26" s="103">
        <v>42</v>
      </c>
      <c r="BT26" s="413">
        <v>0</v>
      </c>
      <c r="BU26" s="102">
        <v>43</v>
      </c>
      <c r="BV26" s="102">
        <v>35</v>
      </c>
      <c r="BW26" s="102">
        <v>28</v>
      </c>
      <c r="BX26" s="102">
        <v>33</v>
      </c>
      <c r="BY26" s="102">
        <v>17</v>
      </c>
      <c r="BZ26" s="103">
        <v>156</v>
      </c>
      <c r="CA26" s="104">
        <v>198</v>
      </c>
      <c r="CB26" s="101">
        <v>5</v>
      </c>
      <c r="CC26" s="102">
        <v>13</v>
      </c>
      <c r="CD26" s="103">
        <v>18</v>
      </c>
      <c r="CE26" s="413">
        <v>0</v>
      </c>
      <c r="CF26" s="102">
        <v>6</v>
      </c>
      <c r="CG26" s="102">
        <v>12</v>
      </c>
      <c r="CH26" s="102">
        <v>9</v>
      </c>
      <c r="CI26" s="102">
        <v>7</v>
      </c>
      <c r="CJ26" s="102">
        <v>3</v>
      </c>
      <c r="CK26" s="103">
        <v>37</v>
      </c>
      <c r="CL26" s="104">
        <v>55</v>
      </c>
      <c r="CM26" s="101">
        <v>230</v>
      </c>
      <c r="CN26" s="102">
        <v>232</v>
      </c>
      <c r="CO26" s="103">
        <v>462</v>
      </c>
      <c r="CP26" s="413">
        <v>0</v>
      </c>
      <c r="CQ26" s="102">
        <v>342</v>
      </c>
      <c r="CR26" s="102">
        <v>309</v>
      </c>
      <c r="CS26" s="102">
        <v>197</v>
      </c>
      <c r="CT26" s="102">
        <v>167</v>
      </c>
      <c r="CU26" s="102">
        <v>105</v>
      </c>
      <c r="CV26" s="103">
        <v>1120</v>
      </c>
      <c r="CW26" s="104">
        <v>1582</v>
      </c>
      <c r="CX26" s="105">
        <v>393</v>
      </c>
      <c r="CY26" s="97">
        <v>491</v>
      </c>
      <c r="CZ26" s="98">
        <v>884</v>
      </c>
      <c r="DA26" s="413">
        <v>0</v>
      </c>
      <c r="DB26" s="97">
        <v>552</v>
      </c>
      <c r="DC26" s="97">
        <v>460</v>
      </c>
      <c r="DD26" s="97">
        <v>333</v>
      </c>
      <c r="DE26" s="97">
        <v>373</v>
      </c>
      <c r="DF26" s="97">
        <v>217</v>
      </c>
      <c r="DG26" s="99">
        <v>1935</v>
      </c>
      <c r="DH26" s="100">
        <v>2819</v>
      </c>
      <c r="DI26" s="101">
        <v>11</v>
      </c>
      <c r="DJ26" s="102">
        <v>14</v>
      </c>
      <c r="DK26" s="103">
        <v>25</v>
      </c>
      <c r="DL26" s="413">
        <v>0</v>
      </c>
      <c r="DM26" s="102">
        <v>9</v>
      </c>
      <c r="DN26" s="102">
        <v>9</v>
      </c>
      <c r="DO26" s="102">
        <v>4</v>
      </c>
      <c r="DP26" s="102">
        <v>4</v>
      </c>
      <c r="DQ26" s="102">
        <v>2</v>
      </c>
      <c r="DR26" s="103">
        <v>28</v>
      </c>
      <c r="DS26" s="104">
        <v>53</v>
      </c>
      <c r="DT26" s="101">
        <v>29</v>
      </c>
      <c r="DU26" s="102">
        <v>34</v>
      </c>
      <c r="DV26" s="103">
        <v>63</v>
      </c>
      <c r="DW26" s="413">
        <v>0</v>
      </c>
      <c r="DX26" s="102">
        <v>17</v>
      </c>
      <c r="DY26" s="102">
        <v>28</v>
      </c>
      <c r="DZ26" s="102">
        <v>21</v>
      </c>
      <c r="EA26" s="102">
        <v>18</v>
      </c>
      <c r="EB26" s="102">
        <v>10</v>
      </c>
      <c r="EC26" s="103">
        <v>94</v>
      </c>
      <c r="ED26" s="104">
        <v>157</v>
      </c>
      <c r="EE26" s="101">
        <v>68</v>
      </c>
      <c r="EF26" s="102">
        <v>81</v>
      </c>
      <c r="EG26" s="103">
        <v>149</v>
      </c>
      <c r="EH26" s="413">
        <v>0</v>
      </c>
      <c r="EI26" s="102">
        <v>70</v>
      </c>
      <c r="EJ26" s="102">
        <v>69</v>
      </c>
      <c r="EK26" s="102">
        <v>37</v>
      </c>
      <c r="EL26" s="102">
        <v>40</v>
      </c>
      <c r="EM26" s="102">
        <v>36</v>
      </c>
      <c r="EN26" s="103">
        <v>252</v>
      </c>
      <c r="EO26" s="104">
        <v>401</v>
      </c>
      <c r="EP26" s="101">
        <v>160</v>
      </c>
      <c r="EQ26" s="102">
        <v>166</v>
      </c>
      <c r="ER26" s="103">
        <v>326</v>
      </c>
      <c r="ES26" s="413">
        <v>0</v>
      </c>
      <c r="ET26" s="102">
        <v>167</v>
      </c>
      <c r="EU26" s="102">
        <v>115</v>
      </c>
      <c r="EV26" s="102">
        <v>75</v>
      </c>
      <c r="EW26" s="102">
        <v>82</v>
      </c>
      <c r="EX26" s="102">
        <v>51</v>
      </c>
      <c r="EY26" s="103">
        <v>490</v>
      </c>
      <c r="EZ26" s="104">
        <v>816</v>
      </c>
      <c r="FA26" s="101">
        <v>86</v>
      </c>
      <c r="FB26" s="102">
        <v>133</v>
      </c>
      <c r="FC26" s="103">
        <v>219</v>
      </c>
      <c r="FD26" s="413">
        <v>0</v>
      </c>
      <c r="FE26" s="102">
        <v>168</v>
      </c>
      <c r="FF26" s="102">
        <v>104</v>
      </c>
      <c r="FG26" s="102">
        <v>104</v>
      </c>
      <c r="FH26" s="102">
        <v>97</v>
      </c>
      <c r="FI26" s="102">
        <v>56</v>
      </c>
      <c r="FJ26" s="103">
        <v>529</v>
      </c>
      <c r="FK26" s="104">
        <v>748</v>
      </c>
      <c r="FL26" s="101">
        <v>39</v>
      </c>
      <c r="FM26" s="102">
        <v>63</v>
      </c>
      <c r="FN26" s="103">
        <v>102</v>
      </c>
      <c r="FO26" s="413">
        <v>0</v>
      </c>
      <c r="FP26" s="102">
        <v>121</v>
      </c>
      <c r="FQ26" s="102">
        <v>135</v>
      </c>
      <c r="FR26" s="102">
        <v>92</v>
      </c>
      <c r="FS26" s="102">
        <v>132</v>
      </c>
      <c r="FT26" s="102">
        <v>62</v>
      </c>
      <c r="FU26" s="103">
        <v>542</v>
      </c>
      <c r="FV26" s="104">
        <v>644</v>
      </c>
      <c r="FW26" s="101">
        <v>4</v>
      </c>
      <c r="FX26" s="102">
        <v>10</v>
      </c>
      <c r="FY26" s="103">
        <v>14</v>
      </c>
      <c r="FZ26" s="413">
        <v>0</v>
      </c>
      <c r="GA26" s="102">
        <v>7</v>
      </c>
      <c r="GB26" s="102">
        <v>12</v>
      </c>
      <c r="GC26" s="102">
        <v>4</v>
      </c>
      <c r="GD26" s="102">
        <v>3</v>
      </c>
      <c r="GE26" s="102">
        <v>5</v>
      </c>
      <c r="GF26" s="103">
        <v>31</v>
      </c>
      <c r="GG26" s="104">
        <v>45</v>
      </c>
      <c r="GH26" s="101">
        <v>397</v>
      </c>
      <c r="GI26" s="102">
        <v>501</v>
      </c>
      <c r="GJ26" s="103">
        <v>898</v>
      </c>
      <c r="GK26" s="413">
        <v>0</v>
      </c>
      <c r="GL26" s="102">
        <v>559</v>
      </c>
      <c r="GM26" s="102">
        <v>472</v>
      </c>
      <c r="GN26" s="102">
        <v>337</v>
      </c>
      <c r="GO26" s="102">
        <v>376</v>
      </c>
      <c r="GP26" s="102">
        <v>222</v>
      </c>
      <c r="GQ26" s="103">
        <v>1966</v>
      </c>
      <c r="GR26" s="104">
        <v>2864</v>
      </c>
      <c r="GS26" s="105">
        <v>618</v>
      </c>
      <c r="GT26" s="97">
        <v>710</v>
      </c>
      <c r="GU26" s="98">
        <v>1328</v>
      </c>
      <c r="GV26" s="413">
        <v>0</v>
      </c>
      <c r="GW26" s="97">
        <v>888</v>
      </c>
      <c r="GX26" s="97">
        <v>757</v>
      </c>
      <c r="GY26" s="97">
        <v>521</v>
      </c>
      <c r="GZ26" s="97">
        <v>533</v>
      </c>
      <c r="HA26" s="97">
        <v>319</v>
      </c>
      <c r="HB26" s="99">
        <v>3018</v>
      </c>
      <c r="HC26" s="100">
        <v>4346</v>
      </c>
      <c r="HD26" s="101">
        <v>22</v>
      </c>
      <c r="HE26" s="102">
        <v>22</v>
      </c>
      <c r="HF26" s="103">
        <v>44</v>
      </c>
      <c r="HG26" s="416">
        <v>0</v>
      </c>
      <c r="HH26" s="102">
        <v>15</v>
      </c>
      <c r="HI26" s="102">
        <v>23</v>
      </c>
      <c r="HJ26" s="102">
        <v>9</v>
      </c>
      <c r="HK26" s="102">
        <v>14</v>
      </c>
      <c r="HL26" s="102">
        <v>5</v>
      </c>
      <c r="HM26" s="103">
        <v>66</v>
      </c>
      <c r="HN26" s="104">
        <v>110</v>
      </c>
      <c r="HO26" s="101">
        <v>44</v>
      </c>
      <c r="HP26" s="102">
        <v>55</v>
      </c>
      <c r="HQ26" s="103">
        <v>99</v>
      </c>
      <c r="HR26" s="413">
        <v>0</v>
      </c>
      <c r="HS26" s="102">
        <v>39</v>
      </c>
      <c r="HT26" s="102">
        <v>53</v>
      </c>
      <c r="HU26" s="102">
        <v>43</v>
      </c>
      <c r="HV26" s="102">
        <v>31</v>
      </c>
      <c r="HW26" s="102">
        <v>20</v>
      </c>
      <c r="HX26" s="103">
        <v>186</v>
      </c>
      <c r="HY26" s="104">
        <v>285</v>
      </c>
      <c r="HZ26" s="101">
        <v>116</v>
      </c>
      <c r="IA26" s="102">
        <v>115</v>
      </c>
      <c r="IB26" s="103">
        <v>231</v>
      </c>
      <c r="IC26" s="413">
        <v>0</v>
      </c>
      <c r="ID26" s="102">
        <v>120</v>
      </c>
      <c r="IE26" s="102">
        <v>118</v>
      </c>
      <c r="IF26" s="102">
        <v>71</v>
      </c>
      <c r="IG26" s="102">
        <v>59</v>
      </c>
      <c r="IH26" s="102">
        <v>55</v>
      </c>
      <c r="II26" s="103">
        <v>423</v>
      </c>
      <c r="IJ26" s="104">
        <v>654</v>
      </c>
      <c r="IK26" s="101">
        <v>226</v>
      </c>
      <c r="IL26" s="102">
        <v>237</v>
      </c>
      <c r="IM26" s="103">
        <v>463</v>
      </c>
      <c r="IN26" s="413">
        <v>0</v>
      </c>
      <c r="IO26" s="102">
        <v>270</v>
      </c>
      <c r="IP26" s="102">
        <v>208</v>
      </c>
      <c r="IQ26" s="102">
        <v>118</v>
      </c>
      <c r="IR26" s="102">
        <v>119</v>
      </c>
      <c r="IS26" s="102">
        <v>78</v>
      </c>
      <c r="IT26" s="103">
        <v>793</v>
      </c>
      <c r="IU26" s="104">
        <v>1256</v>
      </c>
      <c r="IV26" s="101">
        <v>149</v>
      </c>
      <c r="IW26" s="102">
        <v>198</v>
      </c>
      <c r="IX26" s="103">
        <v>347</v>
      </c>
      <c r="IY26" s="413">
        <v>0</v>
      </c>
      <c r="IZ26" s="102">
        <v>280</v>
      </c>
      <c r="JA26" s="102">
        <v>185</v>
      </c>
      <c r="JB26" s="102">
        <v>160</v>
      </c>
      <c r="JC26" s="102">
        <v>145</v>
      </c>
      <c r="JD26" s="102">
        <v>82</v>
      </c>
      <c r="JE26" s="103">
        <v>852</v>
      </c>
      <c r="JF26" s="104">
        <v>1199</v>
      </c>
      <c r="JG26" s="101">
        <v>61</v>
      </c>
      <c r="JH26" s="102">
        <v>83</v>
      </c>
      <c r="JI26" s="103">
        <v>144</v>
      </c>
      <c r="JJ26" s="413">
        <v>0</v>
      </c>
      <c r="JK26" s="102">
        <v>164</v>
      </c>
      <c r="JL26" s="102">
        <v>170</v>
      </c>
      <c r="JM26" s="102">
        <v>120</v>
      </c>
      <c r="JN26" s="102">
        <v>165</v>
      </c>
      <c r="JO26" s="102">
        <v>79</v>
      </c>
      <c r="JP26" s="103">
        <v>698</v>
      </c>
      <c r="JQ26" s="104">
        <v>842</v>
      </c>
      <c r="JR26" s="101">
        <v>9</v>
      </c>
      <c r="JS26" s="102">
        <v>23</v>
      </c>
      <c r="JT26" s="103">
        <v>32</v>
      </c>
      <c r="JU26" s="413">
        <v>0</v>
      </c>
      <c r="JV26" s="102">
        <v>13</v>
      </c>
      <c r="JW26" s="102">
        <v>24</v>
      </c>
      <c r="JX26" s="102">
        <v>13</v>
      </c>
      <c r="JY26" s="102">
        <v>10</v>
      </c>
      <c r="JZ26" s="102">
        <v>8</v>
      </c>
      <c r="KA26" s="103">
        <v>68</v>
      </c>
      <c r="KB26" s="104">
        <v>100</v>
      </c>
      <c r="KC26" s="101">
        <v>627</v>
      </c>
      <c r="KD26" s="102">
        <v>733</v>
      </c>
      <c r="KE26" s="103">
        <v>1360</v>
      </c>
      <c r="KF26" s="413">
        <v>0</v>
      </c>
      <c r="KG26" s="102">
        <v>901</v>
      </c>
      <c r="KH26" s="102">
        <v>781</v>
      </c>
      <c r="KI26" s="102">
        <v>534</v>
      </c>
      <c r="KJ26" s="102">
        <v>543</v>
      </c>
      <c r="KK26" s="102">
        <v>327</v>
      </c>
      <c r="KL26" s="103">
        <v>3086</v>
      </c>
      <c r="KM26" s="104">
        <v>4446</v>
      </c>
    </row>
    <row r="27" spans="2:299" s="70" customFormat="1" ht="21" customHeight="1" x14ac:dyDescent="0.2">
      <c r="B27" s="106" t="s">
        <v>24</v>
      </c>
      <c r="C27" s="96">
        <v>112</v>
      </c>
      <c r="D27" s="97">
        <v>82</v>
      </c>
      <c r="E27" s="98">
        <v>194</v>
      </c>
      <c r="F27" s="413">
        <v>0</v>
      </c>
      <c r="G27" s="97">
        <v>160</v>
      </c>
      <c r="H27" s="97">
        <v>104</v>
      </c>
      <c r="I27" s="97">
        <v>77</v>
      </c>
      <c r="J27" s="97">
        <v>55</v>
      </c>
      <c r="K27" s="97">
        <v>41</v>
      </c>
      <c r="L27" s="99">
        <v>437</v>
      </c>
      <c r="M27" s="100">
        <v>631</v>
      </c>
      <c r="N27" s="101">
        <v>2</v>
      </c>
      <c r="O27" s="102">
        <v>2</v>
      </c>
      <c r="P27" s="103">
        <v>4</v>
      </c>
      <c r="Q27" s="413">
        <v>0</v>
      </c>
      <c r="R27" s="102">
        <v>7</v>
      </c>
      <c r="S27" s="102">
        <v>0</v>
      </c>
      <c r="T27" s="102">
        <v>1</v>
      </c>
      <c r="U27" s="102">
        <v>0</v>
      </c>
      <c r="V27" s="102">
        <v>2</v>
      </c>
      <c r="W27" s="103">
        <v>10</v>
      </c>
      <c r="X27" s="104">
        <v>14</v>
      </c>
      <c r="Y27" s="101">
        <v>8</v>
      </c>
      <c r="Z27" s="102">
        <v>3</v>
      </c>
      <c r="AA27" s="103">
        <v>11</v>
      </c>
      <c r="AB27" s="413">
        <v>0</v>
      </c>
      <c r="AC27" s="102">
        <v>14</v>
      </c>
      <c r="AD27" s="102">
        <v>7</v>
      </c>
      <c r="AE27" s="102">
        <v>4</v>
      </c>
      <c r="AF27" s="102">
        <v>4</v>
      </c>
      <c r="AG27" s="102">
        <v>8</v>
      </c>
      <c r="AH27" s="103">
        <v>37</v>
      </c>
      <c r="AI27" s="104">
        <v>48</v>
      </c>
      <c r="AJ27" s="101">
        <v>7</v>
      </c>
      <c r="AK27" s="102">
        <v>20</v>
      </c>
      <c r="AL27" s="103">
        <v>27</v>
      </c>
      <c r="AM27" s="413">
        <v>0</v>
      </c>
      <c r="AN27" s="102">
        <v>22</v>
      </c>
      <c r="AO27" s="102">
        <v>13</v>
      </c>
      <c r="AP27" s="102">
        <v>11</v>
      </c>
      <c r="AQ27" s="102">
        <v>7</v>
      </c>
      <c r="AR27" s="102">
        <v>2</v>
      </c>
      <c r="AS27" s="103">
        <v>55</v>
      </c>
      <c r="AT27" s="104">
        <v>82</v>
      </c>
      <c r="AU27" s="101">
        <v>25</v>
      </c>
      <c r="AV27" s="102">
        <v>16</v>
      </c>
      <c r="AW27" s="103">
        <v>41</v>
      </c>
      <c r="AX27" s="413">
        <v>0</v>
      </c>
      <c r="AY27" s="102">
        <v>38</v>
      </c>
      <c r="AZ27" s="102">
        <v>26</v>
      </c>
      <c r="BA27" s="102">
        <v>18</v>
      </c>
      <c r="BB27" s="102">
        <v>11</v>
      </c>
      <c r="BC27" s="102">
        <v>9</v>
      </c>
      <c r="BD27" s="103">
        <v>102</v>
      </c>
      <c r="BE27" s="104">
        <v>143</v>
      </c>
      <c r="BF27" s="101">
        <v>40</v>
      </c>
      <c r="BG27" s="102">
        <v>19</v>
      </c>
      <c r="BH27" s="103">
        <v>59</v>
      </c>
      <c r="BI27" s="413">
        <v>0</v>
      </c>
      <c r="BJ27" s="102">
        <v>42</v>
      </c>
      <c r="BK27" s="102">
        <v>25</v>
      </c>
      <c r="BL27" s="102">
        <v>19</v>
      </c>
      <c r="BM27" s="102">
        <v>9</v>
      </c>
      <c r="BN27" s="102">
        <v>8</v>
      </c>
      <c r="BO27" s="103">
        <v>103</v>
      </c>
      <c r="BP27" s="104">
        <v>162</v>
      </c>
      <c r="BQ27" s="101">
        <v>30</v>
      </c>
      <c r="BR27" s="102">
        <v>22</v>
      </c>
      <c r="BS27" s="103">
        <v>52</v>
      </c>
      <c r="BT27" s="413">
        <v>0</v>
      </c>
      <c r="BU27" s="102">
        <v>37</v>
      </c>
      <c r="BV27" s="102">
        <v>33</v>
      </c>
      <c r="BW27" s="102">
        <v>24</v>
      </c>
      <c r="BX27" s="102">
        <v>24</v>
      </c>
      <c r="BY27" s="102">
        <v>12</v>
      </c>
      <c r="BZ27" s="103">
        <v>130</v>
      </c>
      <c r="CA27" s="104">
        <v>182</v>
      </c>
      <c r="CB27" s="101">
        <v>2</v>
      </c>
      <c r="CC27" s="102">
        <v>1</v>
      </c>
      <c r="CD27" s="103">
        <v>3</v>
      </c>
      <c r="CE27" s="413">
        <v>0</v>
      </c>
      <c r="CF27" s="102">
        <v>5</v>
      </c>
      <c r="CG27" s="102">
        <v>3</v>
      </c>
      <c r="CH27" s="102">
        <v>5</v>
      </c>
      <c r="CI27" s="102">
        <v>2</v>
      </c>
      <c r="CJ27" s="102">
        <v>0</v>
      </c>
      <c r="CK27" s="103">
        <v>15</v>
      </c>
      <c r="CL27" s="104">
        <v>18</v>
      </c>
      <c r="CM27" s="101">
        <v>114</v>
      </c>
      <c r="CN27" s="102">
        <v>83</v>
      </c>
      <c r="CO27" s="103">
        <v>197</v>
      </c>
      <c r="CP27" s="413">
        <v>0</v>
      </c>
      <c r="CQ27" s="102">
        <v>165</v>
      </c>
      <c r="CR27" s="102">
        <v>107</v>
      </c>
      <c r="CS27" s="102">
        <v>82</v>
      </c>
      <c r="CT27" s="102">
        <v>57</v>
      </c>
      <c r="CU27" s="102">
        <v>41</v>
      </c>
      <c r="CV27" s="103">
        <v>452</v>
      </c>
      <c r="CW27" s="104">
        <v>649</v>
      </c>
      <c r="CX27" s="105">
        <v>244</v>
      </c>
      <c r="CY27" s="97">
        <v>182</v>
      </c>
      <c r="CZ27" s="98">
        <v>426</v>
      </c>
      <c r="DA27" s="413">
        <v>0</v>
      </c>
      <c r="DB27" s="97">
        <v>284</v>
      </c>
      <c r="DC27" s="97">
        <v>191</v>
      </c>
      <c r="DD27" s="97">
        <v>147</v>
      </c>
      <c r="DE27" s="97">
        <v>216</v>
      </c>
      <c r="DF27" s="97">
        <v>114</v>
      </c>
      <c r="DG27" s="99">
        <v>952</v>
      </c>
      <c r="DH27" s="100">
        <v>1378</v>
      </c>
      <c r="DI27" s="101">
        <v>5</v>
      </c>
      <c r="DJ27" s="102">
        <v>8</v>
      </c>
      <c r="DK27" s="103">
        <v>13</v>
      </c>
      <c r="DL27" s="413">
        <v>0</v>
      </c>
      <c r="DM27" s="102">
        <v>4</v>
      </c>
      <c r="DN27" s="102">
        <v>3</v>
      </c>
      <c r="DO27" s="102">
        <v>3</v>
      </c>
      <c r="DP27" s="102">
        <v>1</v>
      </c>
      <c r="DQ27" s="102">
        <v>3</v>
      </c>
      <c r="DR27" s="103">
        <v>14</v>
      </c>
      <c r="DS27" s="104">
        <v>27</v>
      </c>
      <c r="DT27" s="101">
        <v>7</v>
      </c>
      <c r="DU27" s="102">
        <v>8</v>
      </c>
      <c r="DV27" s="103">
        <v>15</v>
      </c>
      <c r="DW27" s="413">
        <v>0</v>
      </c>
      <c r="DX27" s="102">
        <v>5</v>
      </c>
      <c r="DY27" s="102">
        <v>5</v>
      </c>
      <c r="DZ27" s="102">
        <v>1</v>
      </c>
      <c r="EA27" s="102">
        <v>8</v>
      </c>
      <c r="EB27" s="102">
        <v>2</v>
      </c>
      <c r="EC27" s="103">
        <v>21</v>
      </c>
      <c r="ED27" s="104">
        <v>36</v>
      </c>
      <c r="EE27" s="101">
        <v>38</v>
      </c>
      <c r="EF27" s="102">
        <v>18</v>
      </c>
      <c r="EG27" s="103">
        <v>56</v>
      </c>
      <c r="EH27" s="413">
        <v>0</v>
      </c>
      <c r="EI27" s="102">
        <v>35</v>
      </c>
      <c r="EJ27" s="102">
        <v>24</v>
      </c>
      <c r="EK27" s="102">
        <v>10</v>
      </c>
      <c r="EL27" s="102">
        <v>16</v>
      </c>
      <c r="EM27" s="102">
        <v>6</v>
      </c>
      <c r="EN27" s="103">
        <v>91</v>
      </c>
      <c r="EO27" s="104">
        <v>147</v>
      </c>
      <c r="EP27" s="101">
        <v>62</v>
      </c>
      <c r="EQ27" s="102">
        <v>38</v>
      </c>
      <c r="ER27" s="103">
        <v>100</v>
      </c>
      <c r="ES27" s="413">
        <v>0</v>
      </c>
      <c r="ET27" s="102">
        <v>64</v>
      </c>
      <c r="EU27" s="102">
        <v>31</v>
      </c>
      <c r="EV27" s="102">
        <v>30</v>
      </c>
      <c r="EW27" s="102">
        <v>28</v>
      </c>
      <c r="EX27" s="102">
        <v>20</v>
      </c>
      <c r="EY27" s="103">
        <v>173</v>
      </c>
      <c r="EZ27" s="104">
        <v>273</v>
      </c>
      <c r="FA27" s="101">
        <v>76</v>
      </c>
      <c r="FB27" s="102">
        <v>59</v>
      </c>
      <c r="FC27" s="103">
        <v>135</v>
      </c>
      <c r="FD27" s="413">
        <v>0</v>
      </c>
      <c r="FE27" s="102">
        <v>90</v>
      </c>
      <c r="FF27" s="102">
        <v>55</v>
      </c>
      <c r="FG27" s="102">
        <v>30</v>
      </c>
      <c r="FH27" s="102">
        <v>46</v>
      </c>
      <c r="FI27" s="102">
        <v>34</v>
      </c>
      <c r="FJ27" s="103">
        <v>255</v>
      </c>
      <c r="FK27" s="104">
        <v>390</v>
      </c>
      <c r="FL27" s="101">
        <v>56</v>
      </c>
      <c r="FM27" s="102">
        <v>51</v>
      </c>
      <c r="FN27" s="103">
        <v>107</v>
      </c>
      <c r="FO27" s="413">
        <v>0</v>
      </c>
      <c r="FP27" s="102">
        <v>86</v>
      </c>
      <c r="FQ27" s="102">
        <v>73</v>
      </c>
      <c r="FR27" s="102">
        <v>73</v>
      </c>
      <c r="FS27" s="102">
        <v>117</v>
      </c>
      <c r="FT27" s="102">
        <v>49</v>
      </c>
      <c r="FU27" s="103">
        <v>398</v>
      </c>
      <c r="FV27" s="104">
        <v>505</v>
      </c>
      <c r="FW27" s="101">
        <v>3</v>
      </c>
      <c r="FX27" s="102">
        <v>1</v>
      </c>
      <c r="FY27" s="103">
        <v>4</v>
      </c>
      <c r="FZ27" s="413">
        <v>0</v>
      </c>
      <c r="GA27" s="102">
        <v>2</v>
      </c>
      <c r="GB27" s="102">
        <v>5</v>
      </c>
      <c r="GC27" s="102">
        <v>2</v>
      </c>
      <c r="GD27" s="102">
        <v>2</v>
      </c>
      <c r="GE27" s="102">
        <v>4</v>
      </c>
      <c r="GF27" s="103">
        <v>15</v>
      </c>
      <c r="GG27" s="104">
        <v>19</v>
      </c>
      <c r="GH27" s="101">
        <v>247</v>
      </c>
      <c r="GI27" s="102">
        <v>183</v>
      </c>
      <c r="GJ27" s="103">
        <v>430</v>
      </c>
      <c r="GK27" s="413">
        <v>0</v>
      </c>
      <c r="GL27" s="102">
        <v>286</v>
      </c>
      <c r="GM27" s="102">
        <v>196</v>
      </c>
      <c r="GN27" s="102">
        <v>149</v>
      </c>
      <c r="GO27" s="102">
        <v>218</v>
      </c>
      <c r="GP27" s="102">
        <v>118</v>
      </c>
      <c r="GQ27" s="103">
        <v>967</v>
      </c>
      <c r="GR27" s="104">
        <v>1397</v>
      </c>
      <c r="GS27" s="105">
        <v>356</v>
      </c>
      <c r="GT27" s="97">
        <v>264</v>
      </c>
      <c r="GU27" s="98">
        <v>620</v>
      </c>
      <c r="GV27" s="413">
        <v>0</v>
      </c>
      <c r="GW27" s="97">
        <v>444</v>
      </c>
      <c r="GX27" s="97">
        <v>295</v>
      </c>
      <c r="GY27" s="97">
        <v>224</v>
      </c>
      <c r="GZ27" s="97">
        <v>271</v>
      </c>
      <c r="HA27" s="97">
        <v>155</v>
      </c>
      <c r="HB27" s="99">
        <v>1389</v>
      </c>
      <c r="HC27" s="100">
        <v>2009</v>
      </c>
      <c r="HD27" s="101">
        <v>7</v>
      </c>
      <c r="HE27" s="102">
        <v>10</v>
      </c>
      <c r="HF27" s="103">
        <v>17</v>
      </c>
      <c r="HG27" s="416">
        <v>0</v>
      </c>
      <c r="HH27" s="102">
        <v>11</v>
      </c>
      <c r="HI27" s="102">
        <v>3</v>
      </c>
      <c r="HJ27" s="102">
        <v>4</v>
      </c>
      <c r="HK27" s="102">
        <v>1</v>
      </c>
      <c r="HL27" s="102">
        <v>5</v>
      </c>
      <c r="HM27" s="103">
        <v>24</v>
      </c>
      <c r="HN27" s="104">
        <v>41</v>
      </c>
      <c r="HO27" s="101">
        <v>15</v>
      </c>
      <c r="HP27" s="102">
        <v>11</v>
      </c>
      <c r="HQ27" s="103">
        <v>26</v>
      </c>
      <c r="HR27" s="413">
        <v>0</v>
      </c>
      <c r="HS27" s="102">
        <v>19</v>
      </c>
      <c r="HT27" s="102">
        <v>12</v>
      </c>
      <c r="HU27" s="102">
        <v>5</v>
      </c>
      <c r="HV27" s="102">
        <v>12</v>
      </c>
      <c r="HW27" s="102">
        <v>10</v>
      </c>
      <c r="HX27" s="103">
        <v>58</v>
      </c>
      <c r="HY27" s="104">
        <v>84</v>
      </c>
      <c r="HZ27" s="101">
        <v>45</v>
      </c>
      <c r="IA27" s="102">
        <v>38</v>
      </c>
      <c r="IB27" s="103">
        <v>83</v>
      </c>
      <c r="IC27" s="413">
        <v>0</v>
      </c>
      <c r="ID27" s="102">
        <v>57</v>
      </c>
      <c r="IE27" s="102">
        <v>37</v>
      </c>
      <c r="IF27" s="102">
        <v>21</v>
      </c>
      <c r="IG27" s="102">
        <v>23</v>
      </c>
      <c r="IH27" s="102">
        <v>8</v>
      </c>
      <c r="II27" s="103">
        <v>146</v>
      </c>
      <c r="IJ27" s="104">
        <v>229</v>
      </c>
      <c r="IK27" s="101">
        <v>87</v>
      </c>
      <c r="IL27" s="102">
        <v>54</v>
      </c>
      <c r="IM27" s="103">
        <v>141</v>
      </c>
      <c r="IN27" s="413">
        <v>0</v>
      </c>
      <c r="IO27" s="102">
        <v>102</v>
      </c>
      <c r="IP27" s="102">
        <v>57</v>
      </c>
      <c r="IQ27" s="102">
        <v>48</v>
      </c>
      <c r="IR27" s="102">
        <v>39</v>
      </c>
      <c r="IS27" s="102">
        <v>29</v>
      </c>
      <c r="IT27" s="103">
        <v>275</v>
      </c>
      <c r="IU27" s="104">
        <v>416</v>
      </c>
      <c r="IV27" s="101">
        <v>116</v>
      </c>
      <c r="IW27" s="102">
        <v>78</v>
      </c>
      <c r="IX27" s="103">
        <v>194</v>
      </c>
      <c r="IY27" s="413">
        <v>0</v>
      </c>
      <c r="IZ27" s="102">
        <v>132</v>
      </c>
      <c r="JA27" s="102">
        <v>80</v>
      </c>
      <c r="JB27" s="102">
        <v>49</v>
      </c>
      <c r="JC27" s="102">
        <v>55</v>
      </c>
      <c r="JD27" s="102">
        <v>42</v>
      </c>
      <c r="JE27" s="103">
        <v>358</v>
      </c>
      <c r="JF27" s="104">
        <v>552</v>
      </c>
      <c r="JG27" s="101">
        <v>86</v>
      </c>
      <c r="JH27" s="102">
        <v>73</v>
      </c>
      <c r="JI27" s="103">
        <v>159</v>
      </c>
      <c r="JJ27" s="413">
        <v>0</v>
      </c>
      <c r="JK27" s="102">
        <v>123</v>
      </c>
      <c r="JL27" s="102">
        <v>106</v>
      </c>
      <c r="JM27" s="102">
        <v>97</v>
      </c>
      <c r="JN27" s="102">
        <v>141</v>
      </c>
      <c r="JO27" s="102">
        <v>61</v>
      </c>
      <c r="JP27" s="103">
        <v>528</v>
      </c>
      <c r="JQ27" s="104">
        <v>687</v>
      </c>
      <c r="JR27" s="101">
        <v>5</v>
      </c>
      <c r="JS27" s="102">
        <v>2</v>
      </c>
      <c r="JT27" s="103">
        <v>7</v>
      </c>
      <c r="JU27" s="413">
        <v>0</v>
      </c>
      <c r="JV27" s="102">
        <v>7</v>
      </c>
      <c r="JW27" s="102">
        <v>8</v>
      </c>
      <c r="JX27" s="102">
        <v>7</v>
      </c>
      <c r="JY27" s="102">
        <v>4</v>
      </c>
      <c r="JZ27" s="102">
        <v>4</v>
      </c>
      <c r="KA27" s="103">
        <v>30</v>
      </c>
      <c r="KB27" s="104">
        <v>37</v>
      </c>
      <c r="KC27" s="101">
        <v>361</v>
      </c>
      <c r="KD27" s="102">
        <v>266</v>
      </c>
      <c r="KE27" s="103">
        <v>627</v>
      </c>
      <c r="KF27" s="413">
        <v>0</v>
      </c>
      <c r="KG27" s="102">
        <v>451</v>
      </c>
      <c r="KH27" s="102">
        <v>303</v>
      </c>
      <c r="KI27" s="102">
        <v>231</v>
      </c>
      <c r="KJ27" s="102">
        <v>275</v>
      </c>
      <c r="KK27" s="102">
        <v>159</v>
      </c>
      <c r="KL27" s="103">
        <v>1419</v>
      </c>
      <c r="KM27" s="104">
        <v>2046</v>
      </c>
    </row>
    <row r="28" spans="2:299" s="70" customFormat="1" ht="21" customHeight="1" x14ac:dyDescent="0.2">
      <c r="B28" s="106" t="s">
        <v>25</v>
      </c>
      <c r="C28" s="96">
        <v>120</v>
      </c>
      <c r="D28" s="97">
        <v>138</v>
      </c>
      <c r="E28" s="98">
        <v>258</v>
      </c>
      <c r="F28" s="413">
        <v>0</v>
      </c>
      <c r="G28" s="97">
        <v>201</v>
      </c>
      <c r="H28" s="97">
        <v>180</v>
      </c>
      <c r="I28" s="97">
        <v>93</v>
      </c>
      <c r="J28" s="97">
        <v>95</v>
      </c>
      <c r="K28" s="97">
        <v>50</v>
      </c>
      <c r="L28" s="99">
        <v>619</v>
      </c>
      <c r="M28" s="100">
        <v>877</v>
      </c>
      <c r="N28" s="101">
        <v>5</v>
      </c>
      <c r="O28" s="102">
        <v>7</v>
      </c>
      <c r="P28" s="103">
        <v>12</v>
      </c>
      <c r="Q28" s="413">
        <v>0</v>
      </c>
      <c r="R28" s="102">
        <v>7</v>
      </c>
      <c r="S28" s="102">
        <v>10</v>
      </c>
      <c r="T28" s="102">
        <v>3</v>
      </c>
      <c r="U28" s="102">
        <v>4</v>
      </c>
      <c r="V28" s="102">
        <v>3</v>
      </c>
      <c r="W28" s="103">
        <v>27</v>
      </c>
      <c r="X28" s="104">
        <v>39</v>
      </c>
      <c r="Y28" s="101">
        <v>17</v>
      </c>
      <c r="Z28" s="102">
        <v>10</v>
      </c>
      <c r="AA28" s="103">
        <v>27</v>
      </c>
      <c r="AB28" s="413">
        <v>0</v>
      </c>
      <c r="AC28" s="102">
        <v>15</v>
      </c>
      <c r="AD28" s="102">
        <v>19</v>
      </c>
      <c r="AE28" s="102">
        <v>10</v>
      </c>
      <c r="AF28" s="102">
        <v>13</v>
      </c>
      <c r="AG28" s="102">
        <v>5</v>
      </c>
      <c r="AH28" s="103">
        <v>62</v>
      </c>
      <c r="AI28" s="104">
        <v>89</v>
      </c>
      <c r="AJ28" s="101">
        <v>19</v>
      </c>
      <c r="AK28" s="102">
        <v>23</v>
      </c>
      <c r="AL28" s="103">
        <v>42</v>
      </c>
      <c r="AM28" s="413">
        <v>0</v>
      </c>
      <c r="AN28" s="102">
        <v>30</v>
      </c>
      <c r="AO28" s="102">
        <v>37</v>
      </c>
      <c r="AP28" s="102">
        <v>18</v>
      </c>
      <c r="AQ28" s="102">
        <v>24</v>
      </c>
      <c r="AR28" s="102">
        <v>10</v>
      </c>
      <c r="AS28" s="103">
        <v>119</v>
      </c>
      <c r="AT28" s="104">
        <v>161</v>
      </c>
      <c r="AU28" s="101">
        <v>38</v>
      </c>
      <c r="AV28" s="102">
        <v>51</v>
      </c>
      <c r="AW28" s="103">
        <v>89</v>
      </c>
      <c r="AX28" s="413">
        <v>0</v>
      </c>
      <c r="AY28" s="102">
        <v>65</v>
      </c>
      <c r="AZ28" s="102">
        <v>51</v>
      </c>
      <c r="BA28" s="102">
        <v>24</v>
      </c>
      <c r="BB28" s="102">
        <v>24</v>
      </c>
      <c r="BC28" s="102">
        <v>11</v>
      </c>
      <c r="BD28" s="103">
        <v>175</v>
      </c>
      <c r="BE28" s="104">
        <v>264</v>
      </c>
      <c r="BF28" s="101">
        <v>23</v>
      </c>
      <c r="BG28" s="102">
        <v>32</v>
      </c>
      <c r="BH28" s="103">
        <v>55</v>
      </c>
      <c r="BI28" s="413">
        <v>0</v>
      </c>
      <c r="BJ28" s="102">
        <v>64</v>
      </c>
      <c r="BK28" s="102">
        <v>37</v>
      </c>
      <c r="BL28" s="102">
        <v>23</v>
      </c>
      <c r="BM28" s="102">
        <v>16</v>
      </c>
      <c r="BN28" s="102">
        <v>7</v>
      </c>
      <c r="BO28" s="103">
        <v>147</v>
      </c>
      <c r="BP28" s="104">
        <v>202</v>
      </c>
      <c r="BQ28" s="101">
        <v>18</v>
      </c>
      <c r="BR28" s="102">
        <v>15</v>
      </c>
      <c r="BS28" s="103">
        <v>33</v>
      </c>
      <c r="BT28" s="413">
        <v>0</v>
      </c>
      <c r="BU28" s="102">
        <v>20</v>
      </c>
      <c r="BV28" s="102">
        <v>26</v>
      </c>
      <c r="BW28" s="102">
        <v>15</v>
      </c>
      <c r="BX28" s="102">
        <v>14</v>
      </c>
      <c r="BY28" s="102">
        <v>14</v>
      </c>
      <c r="BZ28" s="103">
        <v>89</v>
      </c>
      <c r="CA28" s="104">
        <v>122</v>
      </c>
      <c r="CB28" s="101">
        <v>2</v>
      </c>
      <c r="CC28" s="102">
        <v>3</v>
      </c>
      <c r="CD28" s="103">
        <v>5</v>
      </c>
      <c r="CE28" s="413">
        <v>0</v>
      </c>
      <c r="CF28" s="102">
        <v>3</v>
      </c>
      <c r="CG28" s="102">
        <v>9</v>
      </c>
      <c r="CH28" s="102">
        <v>4</v>
      </c>
      <c r="CI28" s="102">
        <v>7</v>
      </c>
      <c r="CJ28" s="102">
        <v>1</v>
      </c>
      <c r="CK28" s="103">
        <v>24</v>
      </c>
      <c r="CL28" s="104">
        <v>29</v>
      </c>
      <c r="CM28" s="101">
        <v>122</v>
      </c>
      <c r="CN28" s="102">
        <v>141</v>
      </c>
      <c r="CO28" s="103">
        <v>263</v>
      </c>
      <c r="CP28" s="413">
        <v>0</v>
      </c>
      <c r="CQ28" s="102">
        <v>204</v>
      </c>
      <c r="CR28" s="102">
        <v>189</v>
      </c>
      <c r="CS28" s="102">
        <v>97</v>
      </c>
      <c r="CT28" s="102">
        <v>102</v>
      </c>
      <c r="CU28" s="102">
        <v>51</v>
      </c>
      <c r="CV28" s="103">
        <v>643</v>
      </c>
      <c r="CW28" s="104">
        <v>906</v>
      </c>
      <c r="CX28" s="105">
        <v>219</v>
      </c>
      <c r="CY28" s="97">
        <v>272</v>
      </c>
      <c r="CZ28" s="98">
        <v>491</v>
      </c>
      <c r="DA28" s="413">
        <v>0</v>
      </c>
      <c r="DB28" s="97">
        <v>336</v>
      </c>
      <c r="DC28" s="97">
        <v>240</v>
      </c>
      <c r="DD28" s="97">
        <v>176</v>
      </c>
      <c r="DE28" s="97">
        <v>195</v>
      </c>
      <c r="DF28" s="97">
        <v>98</v>
      </c>
      <c r="DG28" s="99">
        <v>1045</v>
      </c>
      <c r="DH28" s="100">
        <v>1536</v>
      </c>
      <c r="DI28" s="101">
        <v>6</v>
      </c>
      <c r="DJ28" s="102">
        <v>6</v>
      </c>
      <c r="DK28" s="103">
        <v>12</v>
      </c>
      <c r="DL28" s="413">
        <v>0</v>
      </c>
      <c r="DM28" s="102">
        <v>5</v>
      </c>
      <c r="DN28" s="102">
        <v>9</v>
      </c>
      <c r="DO28" s="102">
        <v>6</v>
      </c>
      <c r="DP28" s="102">
        <v>1</v>
      </c>
      <c r="DQ28" s="102">
        <v>3</v>
      </c>
      <c r="DR28" s="103">
        <v>24</v>
      </c>
      <c r="DS28" s="104">
        <v>36</v>
      </c>
      <c r="DT28" s="101">
        <v>8</v>
      </c>
      <c r="DU28" s="102">
        <v>26</v>
      </c>
      <c r="DV28" s="103">
        <v>34</v>
      </c>
      <c r="DW28" s="413">
        <v>0</v>
      </c>
      <c r="DX28" s="102">
        <v>16</v>
      </c>
      <c r="DY28" s="102">
        <v>13</v>
      </c>
      <c r="DZ28" s="102">
        <v>10</v>
      </c>
      <c r="EA28" s="102">
        <v>9</v>
      </c>
      <c r="EB28" s="102">
        <v>6</v>
      </c>
      <c r="EC28" s="103">
        <v>54</v>
      </c>
      <c r="ED28" s="104">
        <v>88</v>
      </c>
      <c r="EE28" s="101">
        <v>37</v>
      </c>
      <c r="EF28" s="102">
        <v>33</v>
      </c>
      <c r="EG28" s="103">
        <v>70</v>
      </c>
      <c r="EH28" s="413">
        <v>0</v>
      </c>
      <c r="EI28" s="102">
        <v>51</v>
      </c>
      <c r="EJ28" s="102">
        <v>31</v>
      </c>
      <c r="EK28" s="102">
        <v>19</v>
      </c>
      <c r="EL28" s="102">
        <v>20</v>
      </c>
      <c r="EM28" s="102">
        <v>12</v>
      </c>
      <c r="EN28" s="103">
        <v>133</v>
      </c>
      <c r="EO28" s="104">
        <v>203</v>
      </c>
      <c r="EP28" s="101">
        <v>78</v>
      </c>
      <c r="EQ28" s="102">
        <v>84</v>
      </c>
      <c r="ER28" s="103">
        <v>162</v>
      </c>
      <c r="ES28" s="413">
        <v>0</v>
      </c>
      <c r="ET28" s="102">
        <v>92</v>
      </c>
      <c r="EU28" s="102">
        <v>59</v>
      </c>
      <c r="EV28" s="102">
        <v>36</v>
      </c>
      <c r="EW28" s="102">
        <v>43</v>
      </c>
      <c r="EX28" s="102">
        <v>23</v>
      </c>
      <c r="EY28" s="103">
        <v>253</v>
      </c>
      <c r="EZ28" s="104">
        <v>415</v>
      </c>
      <c r="FA28" s="101">
        <v>57</v>
      </c>
      <c r="FB28" s="102">
        <v>69</v>
      </c>
      <c r="FC28" s="103">
        <v>126</v>
      </c>
      <c r="FD28" s="413">
        <v>0</v>
      </c>
      <c r="FE28" s="102">
        <v>80</v>
      </c>
      <c r="FF28" s="102">
        <v>61</v>
      </c>
      <c r="FG28" s="102">
        <v>50</v>
      </c>
      <c r="FH28" s="102">
        <v>47</v>
      </c>
      <c r="FI28" s="102">
        <v>27</v>
      </c>
      <c r="FJ28" s="103">
        <v>265</v>
      </c>
      <c r="FK28" s="104">
        <v>391</v>
      </c>
      <c r="FL28" s="101">
        <v>33</v>
      </c>
      <c r="FM28" s="102">
        <v>54</v>
      </c>
      <c r="FN28" s="103">
        <v>87</v>
      </c>
      <c r="FO28" s="413">
        <v>0</v>
      </c>
      <c r="FP28" s="102">
        <v>92</v>
      </c>
      <c r="FQ28" s="102">
        <v>67</v>
      </c>
      <c r="FR28" s="102">
        <v>55</v>
      </c>
      <c r="FS28" s="102">
        <v>75</v>
      </c>
      <c r="FT28" s="102">
        <v>27</v>
      </c>
      <c r="FU28" s="103">
        <v>316</v>
      </c>
      <c r="FV28" s="104">
        <v>403</v>
      </c>
      <c r="FW28" s="101">
        <v>2</v>
      </c>
      <c r="FX28" s="102">
        <v>3</v>
      </c>
      <c r="FY28" s="103">
        <v>5</v>
      </c>
      <c r="FZ28" s="413">
        <v>0</v>
      </c>
      <c r="GA28" s="102">
        <v>4</v>
      </c>
      <c r="GB28" s="102">
        <v>4</v>
      </c>
      <c r="GC28" s="102">
        <v>2</v>
      </c>
      <c r="GD28" s="102">
        <v>0</v>
      </c>
      <c r="GE28" s="102">
        <v>6</v>
      </c>
      <c r="GF28" s="103">
        <v>16</v>
      </c>
      <c r="GG28" s="104">
        <v>21</v>
      </c>
      <c r="GH28" s="101">
        <v>221</v>
      </c>
      <c r="GI28" s="102">
        <v>275</v>
      </c>
      <c r="GJ28" s="103">
        <v>496</v>
      </c>
      <c r="GK28" s="413">
        <v>0</v>
      </c>
      <c r="GL28" s="102">
        <v>340</v>
      </c>
      <c r="GM28" s="102">
        <v>244</v>
      </c>
      <c r="GN28" s="102">
        <v>178</v>
      </c>
      <c r="GO28" s="102">
        <v>195</v>
      </c>
      <c r="GP28" s="102">
        <v>104</v>
      </c>
      <c r="GQ28" s="103">
        <v>1061</v>
      </c>
      <c r="GR28" s="104">
        <v>1557</v>
      </c>
      <c r="GS28" s="105">
        <v>339</v>
      </c>
      <c r="GT28" s="97">
        <v>410</v>
      </c>
      <c r="GU28" s="98">
        <v>749</v>
      </c>
      <c r="GV28" s="413">
        <v>0</v>
      </c>
      <c r="GW28" s="97">
        <v>537</v>
      </c>
      <c r="GX28" s="97">
        <v>420</v>
      </c>
      <c r="GY28" s="97">
        <v>269</v>
      </c>
      <c r="GZ28" s="97">
        <v>290</v>
      </c>
      <c r="HA28" s="97">
        <v>148</v>
      </c>
      <c r="HB28" s="99">
        <v>1664</v>
      </c>
      <c r="HC28" s="100">
        <v>2413</v>
      </c>
      <c r="HD28" s="101">
        <v>11</v>
      </c>
      <c r="HE28" s="102">
        <v>13</v>
      </c>
      <c r="HF28" s="103">
        <v>24</v>
      </c>
      <c r="HG28" s="416">
        <v>0</v>
      </c>
      <c r="HH28" s="102">
        <v>12</v>
      </c>
      <c r="HI28" s="102">
        <v>19</v>
      </c>
      <c r="HJ28" s="102">
        <v>9</v>
      </c>
      <c r="HK28" s="102">
        <v>5</v>
      </c>
      <c r="HL28" s="102">
        <v>6</v>
      </c>
      <c r="HM28" s="103">
        <v>51</v>
      </c>
      <c r="HN28" s="104">
        <v>75</v>
      </c>
      <c r="HO28" s="101">
        <v>25</v>
      </c>
      <c r="HP28" s="102">
        <v>36</v>
      </c>
      <c r="HQ28" s="103">
        <v>61</v>
      </c>
      <c r="HR28" s="413">
        <v>0</v>
      </c>
      <c r="HS28" s="102">
        <v>31</v>
      </c>
      <c r="HT28" s="102">
        <v>32</v>
      </c>
      <c r="HU28" s="102">
        <v>20</v>
      </c>
      <c r="HV28" s="102">
        <v>22</v>
      </c>
      <c r="HW28" s="102">
        <v>11</v>
      </c>
      <c r="HX28" s="103">
        <v>116</v>
      </c>
      <c r="HY28" s="104">
        <v>177</v>
      </c>
      <c r="HZ28" s="101">
        <v>56</v>
      </c>
      <c r="IA28" s="102">
        <v>56</v>
      </c>
      <c r="IB28" s="103">
        <v>112</v>
      </c>
      <c r="IC28" s="413">
        <v>0</v>
      </c>
      <c r="ID28" s="102">
        <v>81</v>
      </c>
      <c r="IE28" s="102">
        <v>68</v>
      </c>
      <c r="IF28" s="102">
        <v>37</v>
      </c>
      <c r="IG28" s="102">
        <v>44</v>
      </c>
      <c r="IH28" s="102">
        <v>22</v>
      </c>
      <c r="II28" s="103">
        <v>252</v>
      </c>
      <c r="IJ28" s="104">
        <v>364</v>
      </c>
      <c r="IK28" s="101">
        <v>116</v>
      </c>
      <c r="IL28" s="102">
        <v>135</v>
      </c>
      <c r="IM28" s="103">
        <v>251</v>
      </c>
      <c r="IN28" s="413">
        <v>0</v>
      </c>
      <c r="IO28" s="102">
        <v>157</v>
      </c>
      <c r="IP28" s="102">
        <v>110</v>
      </c>
      <c r="IQ28" s="102">
        <v>60</v>
      </c>
      <c r="IR28" s="102">
        <v>67</v>
      </c>
      <c r="IS28" s="102">
        <v>34</v>
      </c>
      <c r="IT28" s="103">
        <v>428</v>
      </c>
      <c r="IU28" s="104">
        <v>679</v>
      </c>
      <c r="IV28" s="101">
        <v>80</v>
      </c>
      <c r="IW28" s="102">
        <v>101</v>
      </c>
      <c r="IX28" s="103">
        <v>181</v>
      </c>
      <c r="IY28" s="413">
        <v>0</v>
      </c>
      <c r="IZ28" s="102">
        <v>144</v>
      </c>
      <c r="JA28" s="102">
        <v>98</v>
      </c>
      <c r="JB28" s="102">
        <v>73</v>
      </c>
      <c r="JC28" s="102">
        <v>63</v>
      </c>
      <c r="JD28" s="102">
        <v>34</v>
      </c>
      <c r="JE28" s="103">
        <v>412</v>
      </c>
      <c r="JF28" s="104">
        <v>593</v>
      </c>
      <c r="JG28" s="101">
        <v>51</v>
      </c>
      <c r="JH28" s="102">
        <v>69</v>
      </c>
      <c r="JI28" s="103">
        <v>120</v>
      </c>
      <c r="JJ28" s="413">
        <v>0</v>
      </c>
      <c r="JK28" s="102">
        <v>112</v>
      </c>
      <c r="JL28" s="102">
        <v>93</v>
      </c>
      <c r="JM28" s="102">
        <v>70</v>
      </c>
      <c r="JN28" s="102">
        <v>89</v>
      </c>
      <c r="JO28" s="102">
        <v>41</v>
      </c>
      <c r="JP28" s="103">
        <v>405</v>
      </c>
      <c r="JQ28" s="104">
        <v>525</v>
      </c>
      <c r="JR28" s="101">
        <v>4</v>
      </c>
      <c r="JS28" s="102">
        <v>6</v>
      </c>
      <c r="JT28" s="103">
        <v>10</v>
      </c>
      <c r="JU28" s="413">
        <v>0</v>
      </c>
      <c r="JV28" s="102">
        <v>7</v>
      </c>
      <c r="JW28" s="102">
        <v>13</v>
      </c>
      <c r="JX28" s="102">
        <v>6</v>
      </c>
      <c r="JY28" s="102">
        <v>7</v>
      </c>
      <c r="JZ28" s="102">
        <v>7</v>
      </c>
      <c r="KA28" s="103">
        <v>40</v>
      </c>
      <c r="KB28" s="104">
        <v>50</v>
      </c>
      <c r="KC28" s="101">
        <v>343</v>
      </c>
      <c r="KD28" s="102">
        <v>416</v>
      </c>
      <c r="KE28" s="103">
        <v>759</v>
      </c>
      <c r="KF28" s="413">
        <v>0</v>
      </c>
      <c r="KG28" s="102">
        <v>544</v>
      </c>
      <c r="KH28" s="102">
        <v>433</v>
      </c>
      <c r="KI28" s="102">
        <v>275</v>
      </c>
      <c r="KJ28" s="102">
        <v>297</v>
      </c>
      <c r="KK28" s="102">
        <v>155</v>
      </c>
      <c r="KL28" s="103">
        <v>1704</v>
      </c>
      <c r="KM28" s="104">
        <v>2463</v>
      </c>
    </row>
    <row r="29" spans="2:299" s="70" customFormat="1" ht="21" customHeight="1" x14ac:dyDescent="0.2">
      <c r="B29" s="106" t="s">
        <v>26</v>
      </c>
      <c r="C29" s="96">
        <v>92</v>
      </c>
      <c r="D29" s="97">
        <v>86</v>
      </c>
      <c r="E29" s="98">
        <v>178</v>
      </c>
      <c r="F29" s="413">
        <v>0</v>
      </c>
      <c r="G29" s="97">
        <v>110</v>
      </c>
      <c r="H29" s="97">
        <v>145</v>
      </c>
      <c r="I29" s="97">
        <v>90</v>
      </c>
      <c r="J29" s="97">
        <v>68</v>
      </c>
      <c r="K29" s="97">
        <v>51</v>
      </c>
      <c r="L29" s="99">
        <v>464</v>
      </c>
      <c r="M29" s="100">
        <v>642</v>
      </c>
      <c r="N29" s="101">
        <v>1</v>
      </c>
      <c r="O29" s="102">
        <v>2</v>
      </c>
      <c r="P29" s="103">
        <v>3</v>
      </c>
      <c r="Q29" s="413">
        <v>0</v>
      </c>
      <c r="R29" s="102">
        <v>2</v>
      </c>
      <c r="S29" s="102">
        <v>3</v>
      </c>
      <c r="T29" s="102">
        <v>3</v>
      </c>
      <c r="U29" s="102">
        <v>4</v>
      </c>
      <c r="V29" s="102">
        <v>1</v>
      </c>
      <c r="W29" s="103">
        <v>13</v>
      </c>
      <c r="X29" s="104">
        <v>16</v>
      </c>
      <c r="Y29" s="101">
        <v>4</v>
      </c>
      <c r="Z29" s="102">
        <v>11</v>
      </c>
      <c r="AA29" s="103">
        <v>15</v>
      </c>
      <c r="AB29" s="413">
        <v>0</v>
      </c>
      <c r="AC29" s="102">
        <v>9</v>
      </c>
      <c r="AD29" s="102">
        <v>16</v>
      </c>
      <c r="AE29" s="102">
        <v>9</v>
      </c>
      <c r="AF29" s="102">
        <v>2</v>
      </c>
      <c r="AG29" s="102">
        <v>4</v>
      </c>
      <c r="AH29" s="103">
        <v>40</v>
      </c>
      <c r="AI29" s="104">
        <v>55</v>
      </c>
      <c r="AJ29" s="101">
        <v>16</v>
      </c>
      <c r="AK29" s="102">
        <v>15</v>
      </c>
      <c r="AL29" s="103">
        <v>31</v>
      </c>
      <c r="AM29" s="413">
        <v>0</v>
      </c>
      <c r="AN29" s="102">
        <v>22</v>
      </c>
      <c r="AO29" s="102">
        <v>16</v>
      </c>
      <c r="AP29" s="102">
        <v>5</v>
      </c>
      <c r="AQ29" s="102">
        <v>13</v>
      </c>
      <c r="AR29" s="102">
        <v>13</v>
      </c>
      <c r="AS29" s="103">
        <v>69</v>
      </c>
      <c r="AT29" s="104">
        <v>100</v>
      </c>
      <c r="AU29" s="101">
        <v>22</v>
      </c>
      <c r="AV29" s="102">
        <v>24</v>
      </c>
      <c r="AW29" s="103">
        <v>46</v>
      </c>
      <c r="AX29" s="413">
        <v>0</v>
      </c>
      <c r="AY29" s="102">
        <v>21</v>
      </c>
      <c r="AZ29" s="102">
        <v>31</v>
      </c>
      <c r="BA29" s="102">
        <v>30</v>
      </c>
      <c r="BB29" s="102">
        <v>19</v>
      </c>
      <c r="BC29" s="102">
        <v>10</v>
      </c>
      <c r="BD29" s="103">
        <v>111</v>
      </c>
      <c r="BE29" s="104">
        <v>157</v>
      </c>
      <c r="BF29" s="101">
        <v>24</v>
      </c>
      <c r="BG29" s="102">
        <v>22</v>
      </c>
      <c r="BH29" s="103">
        <v>46</v>
      </c>
      <c r="BI29" s="413">
        <v>0</v>
      </c>
      <c r="BJ29" s="102">
        <v>39</v>
      </c>
      <c r="BK29" s="102">
        <v>44</v>
      </c>
      <c r="BL29" s="102">
        <v>24</v>
      </c>
      <c r="BM29" s="102">
        <v>19</v>
      </c>
      <c r="BN29" s="102">
        <v>11</v>
      </c>
      <c r="BO29" s="103">
        <v>137</v>
      </c>
      <c r="BP29" s="104">
        <v>183</v>
      </c>
      <c r="BQ29" s="101">
        <v>25</v>
      </c>
      <c r="BR29" s="102">
        <v>12</v>
      </c>
      <c r="BS29" s="103">
        <v>37</v>
      </c>
      <c r="BT29" s="413">
        <v>0</v>
      </c>
      <c r="BU29" s="102">
        <v>17</v>
      </c>
      <c r="BV29" s="102">
        <v>35</v>
      </c>
      <c r="BW29" s="102">
        <v>19</v>
      </c>
      <c r="BX29" s="102">
        <v>11</v>
      </c>
      <c r="BY29" s="102">
        <v>12</v>
      </c>
      <c r="BZ29" s="103">
        <v>94</v>
      </c>
      <c r="CA29" s="104">
        <v>131</v>
      </c>
      <c r="CB29" s="101">
        <v>3</v>
      </c>
      <c r="CC29" s="102">
        <v>2</v>
      </c>
      <c r="CD29" s="103">
        <v>5</v>
      </c>
      <c r="CE29" s="413">
        <v>0</v>
      </c>
      <c r="CF29" s="102">
        <v>5</v>
      </c>
      <c r="CG29" s="102">
        <v>8</v>
      </c>
      <c r="CH29" s="102">
        <v>2</v>
      </c>
      <c r="CI29" s="102">
        <v>1</v>
      </c>
      <c r="CJ29" s="102">
        <v>1</v>
      </c>
      <c r="CK29" s="103">
        <v>17</v>
      </c>
      <c r="CL29" s="104">
        <v>22</v>
      </c>
      <c r="CM29" s="101">
        <v>95</v>
      </c>
      <c r="CN29" s="102">
        <v>88</v>
      </c>
      <c r="CO29" s="103">
        <v>183</v>
      </c>
      <c r="CP29" s="413">
        <v>0</v>
      </c>
      <c r="CQ29" s="102">
        <v>115</v>
      </c>
      <c r="CR29" s="102">
        <v>153</v>
      </c>
      <c r="CS29" s="102">
        <v>92</v>
      </c>
      <c r="CT29" s="102">
        <v>69</v>
      </c>
      <c r="CU29" s="102">
        <v>52</v>
      </c>
      <c r="CV29" s="103">
        <v>481</v>
      </c>
      <c r="CW29" s="104">
        <v>664</v>
      </c>
      <c r="CX29" s="105">
        <v>177</v>
      </c>
      <c r="CY29" s="97">
        <v>223</v>
      </c>
      <c r="CZ29" s="98">
        <v>400</v>
      </c>
      <c r="DA29" s="413">
        <v>0</v>
      </c>
      <c r="DB29" s="97">
        <v>240</v>
      </c>
      <c r="DC29" s="97">
        <v>282</v>
      </c>
      <c r="DD29" s="97">
        <v>174</v>
      </c>
      <c r="DE29" s="97">
        <v>171</v>
      </c>
      <c r="DF29" s="97">
        <v>126</v>
      </c>
      <c r="DG29" s="99">
        <v>993</v>
      </c>
      <c r="DH29" s="100">
        <v>1393</v>
      </c>
      <c r="DI29" s="101">
        <v>0</v>
      </c>
      <c r="DJ29" s="102">
        <v>7</v>
      </c>
      <c r="DK29" s="103">
        <v>7</v>
      </c>
      <c r="DL29" s="413">
        <v>0</v>
      </c>
      <c r="DM29" s="102">
        <v>3</v>
      </c>
      <c r="DN29" s="102">
        <v>3</v>
      </c>
      <c r="DO29" s="102">
        <v>2</v>
      </c>
      <c r="DP29" s="102">
        <v>4</v>
      </c>
      <c r="DQ29" s="102">
        <v>3</v>
      </c>
      <c r="DR29" s="103">
        <v>15</v>
      </c>
      <c r="DS29" s="104">
        <v>22</v>
      </c>
      <c r="DT29" s="101">
        <v>6</v>
      </c>
      <c r="DU29" s="102">
        <v>14</v>
      </c>
      <c r="DV29" s="103">
        <v>20</v>
      </c>
      <c r="DW29" s="413">
        <v>0</v>
      </c>
      <c r="DX29" s="102">
        <v>9</v>
      </c>
      <c r="DY29" s="102">
        <v>12</v>
      </c>
      <c r="DZ29" s="102">
        <v>2</v>
      </c>
      <c r="EA29" s="102">
        <v>6</v>
      </c>
      <c r="EB29" s="102">
        <v>7</v>
      </c>
      <c r="EC29" s="103">
        <v>36</v>
      </c>
      <c r="ED29" s="104">
        <v>56</v>
      </c>
      <c r="EE29" s="101">
        <v>29</v>
      </c>
      <c r="EF29" s="102">
        <v>35</v>
      </c>
      <c r="EG29" s="103">
        <v>64</v>
      </c>
      <c r="EH29" s="413">
        <v>0</v>
      </c>
      <c r="EI29" s="102">
        <v>25</v>
      </c>
      <c r="EJ29" s="102">
        <v>27</v>
      </c>
      <c r="EK29" s="102">
        <v>13</v>
      </c>
      <c r="EL29" s="102">
        <v>21</v>
      </c>
      <c r="EM29" s="102">
        <v>12</v>
      </c>
      <c r="EN29" s="103">
        <v>98</v>
      </c>
      <c r="EO29" s="104">
        <v>162</v>
      </c>
      <c r="EP29" s="101">
        <v>48</v>
      </c>
      <c r="EQ29" s="102">
        <v>60</v>
      </c>
      <c r="ER29" s="103">
        <v>108</v>
      </c>
      <c r="ES29" s="413">
        <v>0</v>
      </c>
      <c r="ET29" s="102">
        <v>57</v>
      </c>
      <c r="EU29" s="102">
        <v>64</v>
      </c>
      <c r="EV29" s="102">
        <v>41</v>
      </c>
      <c r="EW29" s="102">
        <v>27</v>
      </c>
      <c r="EX29" s="102">
        <v>12</v>
      </c>
      <c r="EY29" s="103">
        <v>201</v>
      </c>
      <c r="EZ29" s="104">
        <v>309</v>
      </c>
      <c r="FA29" s="101">
        <v>61</v>
      </c>
      <c r="FB29" s="102">
        <v>56</v>
      </c>
      <c r="FC29" s="103">
        <v>117</v>
      </c>
      <c r="FD29" s="413">
        <v>0</v>
      </c>
      <c r="FE29" s="102">
        <v>79</v>
      </c>
      <c r="FF29" s="102">
        <v>68</v>
      </c>
      <c r="FG29" s="102">
        <v>48</v>
      </c>
      <c r="FH29" s="102">
        <v>43</v>
      </c>
      <c r="FI29" s="102">
        <v>32</v>
      </c>
      <c r="FJ29" s="103">
        <v>270</v>
      </c>
      <c r="FK29" s="104">
        <v>387</v>
      </c>
      <c r="FL29" s="101">
        <v>33</v>
      </c>
      <c r="FM29" s="102">
        <v>51</v>
      </c>
      <c r="FN29" s="103">
        <v>84</v>
      </c>
      <c r="FO29" s="413">
        <v>0</v>
      </c>
      <c r="FP29" s="102">
        <v>67</v>
      </c>
      <c r="FQ29" s="102">
        <v>108</v>
      </c>
      <c r="FR29" s="102">
        <v>68</v>
      </c>
      <c r="FS29" s="102">
        <v>70</v>
      </c>
      <c r="FT29" s="102">
        <v>60</v>
      </c>
      <c r="FU29" s="103">
        <v>373</v>
      </c>
      <c r="FV29" s="104">
        <v>457</v>
      </c>
      <c r="FW29" s="101">
        <v>0</v>
      </c>
      <c r="FX29" s="102">
        <v>3</v>
      </c>
      <c r="FY29" s="103">
        <v>3</v>
      </c>
      <c r="FZ29" s="413">
        <v>0</v>
      </c>
      <c r="GA29" s="102">
        <v>1</v>
      </c>
      <c r="GB29" s="102">
        <v>2</v>
      </c>
      <c r="GC29" s="102">
        <v>3</v>
      </c>
      <c r="GD29" s="102">
        <v>1</v>
      </c>
      <c r="GE29" s="102">
        <v>3</v>
      </c>
      <c r="GF29" s="103">
        <v>10</v>
      </c>
      <c r="GG29" s="104">
        <v>13</v>
      </c>
      <c r="GH29" s="101">
        <v>177</v>
      </c>
      <c r="GI29" s="102">
        <v>226</v>
      </c>
      <c r="GJ29" s="103">
        <v>403</v>
      </c>
      <c r="GK29" s="413">
        <v>0</v>
      </c>
      <c r="GL29" s="102">
        <v>241</v>
      </c>
      <c r="GM29" s="102">
        <v>284</v>
      </c>
      <c r="GN29" s="102">
        <v>177</v>
      </c>
      <c r="GO29" s="102">
        <v>172</v>
      </c>
      <c r="GP29" s="102">
        <v>129</v>
      </c>
      <c r="GQ29" s="103">
        <v>1003</v>
      </c>
      <c r="GR29" s="104">
        <v>1406</v>
      </c>
      <c r="GS29" s="105">
        <v>269</v>
      </c>
      <c r="GT29" s="97">
        <v>309</v>
      </c>
      <c r="GU29" s="98">
        <v>578</v>
      </c>
      <c r="GV29" s="413">
        <v>0</v>
      </c>
      <c r="GW29" s="97">
        <v>350</v>
      </c>
      <c r="GX29" s="97">
        <v>427</v>
      </c>
      <c r="GY29" s="97">
        <v>264</v>
      </c>
      <c r="GZ29" s="97">
        <v>239</v>
      </c>
      <c r="HA29" s="97">
        <v>177</v>
      </c>
      <c r="HB29" s="99">
        <v>1457</v>
      </c>
      <c r="HC29" s="100">
        <v>2035</v>
      </c>
      <c r="HD29" s="101">
        <v>1</v>
      </c>
      <c r="HE29" s="102">
        <v>9</v>
      </c>
      <c r="HF29" s="103">
        <v>10</v>
      </c>
      <c r="HG29" s="416">
        <v>0</v>
      </c>
      <c r="HH29" s="102">
        <v>5</v>
      </c>
      <c r="HI29" s="102">
        <v>6</v>
      </c>
      <c r="HJ29" s="102">
        <v>5</v>
      </c>
      <c r="HK29" s="102">
        <v>8</v>
      </c>
      <c r="HL29" s="102">
        <v>4</v>
      </c>
      <c r="HM29" s="103">
        <v>28</v>
      </c>
      <c r="HN29" s="104">
        <v>38</v>
      </c>
      <c r="HO29" s="101">
        <v>10</v>
      </c>
      <c r="HP29" s="102">
        <v>25</v>
      </c>
      <c r="HQ29" s="103">
        <v>35</v>
      </c>
      <c r="HR29" s="413">
        <v>0</v>
      </c>
      <c r="HS29" s="102">
        <v>18</v>
      </c>
      <c r="HT29" s="102">
        <v>28</v>
      </c>
      <c r="HU29" s="102">
        <v>11</v>
      </c>
      <c r="HV29" s="102">
        <v>8</v>
      </c>
      <c r="HW29" s="102">
        <v>11</v>
      </c>
      <c r="HX29" s="103">
        <v>76</v>
      </c>
      <c r="HY29" s="104">
        <v>111</v>
      </c>
      <c r="HZ29" s="101">
        <v>45</v>
      </c>
      <c r="IA29" s="102">
        <v>50</v>
      </c>
      <c r="IB29" s="103">
        <v>95</v>
      </c>
      <c r="IC29" s="413">
        <v>0</v>
      </c>
      <c r="ID29" s="102">
        <v>47</v>
      </c>
      <c r="IE29" s="102">
        <v>43</v>
      </c>
      <c r="IF29" s="102">
        <v>18</v>
      </c>
      <c r="IG29" s="102">
        <v>34</v>
      </c>
      <c r="IH29" s="102">
        <v>25</v>
      </c>
      <c r="II29" s="103">
        <v>167</v>
      </c>
      <c r="IJ29" s="104">
        <v>262</v>
      </c>
      <c r="IK29" s="101">
        <v>70</v>
      </c>
      <c r="IL29" s="102">
        <v>84</v>
      </c>
      <c r="IM29" s="103">
        <v>154</v>
      </c>
      <c r="IN29" s="413">
        <v>0</v>
      </c>
      <c r="IO29" s="102">
        <v>78</v>
      </c>
      <c r="IP29" s="102">
        <v>95</v>
      </c>
      <c r="IQ29" s="102">
        <v>71</v>
      </c>
      <c r="IR29" s="102">
        <v>46</v>
      </c>
      <c r="IS29" s="102">
        <v>22</v>
      </c>
      <c r="IT29" s="103">
        <v>312</v>
      </c>
      <c r="IU29" s="104">
        <v>466</v>
      </c>
      <c r="IV29" s="101">
        <v>85</v>
      </c>
      <c r="IW29" s="102">
        <v>78</v>
      </c>
      <c r="IX29" s="103">
        <v>163</v>
      </c>
      <c r="IY29" s="413">
        <v>0</v>
      </c>
      <c r="IZ29" s="102">
        <v>118</v>
      </c>
      <c r="JA29" s="102">
        <v>112</v>
      </c>
      <c r="JB29" s="102">
        <v>72</v>
      </c>
      <c r="JC29" s="102">
        <v>62</v>
      </c>
      <c r="JD29" s="102">
        <v>43</v>
      </c>
      <c r="JE29" s="103">
        <v>407</v>
      </c>
      <c r="JF29" s="104">
        <v>570</v>
      </c>
      <c r="JG29" s="101">
        <v>58</v>
      </c>
      <c r="JH29" s="102">
        <v>63</v>
      </c>
      <c r="JI29" s="103">
        <v>121</v>
      </c>
      <c r="JJ29" s="413">
        <v>0</v>
      </c>
      <c r="JK29" s="102">
        <v>84</v>
      </c>
      <c r="JL29" s="102">
        <v>143</v>
      </c>
      <c r="JM29" s="102">
        <v>87</v>
      </c>
      <c r="JN29" s="102">
        <v>81</v>
      </c>
      <c r="JO29" s="102">
        <v>72</v>
      </c>
      <c r="JP29" s="103">
        <v>467</v>
      </c>
      <c r="JQ29" s="104">
        <v>588</v>
      </c>
      <c r="JR29" s="101">
        <v>3</v>
      </c>
      <c r="JS29" s="102">
        <v>5</v>
      </c>
      <c r="JT29" s="103">
        <v>8</v>
      </c>
      <c r="JU29" s="413">
        <v>0</v>
      </c>
      <c r="JV29" s="102">
        <v>6</v>
      </c>
      <c r="JW29" s="102">
        <v>10</v>
      </c>
      <c r="JX29" s="102">
        <v>5</v>
      </c>
      <c r="JY29" s="102">
        <v>2</v>
      </c>
      <c r="JZ29" s="102">
        <v>4</v>
      </c>
      <c r="KA29" s="103">
        <v>27</v>
      </c>
      <c r="KB29" s="104">
        <v>35</v>
      </c>
      <c r="KC29" s="101">
        <v>272</v>
      </c>
      <c r="KD29" s="102">
        <v>314</v>
      </c>
      <c r="KE29" s="103">
        <v>586</v>
      </c>
      <c r="KF29" s="413">
        <v>0</v>
      </c>
      <c r="KG29" s="102">
        <v>356</v>
      </c>
      <c r="KH29" s="102">
        <v>437</v>
      </c>
      <c r="KI29" s="102">
        <v>269</v>
      </c>
      <c r="KJ29" s="102">
        <v>241</v>
      </c>
      <c r="KK29" s="102">
        <v>181</v>
      </c>
      <c r="KL29" s="103">
        <v>1484</v>
      </c>
      <c r="KM29" s="104">
        <v>2070</v>
      </c>
    </row>
    <row r="30" spans="2:299" s="70" customFormat="1" ht="21" customHeight="1" x14ac:dyDescent="0.2">
      <c r="B30" s="106" t="s">
        <v>27</v>
      </c>
      <c r="C30" s="96">
        <v>117</v>
      </c>
      <c r="D30" s="97">
        <v>123</v>
      </c>
      <c r="E30" s="98">
        <v>240</v>
      </c>
      <c r="F30" s="413">
        <v>0</v>
      </c>
      <c r="G30" s="97">
        <v>107</v>
      </c>
      <c r="H30" s="97">
        <v>86</v>
      </c>
      <c r="I30" s="97">
        <v>67</v>
      </c>
      <c r="J30" s="97">
        <v>82</v>
      </c>
      <c r="K30" s="97">
        <v>38</v>
      </c>
      <c r="L30" s="99">
        <v>380</v>
      </c>
      <c r="M30" s="100">
        <v>620</v>
      </c>
      <c r="N30" s="101">
        <v>3</v>
      </c>
      <c r="O30" s="102">
        <v>6</v>
      </c>
      <c r="P30" s="103">
        <v>9</v>
      </c>
      <c r="Q30" s="413">
        <v>0</v>
      </c>
      <c r="R30" s="102">
        <v>4</v>
      </c>
      <c r="S30" s="102">
        <v>1</v>
      </c>
      <c r="T30" s="102">
        <v>3</v>
      </c>
      <c r="U30" s="102">
        <v>5</v>
      </c>
      <c r="V30" s="102">
        <v>1</v>
      </c>
      <c r="W30" s="103">
        <v>14</v>
      </c>
      <c r="X30" s="104">
        <v>23</v>
      </c>
      <c r="Y30" s="101">
        <v>8</v>
      </c>
      <c r="Z30" s="102">
        <v>10</v>
      </c>
      <c r="AA30" s="103">
        <v>18</v>
      </c>
      <c r="AB30" s="413">
        <v>0</v>
      </c>
      <c r="AC30" s="102">
        <v>8</v>
      </c>
      <c r="AD30" s="102">
        <v>9</v>
      </c>
      <c r="AE30" s="102">
        <v>7</v>
      </c>
      <c r="AF30" s="102">
        <v>3</v>
      </c>
      <c r="AG30" s="102">
        <v>2</v>
      </c>
      <c r="AH30" s="103">
        <v>29</v>
      </c>
      <c r="AI30" s="104">
        <v>47</v>
      </c>
      <c r="AJ30" s="101">
        <v>18</v>
      </c>
      <c r="AK30" s="102">
        <v>26</v>
      </c>
      <c r="AL30" s="103">
        <v>44</v>
      </c>
      <c r="AM30" s="413">
        <v>0</v>
      </c>
      <c r="AN30" s="102">
        <v>19</v>
      </c>
      <c r="AO30" s="102">
        <v>15</v>
      </c>
      <c r="AP30" s="102">
        <v>9</v>
      </c>
      <c r="AQ30" s="102">
        <v>16</v>
      </c>
      <c r="AR30" s="102">
        <v>5</v>
      </c>
      <c r="AS30" s="103">
        <v>64</v>
      </c>
      <c r="AT30" s="104">
        <v>108</v>
      </c>
      <c r="AU30" s="101">
        <v>29</v>
      </c>
      <c r="AV30" s="102">
        <v>30</v>
      </c>
      <c r="AW30" s="103">
        <v>59</v>
      </c>
      <c r="AX30" s="413">
        <v>0</v>
      </c>
      <c r="AY30" s="102">
        <v>25</v>
      </c>
      <c r="AZ30" s="102">
        <v>24</v>
      </c>
      <c r="BA30" s="102">
        <v>17</v>
      </c>
      <c r="BB30" s="102">
        <v>18</v>
      </c>
      <c r="BC30" s="102">
        <v>14</v>
      </c>
      <c r="BD30" s="103">
        <v>98</v>
      </c>
      <c r="BE30" s="104">
        <v>157</v>
      </c>
      <c r="BF30" s="101">
        <v>40</v>
      </c>
      <c r="BG30" s="102">
        <v>28</v>
      </c>
      <c r="BH30" s="103">
        <v>68</v>
      </c>
      <c r="BI30" s="413">
        <v>0</v>
      </c>
      <c r="BJ30" s="102">
        <v>28</v>
      </c>
      <c r="BK30" s="102">
        <v>16</v>
      </c>
      <c r="BL30" s="102">
        <v>18</v>
      </c>
      <c r="BM30" s="102">
        <v>18</v>
      </c>
      <c r="BN30" s="102">
        <v>8</v>
      </c>
      <c r="BO30" s="103">
        <v>88</v>
      </c>
      <c r="BP30" s="104">
        <v>156</v>
      </c>
      <c r="BQ30" s="101">
        <v>19</v>
      </c>
      <c r="BR30" s="102">
        <v>23</v>
      </c>
      <c r="BS30" s="103">
        <v>42</v>
      </c>
      <c r="BT30" s="413">
        <v>0</v>
      </c>
      <c r="BU30" s="102">
        <v>23</v>
      </c>
      <c r="BV30" s="102">
        <v>21</v>
      </c>
      <c r="BW30" s="102">
        <v>13</v>
      </c>
      <c r="BX30" s="102">
        <v>22</v>
      </c>
      <c r="BY30" s="102">
        <v>8</v>
      </c>
      <c r="BZ30" s="103">
        <v>87</v>
      </c>
      <c r="CA30" s="104">
        <v>129</v>
      </c>
      <c r="CB30" s="101">
        <v>8</v>
      </c>
      <c r="CC30" s="102">
        <v>3</v>
      </c>
      <c r="CD30" s="103">
        <v>11</v>
      </c>
      <c r="CE30" s="413">
        <v>0</v>
      </c>
      <c r="CF30" s="102">
        <v>3</v>
      </c>
      <c r="CG30" s="102">
        <v>3</v>
      </c>
      <c r="CH30" s="102">
        <v>4</v>
      </c>
      <c r="CI30" s="102">
        <v>3</v>
      </c>
      <c r="CJ30" s="102">
        <v>1</v>
      </c>
      <c r="CK30" s="103">
        <v>14</v>
      </c>
      <c r="CL30" s="104">
        <v>25</v>
      </c>
      <c r="CM30" s="101">
        <v>125</v>
      </c>
      <c r="CN30" s="102">
        <v>126</v>
      </c>
      <c r="CO30" s="103">
        <v>251</v>
      </c>
      <c r="CP30" s="413">
        <v>0</v>
      </c>
      <c r="CQ30" s="102">
        <v>110</v>
      </c>
      <c r="CR30" s="102">
        <v>89</v>
      </c>
      <c r="CS30" s="102">
        <v>71</v>
      </c>
      <c r="CT30" s="102">
        <v>85</v>
      </c>
      <c r="CU30" s="102">
        <v>39</v>
      </c>
      <c r="CV30" s="103">
        <v>394</v>
      </c>
      <c r="CW30" s="104">
        <v>645</v>
      </c>
      <c r="CX30" s="105">
        <v>267</v>
      </c>
      <c r="CY30" s="97">
        <v>209</v>
      </c>
      <c r="CZ30" s="98">
        <v>476</v>
      </c>
      <c r="DA30" s="413">
        <v>0</v>
      </c>
      <c r="DB30" s="97">
        <v>257</v>
      </c>
      <c r="DC30" s="97">
        <v>132</v>
      </c>
      <c r="DD30" s="97">
        <v>126</v>
      </c>
      <c r="DE30" s="97">
        <v>153</v>
      </c>
      <c r="DF30" s="97">
        <v>100</v>
      </c>
      <c r="DG30" s="99">
        <v>768</v>
      </c>
      <c r="DH30" s="100">
        <v>1244</v>
      </c>
      <c r="DI30" s="101">
        <v>4</v>
      </c>
      <c r="DJ30" s="102">
        <v>3</v>
      </c>
      <c r="DK30" s="103">
        <v>7</v>
      </c>
      <c r="DL30" s="413">
        <v>0</v>
      </c>
      <c r="DM30" s="102">
        <v>5</v>
      </c>
      <c r="DN30" s="102">
        <v>2</v>
      </c>
      <c r="DO30" s="102">
        <v>0</v>
      </c>
      <c r="DP30" s="102">
        <v>1</v>
      </c>
      <c r="DQ30" s="102">
        <v>4</v>
      </c>
      <c r="DR30" s="103">
        <v>12</v>
      </c>
      <c r="DS30" s="104">
        <v>19</v>
      </c>
      <c r="DT30" s="101">
        <v>14</v>
      </c>
      <c r="DU30" s="102">
        <v>8</v>
      </c>
      <c r="DV30" s="103">
        <v>22</v>
      </c>
      <c r="DW30" s="413">
        <v>0</v>
      </c>
      <c r="DX30" s="102">
        <v>10</v>
      </c>
      <c r="DY30" s="102">
        <v>3</v>
      </c>
      <c r="DZ30" s="102">
        <v>6</v>
      </c>
      <c r="EA30" s="102">
        <v>4</v>
      </c>
      <c r="EB30" s="102">
        <v>1</v>
      </c>
      <c r="EC30" s="103">
        <v>24</v>
      </c>
      <c r="ED30" s="104">
        <v>46</v>
      </c>
      <c r="EE30" s="101">
        <v>37</v>
      </c>
      <c r="EF30" s="102">
        <v>25</v>
      </c>
      <c r="EG30" s="103">
        <v>62</v>
      </c>
      <c r="EH30" s="413">
        <v>0</v>
      </c>
      <c r="EI30" s="102">
        <v>22</v>
      </c>
      <c r="EJ30" s="102">
        <v>19</v>
      </c>
      <c r="EK30" s="102">
        <v>10</v>
      </c>
      <c r="EL30" s="102">
        <v>17</v>
      </c>
      <c r="EM30" s="102">
        <v>7</v>
      </c>
      <c r="EN30" s="103">
        <v>75</v>
      </c>
      <c r="EO30" s="104">
        <v>137</v>
      </c>
      <c r="EP30" s="101">
        <v>69</v>
      </c>
      <c r="EQ30" s="102">
        <v>48</v>
      </c>
      <c r="ER30" s="103">
        <v>117</v>
      </c>
      <c r="ES30" s="413">
        <v>0</v>
      </c>
      <c r="ET30" s="102">
        <v>56</v>
      </c>
      <c r="EU30" s="102">
        <v>22</v>
      </c>
      <c r="EV30" s="102">
        <v>19</v>
      </c>
      <c r="EW30" s="102">
        <v>35</v>
      </c>
      <c r="EX30" s="102">
        <v>18</v>
      </c>
      <c r="EY30" s="103">
        <v>150</v>
      </c>
      <c r="EZ30" s="104">
        <v>267</v>
      </c>
      <c r="FA30" s="101">
        <v>84</v>
      </c>
      <c r="FB30" s="102">
        <v>69</v>
      </c>
      <c r="FC30" s="103">
        <v>153</v>
      </c>
      <c r="FD30" s="413">
        <v>0</v>
      </c>
      <c r="FE30" s="102">
        <v>79</v>
      </c>
      <c r="FF30" s="102">
        <v>32</v>
      </c>
      <c r="FG30" s="102">
        <v>32</v>
      </c>
      <c r="FH30" s="102">
        <v>33</v>
      </c>
      <c r="FI30" s="102">
        <v>27</v>
      </c>
      <c r="FJ30" s="103">
        <v>203</v>
      </c>
      <c r="FK30" s="104">
        <v>356</v>
      </c>
      <c r="FL30" s="101">
        <v>59</v>
      </c>
      <c r="FM30" s="102">
        <v>56</v>
      </c>
      <c r="FN30" s="103">
        <v>115</v>
      </c>
      <c r="FO30" s="413">
        <v>0</v>
      </c>
      <c r="FP30" s="102">
        <v>85</v>
      </c>
      <c r="FQ30" s="102">
        <v>54</v>
      </c>
      <c r="FR30" s="102">
        <v>59</v>
      </c>
      <c r="FS30" s="102">
        <v>63</v>
      </c>
      <c r="FT30" s="102">
        <v>43</v>
      </c>
      <c r="FU30" s="103">
        <v>304</v>
      </c>
      <c r="FV30" s="104">
        <v>419</v>
      </c>
      <c r="FW30" s="101">
        <v>0</v>
      </c>
      <c r="FX30" s="102">
        <v>3</v>
      </c>
      <c r="FY30" s="103">
        <v>3</v>
      </c>
      <c r="FZ30" s="413">
        <v>0</v>
      </c>
      <c r="GA30" s="102">
        <v>2</v>
      </c>
      <c r="GB30" s="102">
        <v>6</v>
      </c>
      <c r="GC30" s="102">
        <v>3</v>
      </c>
      <c r="GD30" s="102">
        <v>1</v>
      </c>
      <c r="GE30" s="102">
        <v>2</v>
      </c>
      <c r="GF30" s="103">
        <v>14</v>
      </c>
      <c r="GG30" s="104">
        <v>17</v>
      </c>
      <c r="GH30" s="101">
        <v>267</v>
      </c>
      <c r="GI30" s="102">
        <v>212</v>
      </c>
      <c r="GJ30" s="103">
        <v>479</v>
      </c>
      <c r="GK30" s="413">
        <v>0</v>
      </c>
      <c r="GL30" s="102">
        <v>259</v>
      </c>
      <c r="GM30" s="102">
        <v>138</v>
      </c>
      <c r="GN30" s="102">
        <v>129</v>
      </c>
      <c r="GO30" s="102">
        <v>154</v>
      </c>
      <c r="GP30" s="102">
        <v>102</v>
      </c>
      <c r="GQ30" s="103">
        <v>782</v>
      </c>
      <c r="GR30" s="104">
        <v>1261</v>
      </c>
      <c r="GS30" s="105">
        <v>384</v>
      </c>
      <c r="GT30" s="97">
        <v>332</v>
      </c>
      <c r="GU30" s="98">
        <v>716</v>
      </c>
      <c r="GV30" s="413">
        <v>0</v>
      </c>
      <c r="GW30" s="97">
        <v>364</v>
      </c>
      <c r="GX30" s="97">
        <v>218</v>
      </c>
      <c r="GY30" s="97">
        <v>193</v>
      </c>
      <c r="GZ30" s="97">
        <v>235</v>
      </c>
      <c r="HA30" s="97">
        <v>138</v>
      </c>
      <c r="HB30" s="99">
        <v>1148</v>
      </c>
      <c r="HC30" s="100">
        <v>1864</v>
      </c>
      <c r="HD30" s="101">
        <v>7</v>
      </c>
      <c r="HE30" s="102">
        <v>9</v>
      </c>
      <c r="HF30" s="103">
        <v>16</v>
      </c>
      <c r="HG30" s="416">
        <v>0</v>
      </c>
      <c r="HH30" s="102">
        <v>9</v>
      </c>
      <c r="HI30" s="102">
        <v>3</v>
      </c>
      <c r="HJ30" s="102">
        <v>3</v>
      </c>
      <c r="HK30" s="102">
        <v>6</v>
      </c>
      <c r="HL30" s="102">
        <v>5</v>
      </c>
      <c r="HM30" s="103">
        <v>26</v>
      </c>
      <c r="HN30" s="104">
        <v>42</v>
      </c>
      <c r="HO30" s="101">
        <v>22</v>
      </c>
      <c r="HP30" s="102">
        <v>18</v>
      </c>
      <c r="HQ30" s="103">
        <v>40</v>
      </c>
      <c r="HR30" s="413">
        <v>0</v>
      </c>
      <c r="HS30" s="102">
        <v>18</v>
      </c>
      <c r="HT30" s="102">
        <v>12</v>
      </c>
      <c r="HU30" s="102">
        <v>13</v>
      </c>
      <c r="HV30" s="102">
        <v>7</v>
      </c>
      <c r="HW30" s="102">
        <v>3</v>
      </c>
      <c r="HX30" s="103">
        <v>53</v>
      </c>
      <c r="HY30" s="104">
        <v>93</v>
      </c>
      <c r="HZ30" s="101">
        <v>55</v>
      </c>
      <c r="IA30" s="102">
        <v>51</v>
      </c>
      <c r="IB30" s="103">
        <v>106</v>
      </c>
      <c r="IC30" s="413">
        <v>0</v>
      </c>
      <c r="ID30" s="102">
        <v>41</v>
      </c>
      <c r="IE30" s="102">
        <v>34</v>
      </c>
      <c r="IF30" s="102">
        <v>19</v>
      </c>
      <c r="IG30" s="102">
        <v>33</v>
      </c>
      <c r="IH30" s="102">
        <v>12</v>
      </c>
      <c r="II30" s="103">
        <v>139</v>
      </c>
      <c r="IJ30" s="104">
        <v>245</v>
      </c>
      <c r="IK30" s="101">
        <v>98</v>
      </c>
      <c r="IL30" s="102">
        <v>78</v>
      </c>
      <c r="IM30" s="103">
        <v>176</v>
      </c>
      <c r="IN30" s="413">
        <v>0</v>
      </c>
      <c r="IO30" s="102">
        <v>81</v>
      </c>
      <c r="IP30" s="102">
        <v>46</v>
      </c>
      <c r="IQ30" s="102">
        <v>36</v>
      </c>
      <c r="IR30" s="102">
        <v>53</v>
      </c>
      <c r="IS30" s="102">
        <v>32</v>
      </c>
      <c r="IT30" s="103">
        <v>248</v>
      </c>
      <c r="IU30" s="104">
        <v>424</v>
      </c>
      <c r="IV30" s="101">
        <v>124</v>
      </c>
      <c r="IW30" s="102">
        <v>97</v>
      </c>
      <c r="IX30" s="103">
        <v>221</v>
      </c>
      <c r="IY30" s="413">
        <v>0</v>
      </c>
      <c r="IZ30" s="102">
        <v>107</v>
      </c>
      <c r="JA30" s="102">
        <v>48</v>
      </c>
      <c r="JB30" s="102">
        <v>50</v>
      </c>
      <c r="JC30" s="102">
        <v>51</v>
      </c>
      <c r="JD30" s="102">
        <v>35</v>
      </c>
      <c r="JE30" s="103">
        <v>291</v>
      </c>
      <c r="JF30" s="104">
        <v>512</v>
      </c>
      <c r="JG30" s="101">
        <v>78</v>
      </c>
      <c r="JH30" s="102">
        <v>79</v>
      </c>
      <c r="JI30" s="103">
        <v>157</v>
      </c>
      <c r="JJ30" s="413">
        <v>0</v>
      </c>
      <c r="JK30" s="102">
        <v>108</v>
      </c>
      <c r="JL30" s="102">
        <v>75</v>
      </c>
      <c r="JM30" s="102">
        <v>72</v>
      </c>
      <c r="JN30" s="102">
        <v>85</v>
      </c>
      <c r="JO30" s="102">
        <v>51</v>
      </c>
      <c r="JP30" s="103">
        <v>391</v>
      </c>
      <c r="JQ30" s="104">
        <v>548</v>
      </c>
      <c r="JR30" s="101">
        <v>8</v>
      </c>
      <c r="JS30" s="102">
        <v>6</v>
      </c>
      <c r="JT30" s="103">
        <v>14</v>
      </c>
      <c r="JU30" s="413">
        <v>0</v>
      </c>
      <c r="JV30" s="102">
        <v>5</v>
      </c>
      <c r="JW30" s="102">
        <v>9</v>
      </c>
      <c r="JX30" s="102">
        <v>7</v>
      </c>
      <c r="JY30" s="102">
        <v>4</v>
      </c>
      <c r="JZ30" s="102">
        <v>3</v>
      </c>
      <c r="KA30" s="103">
        <v>28</v>
      </c>
      <c r="KB30" s="104">
        <v>42</v>
      </c>
      <c r="KC30" s="101">
        <v>392</v>
      </c>
      <c r="KD30" s="102">
        <v>338</v>
      </c>
      <c r="KE30" s="103">
        <v>730</v>
      </c>
      <c r="KF30" s="413">
        <v>0</v>
      </c>
      <c r="KG30" s="102">
        <v>369</v>
      </c>
      <c r="KH30" s="102">
        <v>227</v>
      </c>
      <c r="KI30" s="102">
        <v>200</v>
      </c>
      <c r="KJ30" s="102">
        <v>239</v>
      </c>
      <c r="KK30" s="102">
        <v>141</v>
      </c>
      <c r="KL30" s="103">
        <v>1176</v>
      </c>
      <c r="KM30" s="104">
        <v>1906</v>
      </c>
    </row>
    <row r="31" spans="2:299" s="70" customFormat="1" ht="21" customHeight="1" x14ac:dyDescent="0.2">
      <c r="B31" s="106" t="s">
        <v>28</v>
      </c>
      <c r="C31" s="96">
        <v>5</v>
      </c>
      <c r="D31" s="97">
        <v>27</v>
      </c>
      <c r="E31" s="98">
        <v>32</v>
      </c>
      <c r="F31" s="413">
        <v>0</v>
      </c>
      <c r="G31" s="97">
        <v>63</v>
      </c>
      <c r="H31" s="97">
        <v>49</v>
      </c>
      <c r="I31" s="97">
        <v>25</v>
      </c>
      <c r="J31" s="97">
        <v>17</v>
      </c>
      <c r="K31" s="97">
        <v>12</v>
      </c>
      <c r="L31" s="99">
        <v>166</v>
      </c>
      <c r="M31" s="100">
        <v>198</v>
      </c>
      <c r="N31" s="101">
        <v>0</v>
      </c>
      <c r="O31" s="102">
        <v>3</v>
      </c>
      <c r="P31" s="103">
        <v>3</v>
      </c>
      <c r="Q31" s="413">
        <v>0</v>
      </c>
      <c r="R31" s="102">
        <v>4</v>
      </c>
      <c r="S31" s="102">
        <v>2</v>
      </c>
      <c r="T31" s="102">
        <v>1</v>
      </c>
      <c r="U31" s="102">
        <v>2</v>
      </c>
      <c r="V31" s="102">
        <v>1</v>
      </c>
      <c r="W31" s="103">
        <v>10</v>
      </c>
      <c r="X31" s="104">
        <v>13</v>
      </c>
      <c r="Y31" s="101">
        <v>1</v>
      </c>
      <c r="Z31" s="102">
        <v>5</v>
      </c>
      <c r="AA31" s="103">
        <v>6</v>
      </c>
      <c r="AB31" s="413">
        <v>0</v>
      </c>
      <c r="AC31" s="102">
        <v>6</v>
      </c>
      <c r="AD31" s="102">
        <v>7</v>
      </c>
      <c r="AE31" s="102">
        <v>1</v>
      </c>
      <c r="AF31" s="102">
        <v>1</v>
      </c>
      <c r="AG31" s="102">
        <v>2</v>
      </c>
      <c r="AH31" s="103">
        <v>17</v>
      </c>
      <c r="AI31" s="104">
        <v>23</v>
      </c>
      <c r="AJ31" s="101">
        <v>1</v>
      </c>
      <c r="AK31" s="102">
        <v>3</v>
      </c>
      <c r="AL31" s="103">
        <v>4</v>
      </c>
      <c r="AM31" s="413">
        <v>0</v>
      </c>
      <c r="AN31" s="102">
        <v>11</v>
      </c>
      <c r="AO31" s="102">
        <v>11</v>
      </c>
      <c r="AP31" s="102">
        <v>5</v>
      </c>
      <c r="AQ31" s="102">
        <v>4</v>
      </c>
      <c r="AR31" s="102">
        <v>5</v>
      </c>
      <c r="AS31" s="103">
        <v>36</v>
      </c>
      <c r="AT31" s="104">
        <v>40</v>
      </c>
      <c r="AU31" s="101">
        <v>2</v>
      </c>
      <c r="AV31" s="102">
        <v>6</v>
      </c>
      <c r="AW31" s="103">
        <v>8</v>
      </c>
      <c r="AX31" s="413">
        <v>0</v>
      </c>
      <c r="AY31" s="102">
        <v>16</v>
      </c>
      <c r="AZ31" s="102">
        <v>11</v>
      </c>
      <c r="BA31" s="102">
        <v>6</v>
      </c>
      <c r="BB31" s="102">
        <v>3</v>
      </c>
      <c r="BC31" s="102">
        <v>0</v>
      </c>
      <c r="BD31" s="103">
        <v>36</v>
      </c>
      <c r="BE31" s="104">
        <v>44</v>
      </c>
      <c r="BF31" s="101">
        <v>1</v>
      </c>
      <c r="BG31" s="102">
        <v>6</v>
      </c>
      <c r="BH31" s="103">
        <v>7</v>
      </c>
      <c r="BI31" s="413">
        <v>0</v>
      </c>
      <c r="BJ31" s="102">
        <v>15</v>
      </c>
      <c r="BK31" s="102">
        <v>10</v>
      </c>
      <c r="BL31" s="102">
        <v>4</v>
      </c>
      <c r="BM31" s="102">
        <v>2</v>
      </c>
      <c r="BN31" s="102">
        <v>2</v>
      </c>
      <c r="BO31" s="103">
        <v>33</v>
      </c>
      <c r="BP31" s="104">
        <v>40</v>
      </c>
      <c r="BQ31" s="101">
        <v>0</v>
      </c>
      <c r="BR31" s="102">
        <v>4</v>
      </c>
      <c r="BS31" s="103">
        <v>4</v>
      </c>
      <c r="BT31" s="413">
        <v>0</v>
      </c>
      <c r="BU31" s="102">
        <v>11</v>
      </c>
      <c r="BV31" s="102">
        <v>8</v>
      </c>
      <c r="BW31" s="102">
        <v>8</v>
      </c>
      <c r="BX31" s="102">
        <v>5</v>
      </c>
      <c r="BY31" s="102">
        <v>2</v>
      </c>
      <c r="BZ31" s="103">
        <v>34</v>
      </c>
      <c r="CA31" s="104">
        <v>38</v>
      </c>
      <c r="CB31" s="101">
        <v>0</v>
      </c>
      <c r="CC31" s="102">
        <v>1</v>
      </c>
      <c r="CD31" s="103">
        <v>1</v>
      </c>
      <c r="CE31" s="413">
        <v>0</v>
      </c>
      <c r="CF31" s="102">
        <v>0</v>
      </c>
      <c r="CG31" s="102">
        <v>1</v>
      </c>
      <c r="CH31" s="102">
        <v>1</v>
      </c>
      <c r="CI31" s="102">
        <v>0</v>
      </c>
      <c r="CJ31" s="102">
        <v>2</v>
      </c>
      <c r="CK31" s="103">
        <v>4</v>
      </c>
      <c r="CL31" s="104">
        <v>5</v>
      </c>
      <c r="CM31" s="101">
        <v>5</v>
      </c>
      <c r="CN31" s="102">
        <v>28</v>
      </c>
      <c r="CO31" s="103">
        <v>33</v>
      </c>
      <c r="CP31" s="413">
        <v>0</v>
      </c>
      <c r="CQ31" s="102">
        <v>63</v>
      </c>
      <c r="CR31" s="102">
        <v>50</v>
      </c>
      <c r="CS31" s="102">
        <v>26</v>
      </c>
      <c r="CT31" s="102">
        <v>17</v>
      </c>
      <c r="CU31" s="102">
        <v>14</v>
      </c>
      <c r="CV31" s="103">
        <v>170</v>
      </c>
      <c r="CW31" s="104">
        <v>203</v>
      </c>
      <c r="CX31" s="105">
        <v>17</v>
      </c>
      <c r="CY31" s="97">
        <v>39</v>
      </c>
      <c r="CZ31" s="98">
        <v>56</v>
      </c>
      <c r="DA31" s="413">
        <v>0</v>
      </c>
      <c r="DB31" s="97">
        <v>64</v>
      </c>
      <c r="DC31" s="97">
        <v>76</v>
      </c>
      <c r="DD31" s="97">
        <v>48</v>
      </c>
      <c r="DE31" s="97">
        <v>51</v>
      </c>
      <c r="DF31" s="97">
        <v>29</v>
      </c>
      <c r="DG31" s="99">
        <v>268</v>
      </c>
      <c r="DH31" s="100">
        <v>324</v>
      </c>
      <c r="DI31" s="101">
        <v>0</v>
      </c>
      <c r="DJ31" s="102">
        <v>0</v>
      </c>
      <c r="DK31" s="103">
        <v>0</v>
      </c>
      <c r="DL31" s="413">
        <v>0</v>
      </c>
      <c r="DM31" s="102">
        <v>2</v>
      </c>
      <c r="DN31" s="102">
        <v>0</v>
      </c>
      <c r="DO31" s="102">
        <v>1</v>
      </c>
      <c r="DP31" s="102">
        <v>0</v>
      </c>
      <c r="DQ31" s="102">
        <v>0</v>
      </c>
      <c r="DR31" s="103">
        <v>3</v>
      </c>
      <c r="DS31" s="104">
        <v>3</v>
      </c>
      <c r="DT31" s="101">
        <v>4</v>
      </c>
      <c r="DU31" s="102">
        <v>5</v>
      </c>
      <c r="DV31" s="103">
        <v>9</v>
      </c>
      <c r="DW31" s="413">
        <v>0</v>
      </c>
      <c r="DX31" s="102">
        <v>5</v>
      </c>
      <c r="DY31" s="102">
        <v>5</v>
      </c>
      <c r="DZ31" s="102">
        <v>3</v>
      </c>
      <c r="EA31" s="102">
        <v>2</v>
      </c>
      <c r="EB31" s="102">
        <v>0</v>
      </c>
      <c r="EC31" s="103">
        <v>15</v>
      </c>
      <c r="ED31" s="104">
        <v>24</v>
      </c>
      <c r="EE31" s="101">
        <v>2</v>
      </c>
      <c r="EF31" s="102">
        <v>6</v>
      </c>
      <c r="EG31" s="103">
        <v>8</v>
      </c>
      <c r="EH31" s="413">
        <v>0</v>
      </c>
      <c r="EI31" s="102">
        <v>9</v>
      </c>
      <c r="EJ31" s="102">
        <v>12</v>
      </c>
      <c r="EK31" s="102">
        <v>4</v>
      </c>
      <c r="EL31" s="102">
        <v>5</v>
      </c>
      <c r="EM31" s="102">
        <v>4</v>
      </c>
      <c r="EN31" s="103">
        <v>34</v>
      </c>
      <c r="EO31" s="104">
        <v>42</v>
      </c>
      <c r="EP31" s="101">
        <v>9</v>
      </c>
      <c r="EQ31" s="102">
        <v>10</v>
      </c>
      <c r="ER31" s="103">
        <v>19</v>
      </c>
      <c r="ES31" s="413">
        <v>0</v>
      </c>
      <c r="ET31" s="102">
        <v>17</v>
      </c>
      <c r="EU31" s="102">
        <v>11</v>
      </c>
      <c r="EV31" s="102">
        <v>17</v>
      </c>
      <c r="EW31" s="102">
        <v>12</v>
      </c>
      <c r="EX31" s="102">
        <v>6</v>
      </c>
      <c r="EY31" s="103">
        <v>63</v>
      </c>
      <c r="EZ31" s="104">
        <v>82</v>
      </c>
      <c r="FA31" s="101">
        <v>2</v>
      </c>
      <c r="FB31" s="102">
        <v>14</v>
      </c>
      <c r="FC31" s="103">
        <v>16</v>
      </c>
      <c r="FD31" s="413">
        <v>0</v>
      </c>
      <c r="FE31" s="102">
        <v>23</v>
      </c>
      <c r="FF31" s="102">
        <v>26</v>
      </c>
      <c r="FG31" s="102">
        <v>8</v>
      </c>
      <c r="FH31" s="102">
        <v>14</v>
      </c>
      <c r="FI31" s="102">
        <v>7</v>
      </c>
      <c r="FJ31" s="103">
        <v>78</v>
      </c>
      <c r="FK31" s="104">
        <v>94</v>
      </c>
      <c r="FL31" s="101">
        <v>0</v>
      </c>
      <c r="FM31" s="102">
        <v>4</v>
      </c>
      <c r="FN31" s="103">
        <v>4</v>
      </c>
      <c r="FO31" s="413">
        <v>0</v>
      </c>
      <c r="FP31" s="102">
        <v>8</v>
      </c>
      <c r="FQ31" s="102">
        <v>22</v>
      </c>
      <c r="FR31" s="102">
        <v>15</v>
      </c>
      <c r="FS31" s="102">
        <v>18</v>
      </c>
      <c r="FT31" s="102">
        <v>12</v>
      </c>
      <c r="FU31" s="103">
        <v>75</v>
      </c>
      <c r="FV31" s="104">
        <v>79</v>
      </c>
      <c r="FW31" s="101">
        <v>0</v>
      </c>
      <c r="FX31" s="102">
        <v>1</v>
      </c>
      <c r="FY31" s="103">
        <v>1</v>
      </c>
      <c r="FZ31" s="413">
        <v>0</v>
      </c>
      <c r="GA31" s="102">
        <v>1</v>
      </c>
      <c r="GB31" s="102">
        <v>0</v>
      </c>
      <c r="GC31" s="102">
        <v>1</v>
      </c>
      <c r="GD31" s="102">
        <v>0</v>
      </c>
      <c r="GE31" s="102">
        <v>2</v>
      </c>
      <c r="GF31" s="103">
        <v>4</v>
      </c>
      <c r="GG31" s="104">
        <v>5</v>
      </c>
      <c r="GH31" s="101">
        <v>17</v>
      </c>
      <c r="GI31" s="102">
        <v>40</v>
      </c>
      <c r="GJ31" s="103">
        <v>57</v>
      </c>
      <c r="GK31" s="413">
        <v>0</v>
      </c>
      <c r="GL31" s="102">
        <v>65</v>
      </c>
      <c r="GM31" s="102">
        <v>76</v>
      </c>
      <c r="GN31" s="102">
        <v>49</v>
      </c>
      <c r="GO31" s="102">
        <v>51</v>
      </c>
      <c r="GP31" s="102">
        <v>31</v>
      </c>
      <c r="GQ31" s="103">
        <v>272</v>
      </c>
      <c r="GR31" s="104">
        <v>329</v>
      </c>
      <c r="GS31" s="105">
        <v>22</v>
      </c>
      <c r="GT31" s="97">
        <v>66</v>
      </c>
      <c r="GU31" s="98">
        <v>88</v>
      </c>
      <c r="GV31" s="413">
        <v>0</v>
      </c>
      <c r="GW31" s="97">
        <v>127</v>
      </c>
      <c r="GX31" s="97">
        <v>125</v>
      </c>
      <c r="GY31" s="97">
        <v>73</v>
      </c>
      <c r="GZ31" s="97">
        <v>68</v>
      </c>
      <c r="HA31" s="97">
        <v>41</v>
      </c>
      <c r="HB31" s="99">
        <v>434</v>
      </c>
      <c r="HC31" s="100">
        <v>522</v>
      </c>
      <c r="HD31" s="101">
        <v>0</v>
      </c>
      <c r="HE31" s="102">
        <v>3</v>
      </c>
      <c r="HF31" s="103">
        <v>3</v>
      </c>
      <c r="HG31" s="416">
        <v>0</v>
      </c>
      <c r="HH31" s="102">
        <v>6</v>
      </c>
      <c r="HI31" s="102">
        <v>2</v>
      </c>
      <c r="HJ31" s="102">
        <v>2</v>
      </c>
      <c r="HK31" s="102">
        <v>2</v>
      </c>
      <c r="HL31" s="102">
        <v>1</v>
      </c>
      <c r="HM31" s="103">
        <v>13</v>
      </c>
      <c r="HN31" s="104">
        <v>16</v>
      </c>
      <c r="HO31" s="101">
        <v>5</v>
      </c>
      <c r="HP31" s="102">
        <v>10</v>
      </c>
      <c r="HQ31" s="103">
        <v>15</v>
      </c>
      <c r="HR31" s="413">
        <v>0</v>
      </c>
      <c r="HS31" s="102">
        <v>11</v>
      </c>
      <c r="HT31" s="102">
        <v>12</v>
      </c>
      <c r="HU31" s="102">
        <v>4</v>
      </c>
      <c r="HV31" s="102">
        <v>3</v>
      </c>
      <c r="HW31" s="102">
        <v>2</v>
      </c>
      <c r="HX31" s="103">
        <v>32</v>
      </c>
      <c r="HY31" s="104">
        <v>47</v>
      </c>
      <c r="HZ31" s="101">
        <v>3</v>
      </c>
      <c r="IA31" s="102">
        <v>9</v>
      </c>
      <c r="IB31" s="103">
        <v>12</v>
      </c>
      <c r="IC31" s="413">
        <v>0</v>
      </c>
      <c r="ID31" s="102">
        <v>20</v>
      </c>
      <c r="IE31" s="102">
        <v>23</v>
      </c>
      <c r="IF31" s="102">
        <v>9</v>
      </c>
      <c r="IG31" s="102">
        <v>9</v>
      </c>
      <c r="IH31" s="102">
        <v>9</v>
      </c>
      <c r="II31" s="103">
        <v>70</v>
      </c>
      <c r="IJ31" s="104">
        <v>82</v>
      </c>
      <c r="IK31" s="101">
        <v>11</v>
      </c>
      <c r="IL31" s="102">
        <v>16</v>
      </c>
      <c r="IM31" s="103">
        <v>27</v>
      </c>
      <c r="IN31" s="413">
        <v>0</v>
      </c>
      <c r="IO31" s="102">
        <v>33</v>
      </c>
      <c r="IP31" s="102">
        <v>22</v>
      </c>
      <c r="IQ31" s="102">
        <v>23</v>
      </c>
      <c r="IR31" s="102">
        <v>15</v>
      </c>
      <c r="IS31" s="102">
        <v>6</v>
      </c>
      <c r="IT31" s="103">
        <v>99</v>
      </c>
      <c r="IU31" s="104">
        <v>126</v>
      </c>
      <c r="IV31" s="101">
        <v>3</v>
      </c>
      <c r="IW31" s="102">
        <v>20</v>
      </c>
      <c r="IX31" s="103">
        <v>23</v>
      </c>
      <c r="IY31" s="413">
        <v>0</v>
      </c>
      <c r="IZ31" s="102">
        <v>38</v>
      </c>
      <c r="JA31" s="102">
        <v>36</v>
      </c>
      <c r="JB31" s="102">
        <v>12</v>
      </c>
      <c r="JC31" s="102">
        <v>16</v>
      </c>
      <c r="JD31" s="102">
        <v>9</v>
      </c>
      <c r="JE31" s="103">
        <v>111</v>
      </c>
      <c r="JF31" s="104">
        <v>134</v>
      </c>
      <c r="JG31" s="101">
        <v>0</v>
      </c>
      <c r="JH31" s="102">
        <v>8</v>
      </c>
      <c r="JI31" s="103">
        <v>8</v>
      </c>
      <c r="JJ31" s="413">
        <v>0</v>
      </c>
      <c r="JK31" s="102">
        <v>19</v>
      </c>
      <c r="JL31" s="102">
        <v>30</v>
      </c>
      <c r="JM31" s="102">
        <v>23</v>
      </c>
      <c r="JN31" s="102">
        <v>23</v>
      </c>
      <c r="JO31" s="102">
        <v>14</v>
      </c>
      <c r="JP31" s="103">
        <v>109</v>
      </c>
      <c r="JQ31" s="104">
        <v>117</v>
      </c>
      <c r="JR31" s="101">
        <v>0</v>
      </c>
      <c r="JS31" s="102">
        <v>2</v>
      </c>
      <c r="JT31" s="103">
        <v>2</v>
      </c>
      <c r="JU31" s="413">
        <v>0</v>
      </c>
      <c r="JV31" s="102">
        <v>1</v>
      </c>
      <c r="JW31" s="102">
        <v>1</v>
      </c>
      <c r="JX31" s="102">
        <v>2</v>
      </c>
      <c r="JY31" s="102">
        <v>0</v>
      </c>
      <c r="JZ31" s="102">
        <v>4</v>
      </c>
      <c r="KA31" s="103">
        <v>8</v>
      </c>
      <c r="KB31" s="104">
        <v>10</v>
      </c>
      <c r="KC31" s="101">
        <v>22</v>
      </c>
      <c r="KD31" s="102">
        <v>68</v>
      </c>
      <c r="KE31" s="103">
        <v>90</v>
      </c>
      <c r="KF31" s="413">
        <v>0</v>
      </c>
      <c r="KG31" s="102">
        <v>128</v>
      </c>
      <c r="KH31" s="102">
        <v>126</v>
      </c>
      <c r="KI31" s="102">
        <v>75</v>
      </c>
      <c r="KJ31" s="102">
        <v>68</v>
      </c>
      <c r="KK31" s="102">
        <v>45</v>
      </c>
      <c r="KL31" s="103">
        <v>442</v>
      </c>
      <c r="KM31" s="104">
        <v>532</v>
      </c>
    </row>
    <row r="32" spans="2:299" s="70" customFormat="1" ht="21" customHeight="1" x14ac:dyDescent="0.2">
      <c r="B32" s="106" t="s">
        <v>29</v>
      </c>
      <c r="C32" s="96">
        <v>13</v>
      </c>
      <c r="D32" s="97">
        <v>25</v>
      </c>
      <c r="E32" s="98">
        <v>38</v>
      </c>
      <c r="F32" s="413">
        <v>0</v>
      </c>
      <c r="G32" s="97">
        <v>44</v>
      </c>
      <c r="H32" s="97">
        <v>52</v>
      </c>
      <c r="I32" s="97">
        <v>43</v>
      </c>
      <c r="J32" s="97">
        <v>34</v>
      </c>
      <c r="K32" s="97">
        <v>21</v>
      </c>
      <c r="L32" s="99">
        <v>194</v>
      </c>
      <c r="M32" s="100">
        <v>232</v>
      </c>
      <c r="N32" s="101">
        <v>1</v>
      </c>
      <c r="O32" s="102">
        <v>1</v>
      </c>
      <c r="P32" s="103">
        <v>2</v>
      </c>
      <c r="Q32" s="413">
        <v>0</v>
      </c>
      <c r="R32" s="102">
        <v>4</v>
      </c>
      <c r="S32" s="102">
        <v>4</v>
      </c>
      <c r="T32" s="102">
        <v>1</v>
      </c>
      <c r="U32" s="102">
        <v>1</v>
      </c>
      <c r="V32" s="102">
        <v>2</v>
      </c>
      <c r="W32" s="103">
        <v>12</v>
      </c>
      <c r="X32" s="104">
        <v>14</v>
      </c>
      <c r="Y32" s="101">
        <v>1</v>
      </c>
      <c r="Z32" s="102">
        <v>5</v>
      </c>
      <c r="AA32" s="103">
        <v>6</v>
      </c>
      <c r="AB32" s="413">
        <v>0</v>
      </c>
      <c r="AC32" s="102">
        <v>4</v>
      </c>
      <c r="AD32" s="102">
        <v>5</v>
      </c>
      <c r="AE32" s="102">
        <v>8</v>
      </c>
      <c r="AF32" s="102">
        <v>3</v>
      </c>
      <c r="AG32" s="102">
        <v>2</v>
      </c>
      <c r="AH32" s="103">
        <v>22</v>
      </c>
      <c r="AI32" s="104">
        <v>28</v>
      </c>
      <c r="AJ32" s="101">
        <v>1</v>
      </c>
      <c r="AK32" s="102">
        <v>0</v>
      </c>
      <c r="AL32" s="103">
        <v>1</v>
      </c>
      <c r="AM32" s="413">
        <v>0</v>
      </c>
      <c r="AN32" s="102">
        <v>14</v>
      </c>
      <c r="AO32" s="102">
        <v>7</v>
      </c>
      <c r="AP32" s="102">
        <v>7</v>
      </c>
      <c r="AQ32" s="102">
        <v>10</v>
      </c>
      <c r="AR32" s="102">
        <v>4</v>
      </c>
      <c r="AS32" s="103">
        <v>42</v>
      </c>
      <c r="AT32" s="104">
        <v>43</v>
      </c>
      <c r="AU32" s="101">
        <v>4</v>
      </c>
      <c r="AV32" s="102">
        <v>9</v>
      </c>
      <c r="AW32" s="103">
        <v>13</v>
      </c>
      <c r="AX32" s="413">
        <v>0</v>
      </c>
      <c r="AY32" s="102">
        <v>7</v>
      </c>
      <c r="AZ32" s="102">
        <v>12</v>
      </c>
      <c r="BA32" s="102">
        <v>9</v>
      </c>
      <c r="BB32" s="102">
        <v>7</v>
      </c>
      <c r="BC32" s="102">
        <v>4</v>
      </c>
      <c r="BD32" s="103">
        <v>39</v>
      </c>
      <c r="BE32" s="104">
        <v>52</v>
      </c>
      <c r="BF32" s="101">
        <v>3</v>
      </c>
      <c r="BG32" s="102">
        <v>7</v>
      </c>
      <c r="BH32" s="103">
        <v>10</v>
      </c>
      <c r="BI32" s="413">
        <v>0</v>
      </c>
      <c r="BJ32" s="102">
        <v>7</v>
      </c>
      <c r="BK32" s="102">
        <v>8</v>
      </c>
      <c r="BL32" s="102">
        <v>12</v>
      </c>
      <c r="BM32" s="102">
        <v>4</v>
      </c>
      <c r="BN32" s="102">
        <v>4</v>
      </c>
      <c r="BO32" s="103">
        <v>35</v>
      </c>
      <c r="BP32" s="104">
        <v>45</v>
      </c>
      <c r="BQ32" s="101">
        <v>3</v>
      </c>
      <c r="BR32" s="102">
        <v>3</v>
      </c>
      <c r="BS32" s="103">
        <v>6</v>
      </c>
      <c r="BT32" s="413">
        <v>0</v>
      </c>
      <c r="BU32" s="102">
        <v>8</v>
      </c>
      <c r="BV32" s="102">
        <v>16</v>
      </c>
      <c r="BW32" s="102">
        <v>6</v>
      </c>
      <c r="BX32" s="102">
        <v>9</v>
      </c>
      <c r="BY32" s="102">
        <v>5</v>
      </c>
      <c r="BZ32" s="103">
        <v>44</v>
      </c>
      <c r="CA32" s="104">
        <v>50</v>
      </c>
      <c r="CB32" s="101">
        <v>0</v>
      </c>
      <c r="CC32" s="102">
        <v>1</v>
      </c>
      <c r="CD32" s="103">
        <v>1</v>
      </c>
      <c r="CE32" s="413">
        <v>0</v>
      </c>
      <c r="CF32" s="102">
        <v>3</v>
      </c>
      <c r="CG32" s="102">
        <v>1</v>
      </c>
      <c r="CH32" s="102">
        <v>1</v>
      </c>
      <c r="CI32" s="102">
        <v>2</v>
      </c>
      <c r="CJ32" s="102">
        <v>4</v>
      </c>
      <c r="CK32" s="103">
        <v>11</v>
      </c>
      <c r="CL32" s="104">
        <v>12</v>
      </c>
      <c r="CM32" s="101">
        <v>13</v>
      </c>
      <c r="CN32" s="102">
        <v>26</v>
      </c>
      <c r="CO32" s="103">
        <v>39</v>
      </c>
      <c r="CP32" s="413">
        <v>0</v>
      </c>
      <c r="CQ32" s="102">
        <v>47</v>
      </c>
      <c r="CR32" s="102">
        <v>53</v>
      </c>
      <c r="CS32" s="102">
        <v>44</v>
      </c>
      <c r="CT32" s="102">
        <v>36</v>
      </c>
      <c r="CU32" s="102">
        <v>25</v>
      </c>
      <c r="CV32" s="103">
        <v>205</v>
      </c>
      <c r="CW32" s="104">
        <v>244</v>
      </c>
      <c r="CX32" s="105">
        <v>33</v>
      </c>
      <c r="CY32" s="97">
        <v>57</v>
      </c>
      <c r="CZ32" s="98">
        <v>90</v>
      </c>
      <c r="DA32" s="413">
        <v>0</v>
      </c>
      <c r="DB32" s="97">
        <v>93</v>
      </c>
      <c r="DC32" s="97">
        <v>95</v>
      </c>
      <c r="DD32" s="97">
        <v>80</v>
      </c>
      <c r="DE32" s="97">
        <v>93</v>
      </c>
      <c r="DF32" s="97">
        <v>44</v>
      </c>
      <c r="DG32" s="99">
        <v>405</v>
      </c>
      <c r="DH32" s="100">
        <v>495</v>
      </c>
      <c r="DI32" s="101">
        <v>3</v>
      </c>
      <c r="DJ32" s="102">
        <v>3</v>
      </c>
      <c r="DK32" s="103">
        <v>6</v>
      </c>
      <c r="DL32" s="413">
        <v>0</v>
      </c>
      <c r="DM32" s="102">
        <v>3</v>
      </c>
      <c r="DN32" s="102">
        <v>3</v>
      </c>
      <c r="DO32" s="102">
        <v>1</v>
      </c>
      <c r="DP32" s="102">
        <v>1</v>
      </c>
      <c r="DQ32" s="102">
        <v>2</v>
      </c>
      <c r="DR32" s="103">
        <v>10</v>
      </c>
      <c r="DS32" s="104">
        <v>16</v>
      </c>
      <c r="DT32" s="101">
        <v>2</v>
      </c>
      <c r="DU32" s="102">
        <v>6</v>
      </c>
      <c r="DV32" s="103">
        <v>8</v>
      </c>
      <c r="DW32" s="413">
        <v>0</v>
      </c>
      <c r="DX32" s="102">
        <v>4</v>
      </c>
      <c r="DY32" s="102">
        <v>5</v>
      </c>
      <c r="DZ32" s="102">
        <v>7</v>
      </c>
      <c r="EA32" s="102">
        <v>3</v>
      </c>
      <c r="EB32" s="102">
        <v>3</v>
      </c>
      <c r="EC32" s="103">
        <v>22</v>
      </c>
      <c r="ED32" s="104">
        <v>30</v>
      </c>
      <c r="EE32" s="101">
        <v>3</v>
      </c>
      <c r="EF32" s="102">
        <v>10</v>
      </c>
      <c r="EG32" s="103">
        <v>13</v>
      </c>
      <c r="EH32" s="413">
        <v>0</v>
      </c>
      <c r="EI32" s="102">
        <v>6</v>
      </c>
      <c r="EJ32" s="102">
        <v>11</v>
      </c>
      <c r="EK32" s="102">
        <v>3</v>
      </c>
      <c r="EL32" s="102">
        <v>9</v>
      </c>
      <c r="EM32" s="102">
        <v>4</v>
      </c>
      <c r="EN32" s="103">
        <v>33</v>
      </c>
      <c r="EO32" s="104">
        <v>46</v>
      </c>
      <c r="EP32" s="101">
        <v>10</v>
      </c>
      <c r="EQ32" s="102">
        <v>15</v>
      </c>
      <c r="ER32" s="103">
        <v>25</v>
      </c>
      <c r="ES32" s="413">
        <v>0</v>
      </c>
      <c r="ET32" s="102">
        <v>28</v>
      </c>
      <c r="EU32" s="102">
        <v>16</v>
      </c>
      <c r="EV32" s="102">
        <v>25</v>
      </c>
      <c r="EW32" s="102">
        <v>14</v>
      </c>
      <c r="EX32" s="102">
        <v>10</v>
      </c>
      <c r="EY32" s="103">
        <v>93</v>
      </c>
      <c r="EZ32" s="104">
        <v>118</v>
      </c>
      <c r="FA32" s="101">
        <v>10</v>
      </c>
      <c r="FB32" s="102">
        <v>13</v>
      </c>
      <c r="FC32" s="103">
        <v>23</v>
      </c>
      <c r="FD32" s="413">
        <v>0</v>
      </c>
      <c r="FE32" s="102">
        <v>18</v>
      </c>
      <c r="FF32" s="102">
        <v>34</v>
      </c>
      <c r="FG32" s="102">
        <v>22</v>
      </c>
      <c r="FH32" s="102">
        <v>24</v>
      </c>
      <c r="FI32" s="102">
        <v>9</v>
      </c>
      <c r="FJ32" s="103">
        <v>107</v>
      </c>
      <c r="FK32" s="104">
        <v>130</v>
      </c>
      <c r="FL32" s="101">
        <v>5</v>
      </c>
      <c r="FM32" s="102">
        <v>10</v>
      </c>
      <c r="FN32" s="103">
        <v>15</v>
      </c>
      <c r="FO32" s="413">
        <v>0</v>
      </c>
      <c r="FP32" s="102">
        <v>34</v>
      </c>
      <c r="FQ32" s="102">
        <v>26</v>
      </c>
      <c r="FR32" s="102">
        <v>22</v>
      </c>
      <c r="FS32" s="102">
        <v>42</v>
      </c>
      <c r="FT32" s="102">
        <v>16</v>
      </c>
      <c r="FU32" s="103">
        <v>140</v>
      </c>
      <c r="FV32" s="104">
        <v>155</v>
      </c>
      <c r="FW32" s="101">
        <v>0</v>
      </c>
      <c r="FX32" s="102">
        <v>0</v>
      </c>
      <c r="FY32" s="103">
        <v>0</v>
      </c>
      <c r="FZ32" s="413">
        <v>0</v>
      </c>
      <c r="GA32" s="102">
        <v>1</v>
      </c>
      <c r="GB32" s="102">
        <v>1</v>
      </c>
      <c r="GC32" s="102">
        <v>2</v>
      </c>
      <c r="GD32" s="102">
        <v>1</v>
      </c>
      <c r="GE32" s="102">
        <v>1</v>
      </c>
      <c r="GF32" s="103">
        <v>6</v>
      </c>
      <c r="GG32" s="104">
        <v>6</v>
      </c>
      <c r="GH32" s="101">
        <v>33</v>
      </c>
      <c r="GI32" s="102">
        <v>57</v>
      </c>
      <c r="GJ32" s="103">
        <v>90</v>
      </c>
      <c r="GK32" s="413">
        <v>0</v>
      </c>
      <c r="GL32" s="102">
        <v>94</v>
      </c>
      <c r="GM32" s="102">
        <v>96</v>
      </c>
      <c r="GN32" s="102">
        <v>82</v>
      </c>
      <c r="GO32" s="102">
        <v>94</v>
      </c>
      <c r="GP32" s="102">
        <v>45</v>
      </c>
      <c r="GQ32" s="103">
        <v>411</v>
      </c>
      <c r="GR32" s="104">
        <v>501</v>
      </c>
      <c r="GS32" s="105">
        <v>46</v>
      </c>
      <c r="GT32" s="97">
        <v>82</v>
      </c>
      <c r="GU32" s="98">
        <v>128</v>
      </c>
      <c r="GV32" s="413">
        <v>0</v>
      </c>
      <c r="GW32" s="97">
        <v>137</v>
      </c>
      <c r="GX32" s="97">
        <v>147</v>
      </c>
      <c r="GY32" s="97">
        <v>123</v>
      </c>
      <c r="GZ32" s="97">
        <v>127</v>
      </c>
      <c r="HA32" s="97">
        <v>65</v>
      </c>
      <c r="HB32" s="99">
        <v>599</v>
      </c>
      <c r="HC32" s="100">
        <v>727</v>
      </c>
      <c r="HD32" s="101">
        <v>4</v>
      </c>
      <c r="HE32" s="102">
        <v>4</v>
      </c>
      <c r="HF32" s="103">
        <v>8</v>
      </c>
      <c r="HG32" s="416">
        <v>0</v>
      </c>
      <c r="HH32" s="102">
        <v>7</v>
      </c>
      <c r="HI32" s="102">
        <v>7</v>
      </c>
      <c r="HJ32" s="102">
        <v>2</v>
      </c>
      <c r="HK32" s="102">
        <v>2</v>
      </c>
      <c r="HL32" s="102">
        <v>4</v>
      </c>
      <c r="HM32" s="103">
        <v>22</v>
      </c>
      <c r="HN32" s="104">
        <v>30</v>
      </c>
      <c r="HO32" s="101">
        <v>3</v>
      </c>
      <c r="HP32" s="102">
        <v>11</v>
      </c>
      <c r="HQ32" s="103">
        <v>14</v>
      </c>
      <c r="HR32" s="413">
        <v>0</v>
      </c>
      <c r="HS32" s="102">
        <v>8</v>
      </c>
      <c r="HT32" s="102">
        <v>10</v>
      </c>
      <c r="HU32" s="102">
        <v>15</v>
      </c>
      <c r="HV32" s="102">
        <v>6</v>
      </c>
      <c r="HW32" s="102">
        <v>5</v>
      </c>
      <c r="HX32" s="103">
        <v>44</v>
      </c>
      <c r="HY32" s="104">
        <v>58</v>
      </c>
      <c r="HZ32" s="101">
        <v>4</v>
      </c>
      <c r="IA32" s="102">
        <v>10</v>
      </c>
      <c r="IB32" s="103">
        <v>14</v>
      </c>
      <c r="IC32" s="413">
        <v>0</v>
      </c>
      <c r="ID32" s="102">
        <v>20</v>
      </c>
      <c r="IE32" s="102">
        <v>18</v>
      </c>
      <c r="IF32" s="102">
        <v>10</v>
      </c>
      <c r="IG32" s="102">
        <v>19</v>
      </c>
      <c r="IH32" s="102">
        <v>8</v>
      </c>
      <c r="II32" s="103">
        <v>75</v>
      </c>
      <c r="IJ32" s="104">
        <v>89</v>
      </c>
      <c r="IK32" s="101">
        <v>14</v>
      </c>
      <c r="IL32" s="102">
        <v>24</v>
      </c>
      <c r="IM32" s="103">
        <v>38</v>
      </c>
      <c r="IN32" s="413">
        <v>0</v>
      </c>
      <c r="IO32" s="102">
        <v>35</v>
      </c>
      <c r="IP32" s="102">
        <v>28</v>
      </c>
      <c r="IQ32" s="102">
        <v>34</v>
      </c>
      <c r="IR32" s="102">
        <v>21</v>
      </c>
      <c r="IS32" s="102">
        <v>14</v>
      </c>
      <c r="IT32" s="103">
        <v>132</v>
      </c>
      <c r="IU32" s="104">
        <v>170</v>
      </c>
      <c r="IV32" s="101">
        <v>13</v>
      </c>
      <c r="IW32" s="102">
        <v>20</v>
      </c>
      <c r="IX32" s="103">
        <v>33</v>
      </c>
      <c r="IY32" s="413">
        <v>0</v>
      </c>
      <c r="IZ32" s="102">
        <v>25</v>
      </c>
      <c r="JA32" s="102">
        <v>42</v>
      </c>
      <c r="JB32" s="102">
        <v>34</v>
      </c>
      <c r="JC32" s="102">
        <v>28</v>
      </c>
      <c r="JD32" s="102">
        <v>13</v>
      </c>
      <c r="JE32" s="103">
        <v>142</v>
      </c>
      <c r="JF32" s="104">
        <v>175</v>
      </c>
      <c r="JG32" s="101">
        <v>8</v>
      </c>
      <c r="JH32" s="102">
        <v>13</v>
      </c>
      <c r="JI32" s="103">
        <v>21</v>
      </c>
      <c r="JJ32" s="413">
        <v>0</v>
      </c>
      <c r="JK32" s="102">
        <v>42</v>
      </c>
      <c r="JL32" s="102">
        <v>42</v>
      </c>
      <c r="JM32" s="102">
        <v>28</v>
      </c>
      <c r="JN32" s="102">
        <v>51</v>
      </c>
      <c r="JO32" s="102">
        <v>21</v>
      </c>
      <c r="JP32" s="103">
        <v>184</v>
      </c>
      <c r="JQ32" s="104">
        <v>205</v>
      </c>
      <c r="JR32" s="101">
        <v>0</v>
      </c>
      <c r="JS32" s="102">
        <v>1</v>
      </c>
      <c r="JT32" s="103">
        <v>1</v>
      </c>
      <c r="JU32" s="413">
        <v>0</v>
      </c>
      <c r="JV32" s="102">
        <v>4</v>
      </c>
      <c r="JW32" s="102">
        <v>2</v>
      </c>
      <c r="JX32" s="102">
        <v>3</v>
      </c>
      <c r="JY32" s="102">
        <v>3</v>
      </c>
      <c r="JZ32" s="102">
        <v>5</v>
      </c>
      <c r="KA32" s="103">
        <v>17</v>
      </c>
      <c r="KB32" s="104">
        <v>18</v>
      </c>
      <c r="KC32" s="101">
        <v>46</v>
      </c>
      <c r="KD32" s="102">
        <v>83</v>
      </c>
      <c r="KE32" s="103">
        <v>129</v>
      </c>
      <c r="KF32" s="413">
        <v>0</v>
      </c>
      <c r="KG32" s="102">
        <v>141</v>
      </c>
      <c r="KH32" s="102">
        <v>149</v>
      </c>
      <c r="KI32" s="102">
        <v>126</v>
      </c>
      <c r="KJ32" s="102">
        <v>130</v>
      </c>
      <c r="KK32" s="102">
        <v>70</v>
      </c>
      <c r="KL32" s="103">
        <v>616</v>
      </c>
      <c r="KM32" s="104">
        <v>745</v>
      </c>
    </row>
    <row r="33" spans="2:299" s="70" customFormat="1" ht="21" customHeight="1" x14ac:dyDescent="0.2">
      <c r="B33" s="106" t="s">
        <v>30</v>
      </c>
      <c r="C33" s="96">
        <v>27</v>
      </c>
      <c r="D33" s="97">
        <v>16</v>
      </c>
      <c r="E33" s="98">
        <v>43</v>
      </c>
      <c r="F33" s="413">
        <v>0</v>
      </c>
      <c r="G33" s="97">
        <v>45</v>
      </c>
      <c r="H33" s="97">
        <v>31</v>
      </c>
      <c r="I33" s="97">
        <v>30</v>
      </c>
      <c r="J33" s="97">
        <v>28</v>
      </c>
      <c r="K33" s="97">
        <v>11</v>
      </c>
      <c r="L33" s="99">
        <v>145</v>
      </c>
      <c r="M33" s="100">
        <v>188</v>
      </c>
      <c r="N33" s="101">
        <v>3</v>
      </c>
      <c r="O33" s="102">
        <v>2</v>
      </c>
      <c r="P33" s="103">
        <v>5</v>
      </c>
      <c r="Q33" s="413">
        <v>0</v>
      </c>
      <c r="R33" s="102">
        <v>1</v>
      </c>
      <c r="S33" s="102">
        <v>1</v>
      </c>
      <c r="T33" s="102">
        <v>1</v>
      </c>
      <c r="U33" s="102">
        <v>1</v>
      </c>
      <c r="V33" s="102">
        <v>2</v>
      </c>
      <c r="W33" s="103">
        <v>6</v>
      </c>
      <c r="X33" s="104">
        <v>11</v>
      </c>
      <c r="Y33" s="101">
        <v>6</v>
      </c>
      <c r="Z33" s="102">
        <v>2</v>
      </c>
      <c r="AA33" s="103">
        <v>8</v>
      </c>
      <c r="AB33" s="413">
        <v>0</v>
      </c>
      <c r="AC33" s="102">
        <v>7</v>
      </c>
      <c r="AD33" s="102">
        <v>5</v>
      </c>
      <c r="AE33" s="102">
        <v>1</v>
      </c>
      <c r="AF33" s="102">
        <v>7</v>
      </c>
      <c r="AG33" s="102">
        <v>0</v>
      </c>
      <c r="AH33" s="103">
        <v>20</v>
      </c>
      <c r="AI33" s="104">
        <v>28</v>
      </c>
      <c r="AJ33" s="101">
        <v>6</v>
      </c>
      <c r="AK33" s="102">
        <v>3</v>
      </c>
      <c r="AL33" s="103">
        <v>9</v>
      </c>
      <c r="AM33" s="413">
        <v>0</v>
      </c>
      <c r="AN33" s="102">
        <v>6</v>
      </c>
      <c r="AO33" s="102">
        <v>6</v>
      </c>
      <c r="AP33" s="102">
        <v>6</v>
      </c>
      <c r="AQ33" s="102">
        <v>7</v>
      </c>
      <c r="AR33" s="102">
        <v>1</v>
      </c>
      <c r="AS33" s="103">
        <v>26</v>
      </c>
      <c r="AT33" s="104">
        <v>35</v>
      </c>
      <c r="AU33" s="101">
        <v>5</v>
      </c>
      <c r="AV33" s="102">
        <v>3</v>
      </c>
      <c r="AW33" s="103">
        <v>8</v>
      </c>
      <c r="AX33" s="413">
        <v>0</v>
      </c>
      <c r="AY33" s="102">
        <v>14</v>
      </c>
      <c r="AZ33" s="102">
        <v>6</v>
      </c>
      <c r="BA33" s="102">
        <v>5</v>
      </c>
      <c r="BB33" s="102">
        <v>4</v>
      </c>
      <c r="BC33" s="102">
        <v>4</v>
      </c>
      <c r="BD33" s="103">
        <v>33</v>
      </c>
      <c r="BE33" s="104">
        <v>41</v>
      </c>
      <c r="BF33" s="101">
        <v>4</v>
      </c>
      <c r="BG33" s="102">
        <v>2</v>
      </c>
      <c r="BH33" s="103">
        <v>6</v>
      </c>
      <c r="BI33" s="413">
        <v>0</v>
      </c>
      <c r="BJ33" s="102">
        <v>12</v>
      </c>
      <c r="BK33" s="102">
        <v>6</v>
      </c>
      <c r="BL33" s="102">
        <v>8</v>
      </c>
      <c r="BM33" s="102">
        <v>2</v>
      </c>
      <c r="BN33" s="102">
        <v>2</v>
      </c>
      <c r="BO33" s="103">
        <v>30</v>
      </c>
      <c r="BP33" s="104">
        <v>36</v>
      </c>
      <c r="BQ33" s="101">
        <v>3</v>
      </c>
      <c r="BR33" s="102">
        <v>4</v>
      </c>
      <c r="BS33" s="103">
        <v>7</v>
      </c>
      <c r="BT33" s="413">
        <v>0</v>
      </c>
      <c r="BU33" s="102">
        <v>5</v>
      </c>
      <c r="BV33" s="102">
        <v>7</v>
      </c>
      <c r="BW33" s="102">
        <v>9</v>
      </c>
      <c r="BX33" s="102">
        <v>7</v>
      </c>
      <c r="BY33" s="102">
        <v>2</v>
      </c>
      <c r="BZ33" s="103">
        <v>30</v>
      </c>
      <c r="CA33" s="104">
        <v>37</v>
      </c>
      <c r="CB33" s="101">
        <v>0</v>
      </c>
      <c r="CC33" s="102">
        <v>1</v>
      </c>
      <c r="CD33" s="103">
        <v>1</v>
      </c>
      <c r="CE33" s="413">
        <v>0</v>
      </c>
      <c r="CF33" s="102">
        <v>0</v>
      </c>
      <c r="CG33" s="102">
        <v>3</v>
      </c>
      <c r="CH33" s="102">
        <v>1</v>
      </c>
      <c r="CI33" s="102">
        <v>1</v>
      </c>
      <c r="CJ33" s="102">
        <v>0</v>
      </c>
      <c r="CK33" s="103">
        <v>5</v>
      </c>
      <c r="CL33" s="104">
        <v>6</v>
      </c>
      <c r="CM33" s="101">
        <v>27</v>
      </c>
      <c r="CN33" s="102">
        <v>17</v>
      </c>
      <c r="CO33" s="103">
        <v>44</v>
      </c>
      <c r="CP33" s="413">
        <v>0</v>
      </c>
      <c r="CQ33" s="102">
        <v>45</v>
      </c>
      <c r="CR33" s="102">
        <v>34</v>
      </c>
      <c r="CS33" s="102">
        <v>31</v>
      </c>
      <c r="CT33" s="102">
        <v>29</v>
      </c>
      <c r="CU33" s="102">
        <v>11</v>
      </c>
      <c r="CV33" s="103">
        <v>150</v>
      </c>
      <c r="CW33" s="104">
        <v>194</v>
      </c>
      <c r="CX33" s="105">
        <v>37</v>
      </c>
      <c r="CY33" s="97">
        <v>36</v>
      </c>
      <c r="CZ33" s="98">
        <v>73</v>
      </c>
      <c r="DA33" s="413">
        <v>0</v>
      </c>
      <c r="DB33" s="97">
        <v>105</v>
      </c>
      <c r="DC33" s="97">
        <v>72</v>
      </c>
      <c r="DD33" s="97">
        <v>67</v>
      </c>
      <c r="DE33" s="97">
        <v>71</v>
      </c>
      <c r="DF33" s="97">
        <v>41</v>
      </c>
      <c r="DG33" s="99">
        <v>356</v>
      </c>
      <c r="DH33" s="100">
        <v>429</v>
      </c>
      <c r="DI33" s="101">
        <v>2</v>
      </c>
      <c r="DJ33" s="102">
        <v>1</v>
      </c>
      <c r="DK33" s="103">
        <v>3</v>
      </c>
      <c r="DL33" s="413">
        <v>0</v>
      </c>
      <c r="DM33" s="102">
        <v>1</v>
      </c>
      <c r="DN33" s="102">
        <v>0</v>
      </c>
      <c r="DO33" s="102">
        <v>0</v>
      </c>
      <c r="DP33" s="102">
        <v>2</v>
      </c>
      <c r="DQ33" s="102">
        <v>1</v>
      </c>
      <c r="DR33" s="103">
        <v>4</v>
      </c>
      <c r="DS33" s="104">
        <v>7</v>
      </c>
      <c r="DT33" s="101">
        <v>6</v>
      </c>
      <c r="DU33" s="102">
        <v>1</v>
      </c>
      <c r="DV33" s="103">
        <v>7</v>
      </c>
      <c r="DW33" s="413">
        <v>0</v>
      </c>
      <c r="DX33" s="102">
        <v>3</v>
      </c>
      <c r="DY33" s="102">
        <v>4</v>
      </c>
      <c r="DZ33" s="102">
        <v>1</v>
      </c>
      <c r="EA33" s="102">
        <v>3</v>
      </c>
      <c r="EB33" s="102">
        <v>2</v>
      </c>
      <c r="EC33" s="103">
        <v>13</v>
      </c>
      <c r="ED33" s="104">
        <v>20</v>
      </c>
      <c r="EE33" s="101">
        <v>5</v>
      </c>
      <c r="EF33" s="102">
        <v>7</v>
      </c>
      <c r="EG33" s="103">
        <v>12</v>
      </c>
      <c r="EH33" s="413">
        <v>0</v>
      </c>
      <c r="EI33" s="102">
        <v>9</v>
      </c>
      <c r="EJ33" s="102">
        <v>8</v>
      </c>
      <c r="EK33" s="102">
        <v>9</v>
      </c>
      <c r="EL33" s="102">
        <v>3</v>
      </c>
      <c r="EM33" s="102">
        <v>2</v>
      </c>
      <c r="EN33" s="103">
        <v>31</v>
      </c>
      <c r="EO33" s="104">
        <v>43</v>
      </c>
      <c r="EP33" s="101">
        <v>12</v>
      </c>
      <c r="EQ33" s="102">
        <v>8</v>
      </c>
      <c r="ER33" s="103">
        <v>20</v>
      </c>
      <c r="ES33" s="413">
        <v>0</v>
      </c>
      <c r="ET33" s="102">
        <v>29</v>
      </c>
      <c r="EU33" s="102">
        <v>19</v>
      </c>
      <c r="EV33" s="102">
        <v>13</v>
      </c>
      <c r="EW33" s="102">
        <v>10</v>
      </c>
      <c r="EX33" s="102">
        <v>8</v>
      </c>
      <c r="EY33" s="103">
        <v>79</v>
      </c>
      <c r="EZ33" s="104">
        <v>99</v>
      </c>
      <c r="FA33" s="101">
        <v>9</v>
      </c>
      <c r="FB33" s="102">
        <v>11</v>
      </c>
      <c r="FC33" s="103">
        <v>20</v>
      </c>
      <c r="FD33" s="413">
        <v>0</v>
      </c>
      <c r="FE33" s="102">
        <v>27</v>
      </c>
      <c r="FF33" s="102">
        <v>17</v>
      </c>
      <c r="FG33" s="102">
        <v>7</v>
      </c>
      <c r="FH33" s="102">
        <v>16</v>
      </c>
      <c r="FI33" s="102">
        <v>11</v>
      </c>
      <c r="FJ33" s="103">
        <v>78</v>
      </c>
      <c r="FK33" s="104">
        <v>98</v>
      </c>
      <c r="FL33" s="101">
        <v>3</v>
      </c>
      <c r="FM33" s="102">
        <v>8</v>
      </c>
      <c r="FN33" s="103">
        <v>11</v>
      </c>
      <c r="FO33" s="413">
        <v>0</v>
      </c>
      <c r="FP33" s="102">
        <v>36</v>
      </c>
      <c r="FQ33" s="102">
        <v>24</v>
      </c>
      <c r="FR33" s="102">
        <v>37</v>
      </c>
      <c r="FS33" s="102">
        <v>37</v>
      </c>
      <c r="FT33" s="102">
        <v>17</v>
      </c>
      <c r="FU33" s="103">
        <v>151</v>
      </c>
      <c r="FV33" s="104">
        <v>162</v>
      </c>
      <c r="FW33" s="101">
        <v>0</v>
      </c>
      <c r="FX33" s="102">
        <v>0</v>
      </c>
      <c r="FY33" s="103">
        <v>0</v>
      </c>
      <c r="FZ33" s="413">
        <v>0</v>
      </c>
      <c r="GA33" s="102">
        <v>1</v>
      </c>
      <c r="GB33" s="102">
        <v>1</v>
      </c>
      <c r="GC33" s="102">
        <v>1</v>
      </c>
      <c r="GD33" s="102">
        <v>0</v>
      </c>
      <c r="GE33" s="102">
        <v>2</v>
      </c>
      <c r="GF33" s="103">
        <v>5</v>
      </c>
      <c r="GG33" s="104">
        <v>5</v>
      </c>
      <c r="GH33" s="101">
        <v>37</v>
      </c>
      <c r="GI33" s="102">
        <v>36</v>
      </c>
      <c r="GJ33" s="103">
        <v>73</v>
      </c>
      <c r="GK33" s="413">
        <v>0</v>
      </c>
      <c r="GL33" s="102">
        <v>106</v>
      </c>
      <c r="GM33" s="102">
        <v>73</v>
      </c>
      <c r="GN33" s="102">
        <v>68</v>
      </c>
      <c r="GO33" s="102">
        <v>71</v>
      </c>
      <c r="GP33" s="102">
        <v>43</v>
      </c>
      <c r="GQ33" s="103">
        <v>361</v>
      </c>
      <c r="GR33" s="104">
        <v>434</v>
      </c>
      <c r="GS33" s="105">
        <v>64</v>
      </c>
      <c r="GT33" s="97">
        <v>52</v>
      </c>
      <c r="GU33" s="98">
        <v>116</v>
      </c>
      <c r="GV33" s="413">
        <v>0</v>
      </c>
      <c r="GW33" s="97">
        <v>150</v>
      </c>
      <c r="GX33" s="97">
        <v>103</v>
      </c>
      <c r="GY33" s="97">
        <v>97</v>
      </c>
      <c r="GZ33" s="97">
        <v>99</v>
      </c>
      <c r="HA33" s="97">
        <v>52</v>
      </c>
      <c r="HB33" s="99">
        <v>501</v>
      </c>
      <c r="HC33" s="100">
        <v>617</v>
      </c>
      <c r="HD33" s="101">
        <v>5</v>
      </c>
      <c r="HE33" s="102">
        <v>3</v>
      </c>
      <c r="HF33" s="103">
        <v>8</v>
      </c>
      <c r="HG33" s="416">
        <v>0</v>
      </c>
      <c r="HH33" s="102">
        <v>2</v>
      </c>
      <c r="HI33" s="102">
        <v>1</v>
      </c>
      <c r="HJ33" s="102">
        <v>1</v>
      </c>
      <c r="HK33" s="102">
        <v>3</v>
      </c>
      <c r="HL33" s="102">
        <v>3</v>
      </c>
      <c r="HM33" s="103">
        <v>10</v>
      </c>
      <c r="HN33" s="104">
        <v>18</v>
      </c>
      <c r="HO33" s="101">
        <v>12</v>
      </c>
      <c r="HP33" s="102">
        <v>3</v>
      </c>
      <c r="HQ33" s="103">
        <v>15</v>
      </c>
      <c r="HR33" s="413">
        <v>0</v>
      </c>
      <c r="HS33" s="102">
        <v>10</v>
      </c>
      <c r="HT33" s="102">
        <v>9</v>
      </c>
      <c r="HU33" s="102">
        <v>2</v>
      </c>
      <c r="HV33" s="102">
        <v>10</v>
      </c>
      <c r="HW33" s="102">
        <v>2</v>
      </c>
      <c r="HX33" s="103">
        <v>33</v>
      </c>
      <c r="HY33" s="104">
        <v>48</v>
      </c>
      <c r="HZ33" s="101">
        <v>11</v>
      </c>
      <c r="IA33" s="102">
        <v>10</v>
      </c>
      <c r="IB33" s="103">
        <v>21</v>
      </c>
      <c r="IC33" s="413">
        <v>0</v>
      </c>
      <c r="ID33" s="102">
        <v>15</v>
      </c>
      <c r="IE33" s="102">
        <v>14</v>
      </c>
      <c r="IF33" s="102">
        <v>15</v>
      </c>
      <c r="IG33" s="102">
        <v>10</v>
      </c>
      <c r="IH33" s="102">
        <v>3</v>
      </c>
      <c r="II33" s="103">
        <v>57</v>
      </c>
      <c r="IJ33" s="104">
        <v>78</v>
      </c>
      <c r="IK33" s="101">
        <v>17</v>
      </c>
      <c r="IL33" s="102">
        <v>11</v>
      </c>
      <c r="IM33" s="103">
        <v>28</v>
      </c>
      <c r="IN33" s="413">
        <v>0</v>
      </c>
      <c r="IO33" s="102">
        <v>43</v>
      </c>
      <c r="IP33" s="102">
        <v>25</v>
      </c>
      <c r="IQ33" s="102">
        <v>18</v>
      </c>
      <c r="IR33" s="102">
        <v>14</v>
      </c>
      <c r="IS33" s="102">
        <v>12</v>
      </c>
      <c r="IT33" s="103">
        <v>112</v>
      </c>
      <c r="IU33" s="104">
        <v>140</v>
      </c>
      <c r="IV33" s="101">
        <v>13</v>
      </c>
      <c r="IW33" s="102">
        <v>13</v>
      </c>
      <c r="IX33" s="103">
        <v>26</v>
      </c>
      <c r="IY33" s="413">
        <v>0</v>
      </c>
      <c r="IZ33" s="102">
        <v>39</v>
      </c>
      <c r="JA33" s="102">
        <v>23</v>
      </c>
      <c r="JB33" s="102">
        <v>15</v>
      </c>
      <c r="JC33" s="102">
        <v>18</v>
      </c>
      <c r="JD33" s="102">
        <v>13</v>
      </c>
      <c r="JE33" s="103">
        <v>108</v>
      </c>
      <c r="JF33" s="104">
        <v>134</v>
      </c>
      <c r="JG33" s="101">
        <v>6</v>
      </c>
      <c r="JH33" s="102">
        <v>12</v>
      </c>
      <c r="JI33" s="103">
        <v>18</v>
      </c>
      <c r="JJ33" s="413">
        <v>0</v>
      </c>
      <c r="JK33" s="102">
        <v>41</v>
      </c>
      <c r="JL33" s="102">
        <v>31</v>
      </c>
      <c r="JM33" s="102">
        <v>46</v>
      </c>
      <c r="JN33" s="102">
        <v>44</v>
      </c>
      <c r="JO33" s="102">
        <v>19</v>
      </c>
      <c r="JP33" s="103">
        <v>181</v>
      </c>
      <c r="JQ33" s="104">
        <v>199</v>
      </c>
      <c r="JR33" s="101">
        <v>0</v>
      </c>
      <c r="JS33" s="102">
        <v>1</v>
      </c>
      <c r="JT33" s="103">
        <v>1</v>
      </c>
      <c r="JU33" s="413">
        <v>0</v>
      </c>
      <c r="JV33" s="102">
        <v>1</v>
      </c>
      <c r="JW33" s="102">
        <v>4</v>
      </c>
      <c r="JX33" s="102">
        <v>2</v>
      </c>
      <c r="JY33" s="102">
        <v>1</v>
      </c>
      <c r="JZ33" s="102">
        <v>2</v>
      </c>
      <c r="KA33" s="103">
        <v>10</v>
      </c>
      <c r="KB33" s="104">
        <v>11</v>
      </c>
      <c r="KC33" s="101">
        <v>64</v>
      </c>
      <c r="KD33" s="102">
        <v>53</v>
      </c>
      <c r="KE33" s="103">
        <v>117</v>
      </c>
      <c r="KF33" s="413">
        <v>0</v>
      </c>
      <c r="KG33" s="102">
        <v>151</v>
      </c>
      <c r="KH33" s="102">
        <v>107</v>
      </c>
      <c r="KI33" s="102">
        <v>99</v>
      </c>
      <c r="KJ33" s="102">
        <v>100</v>
      </c>
      <c r="KK33" s="102">
        <v>54</v>
      </c>
      <c r="KL33" s="103">
        <v>511</v>
      </c>
      <c r="KM33" s="104">
        <v>628</v>
      </c>
    </row>
    <row r="34" spans="2:299" s="70" customFormat="1" ht="21" customHeight="1" x14ac:dyDescent="0.2">
      <c r="B34" s="106" t="s">
        <v>31</v>
      </c>
      <c r="C34" s="96">
        <v>24</v>
      </c>
      <c r="D34" s="97">
        <v>36</v>
      </c>
      <c r="E34" s="98">
        <v>60</v>
      </c>
      <c r="F34" s="413">
        <v>0</v>
      </c>
      <c r="G34" s="97">
        <v>48</v>
      </c>
      <c r="H34" s="97">
        <v>51</v>
      </c>
      <c r="I34" s="97">
        <v>47</v>
      </c>
      <c r="J34" s="97">
        <v>31</v>
      </c>
      <c r="K34" s="97">
        <v>17</v>
      </c>
      <c r="L34" s="99">
        <v>194</v>
      </c>
      <c r="M34" s="100">
        <v>254</v>
      </c>
      <c r="N34" s="101">
        <v>3</v>
      </c>
      <c r="O34" s="102">
        <v>2</v>
      </c>
      <c r="P34" s="103">
        <v>5</v>
      </c>
      <c r="Q34" s="413">
        <v>0</v>
      </c>
      <c r="R34" s="102">
        <v>1</v>
      </c>
      <c r="S34" s="102">
        <v>2</v>
      </c>
      <c r="T34" s="102">
        <v>3</v>
      </c>
      <c r="U34" s="102">
        <v>1</v>
      </c>
      <c r="V34" s="102">
        <v>1</v>
      </c>
      <c r="W34" s="103">
        <v>8</v>
      </c>
      <c r="X34" s="104">
        <v>13</v>
      </c>
      <c r="Y34" s="101">
        <v>3</v>
      </c>
      <c r="Z34" s="102">
        <v>5</v>
      </c>
      <c r="AA34" s="103">
        <v>8</v>
      </c>
      <c r="AB34" s="413">
        <v>0</v>
      </c>
      <c r="AC34" s="102">
        <v>8</v>
      </c>
      <c r="AD34" s="102">
        <v>7</v>
      </c>
      <c r="AE34" s="102">
        <v>5</v>
      </c>
      <c r="AF34" s="102">
        <v>5</v>
      </c>
      <c r="AG34" s="102">
        <v>3</v>
      </c>
      <c r="AH34" s="103">
        <v>28</v>
      </c>
      <c r="AI34" s="104">
        <v>36</v>
      </c>
      <c r="AJ34" s="101">
        <v>5</v>
      </c>
      <c r="AK34" s="102">
        <v>6</v>
      </c>
      <c r="AL34" s="103">
        <v>11</v>
      </c>
      <c r="AM34" s="413">
        <v>0</v>
      </c>
      <c r="AN34" s="102">
        <v>10</v>
      </c>
      <c r="AO34" s="102">
        <v>11</v>
      </c>
      <c r="AP34" s="102">
        <v>6</v>
      </c>
      <c r="AQ34" s="102">
        <v>5</v>
      </c>
      <c r="AR34" s="102">
        <v>5</v>
      </c>
      <c r="AS34" s="103">
        <v>37</v>
      </c>
      <c r="AT34" s="104">
        <v>48</v>
      </c>
      <c r="AU34" s="101">
        <v>5</v>
      </c>
      <c r="AV34" s="102">
        <v>8</v>
      </c>
      <c r="AW34" s="103">
        <v>13</v>
      </c>
      <c r="AX34" s="413">
        <v>0</v>
      </c>
      <c r="AY34" s="102">
        <v>10</v>
      </c>
      <c r="AZ34" s="102">
        <v>11</v>
      </c>
      <c r="BA34" s="102">
        <v>5</v>
      </c>
      <c r="BB34" s="102">
        <v>4</v>
      </c>
      <c r="BC34" s="102">
        <v>3</v>
      </c>
      <c r="BD34" s="103">
        <v>33</v>
      </c>
      <c r="BE34" s="104">
        <v>46</v>
      </c>
      <c r="BF34" s="101">
        <v>4</v>
      </c>
      <c r="BG34" s="102">
        <v>11</v>
      </c>
      <c r="BH34" s="103">
        <v>15</v>
      </c>
      <c r="BI34" s="413">
        <v>0</v>
      </c>
      <c r="BJ34" s="102">
        <v>11</v>
      </c>
      <c r="BK34" s="102">
        <v>12</v>
      </c>
      <c r="BL34" s="102">
        <v>12</v>
      </c>
      <c r="BM34" s="102">
        <v>6</v>
      </c>
      <c r="BN34" s="102">
        <v>3</v>
      </c>
      <c r="BO34" s="103">
        <v>44</v>
      </c>
      <c r="BP34" s="104">
        <v>59</v>
      </c>
      <c r="BQ34" s="101">
        <v>4</v>
      </c>
      <c r="BR34" s="102">
        <v>4</v>
      </c>
      <c r="BS34" s="103">
        <v>8</v>
      </c>
      <c r="BT34" s="413">
        <v>0</v>
      </c>
      <c r="BU34" s="102">
        <v>8</v>
      </c>
      <c r="BV34" s="102">
        <v>8</v>
      </c>
      <c r="BW34" s="102">
        <v>16</v>
      </c>
      <c r="BX34" s="102">
        <v>10</v>
      </c>
      <c r="BY34" s="102">
        <v>2</v>
      </c>
      <c r="BZ34" s="103">
        <v>44</v>
      </c>
      <c r="CA34" s="104">
        <v>52</v>
      </c>
      <c r="CB34" s="101">
        <v>1</v>
      </c>
      <c r="CC34" s="102">
        <v>2</v>
      </c>
      <c r="CD34" s="103">
        <v>3</v>
      </c>
      <c r="CE34" s="413">
        <v>0</v>
      </c>
      <c r="CF34" s="102">
        <v>1</v>
      </c>
      <c r="CG34" s="102">
        <v>0</v>
      </c>
      <c r="CH34" s="102">
        <v>1</v>
      </c>
      <c r="CI34" s="102">
        <v>1</v>
      </c>
      <c r="CJ34" s="102">
        <v>1</v>
      </c>
      <c r="CK34" s="103">
        <v>4</v>
      </c>
      <c r="CL34" s="104">
        <v>7</v>
      </c>
      <c r="CM34" s="101">
        <v>25</v>
      </c>
      <c r="CN34" s="102">
        <v>38</v>
      </c>
      <c r="CO34" s="103">
        <v>63</v>
      </c>
      <c r="CP34" s="413">
        <v>0</v>
      </c>
      <c r="CQ34" s="102">
        <v>49</v>
      </c>
      <c r="CR34" s="102">
        <v>51</v>
      </c>
      <c r="CS34" s="102">
        <v>48</v>
      </c>
      <c r="CT34" s="102">
        <v>32</v>
      </c>
      <c r="CU34" s="102">
        <v>18</v>
      </c>
      <c r="CV34" s="103">
        <v>198</v>
      </c>
      <c r="CW34" s="104">
        <v>261</v>
      </c>
      <c r="CX34" s="105">
        <v>53</v>
      </c>
      <c r="CY34" s="97">
        <v>97</v>
      </c>
      <c r="CZ34" s="98">
        <v>150</v>
      </c>
      <c r="DA34" s="413">
        <v>0</v>
      </c>
      <c r="DB34" s="97">
        <v>100</v>
      </c>
      <c r="DC34" s="97">
        <v>85</v>
      </c>
      <c r="DD34" s="97">
        <v>75</v>
      </c>
      <c r="DE34" s="97">
        <v>62</v>
      </c>
      <c r="DF34" s="97">
        <v>35</v>
      </c>
      <c r="DG34" s="99">
        <v>357</v>
      </c>
      <c r="DH34" s="100">
        <v>507</v>
      </c>
      <c r="DI34" s="101">
        <v>1</v>
      </c>
      <c r="DJ34" s="102">
        <v>0</v>
      </c>
      <c r="DK34" s="103">
        <v>1</v>
      </c>
      <c r="DL34" s="413">
        <v>0</v>
      </c>
      <c r="DM34" s="102">
        <v>3</v>
      </c>
      <c r="DN34" s="102">
        <v>2</v>
      </c>
      <c r="DO34" s="102">
        <v>2</v>
      </c>
      <c r="DP34" s="102">
        <v>1</v>
      </c>
      <c r="DQ34" s="102">
        <v>1</v>
      </c>
      <c r="DR34" s="103">
        <v>9</v>
      </c>
      <c r="DS34" s="104">
        <v>10</v>
      </c>
      <c r="DT34" s="101">
        <v>2</v>
      </c>
      <c r="DU34" s="102">
        <v>4</v>
      </c>
      <c r="DV34" s="103">
        <v>6</v>
      </c>
      <c r="DW34" s="413">
        <v>0</v>
      </c>
      <c r="DX34" s="102">
        <v>5</v>
      </c>
      <c r="DY34" s="102">
        <v>3</v>
      </c>
      <c r="DZ34" s="102">
        <v>6</v>
      </c>
      <c r="EA34" s="102">
        <v>1</v>
      </c>
      <c r="EB34" s="102">
        <v>4</v>
      </c>
      <c r="EC34" s="103">
        <v>19</v>
      </c>
      <c r="ED34" s="104">
        <v>25</v>
      </c>
      <c r="EE34" s="101">
        <v>6</v>
      </c>
      <c r="EF34" s="102">
        <v>11</v>
      </c>
      <c r="EG34" s="103">
        <v>17</v>
      </c>
      <c r="EH34" s="413">
        <v>0</v>
      </c>
      <c r="EI34" s="102">
        <v>18</v>
      </c>
      <c r="EJ34" s="102">
        <v>10</v>
      </c>
      <c r="EK34" s="102">
        <v>6</v>
      </c>
      <c r="EL34" s="102">
        <v>7</v>
      </c>
      <c r="EM34" s="102">
        <v>1</v>
      </c>
      <c r="EN34" s="103">
        <v>42</v>
      </c>
      <c r="EO34" s="104">
        <v>59</v>
      </c>
      <c r="EP34" s="101">
        <v>13</v>
      </c>
      <c r="EQ34" s="102">
        <v>31</v>
      </c>
      <c r="ER34" s="103">
        <v>44</v>
      </c>
      <c r="ES34" s="413">
        <v>0</v>
      </c>
      <c r="ET34" s="102">
        <v>18</v>
      </c>
      <c r="EU34" s="102">
        <v>13</v>
      </c>
      <c r="EV34" s="102">
        <v>9</v>
      </c>
      <c r="EW34" s="102">
        <v>6</v>
      </c>
      <c r="EX34" s="102">
        <v>2</v>
      </c>
      <c r="EY34" s="103">
        <v>48</v>
      </c>
      <c r="EZ34" s="104">
        <v>92</v>
      </c>
      <c r="FA34" s="101">
        <v>19</v>
      </c>
      <c r="FB34" s="102">
        <v>28</v>
      </c>
      <c r="FC34" s="103">
        <v>47</v>
      </c>
      <c r="FD34" s="413">
        <v>0</v>
      </c>
      <c r="FE34" s="102">
        <v>18</v>
      </c>
      <c r="FF34" s="102">
        <v>25</v>
      </c>
      <c r="FG34" s="102">
        <v>20</v>
      </c>
      <c r="FH34" s="102">
        <v>16</v>
      </c>
      <c r="FI34" s="102">
        <v>10</v>
      </c>
      <c r="FJ34" s="103">
        <v>89</v>
      </c>
      <c r="FK34" s="104">
        <v>136</v>
      </c>
      <c r="FL34" s="101">
        <v>12</v>
      </c>
      <c r="FM34" s="102">
        <v>23</v>
      </c>
      <c r="FN34" s="103">
        <v>35</v>
      </c>
      <c r="FO34" s="413">
        <v>0</v>
      </c>
      <c r="FP34" s="102">
        <v>38</v>
      </c>
      <c r="FQ34" s="102">
        <v>32</v>
      </c>
      <c r="FR34" s="102">
        <v>32</v>
      </c>
      <c r="FS34" s="102">
        <v>31</v>
      </c>
      <c r="FT34" s="102">
        <v>17</v>
      </c>
      <c r="FU34" s="103">
        <v>150</v>
      </c>
      <c r="FV34" s="104">
        <v>185</v>
      </c>
      <c r="FW34" s="101">
        <v>0</v>
      </c>
      <c r="FX34" s="102">
        <v>0</v>
      </c>
      <c r="FY34" s="103">
        <v>0</v>
      </c>
      <c r="FZ34" s="413">
        <v>0</v>
      </c>
      <c r="GA34" s="102">
        <v>1</v>
      </c>
      <c r="GB34" s="102">
        <v>0</v>
      </c>
      <c r="GC34" s="102">
        <v>0</v>
      </c>
      <c r="GD34" s="102">
        <v>1</v>
      </c>
      <c r="GE34" s="102">
        <v>2</v>
      </c>
      <c r="GF34" s="103">
        <v>4</v>
      </c>
      <c r="GG34" s="104">
        <v>4</v>
      </c>
      <c r="GH34" s="101">
        <v>53</v>
      </c>
      <c r="GI34" s="102">
        <v>97</v>
      </c>
      <c r="GJ34" s="103">
        <v>150</v>
      </c>
      <c r="GK34" s="413">
        <v>0</v>
      </c>
      <c r="GL34" s="102">
        <v>101</v>
      </c>
      <c r="GM34" s="102">
        <v>85</v>
      </c>
      <c r="GN34" s="102">
        <v>75</v>
      </c>
      <c r="GO34" s="102">
        <v>63</v>
      </c>
      <c r="GP34" s="102">
        <v>37</v>
      </c>
      <c r="GQ34" s="103">
        <v>361</v>
      </c>
      <c r="GR34" s="104">
        <v>511</v>
      </c>
      <c r="GS34" s="105">
        <v>77</v>
      </c>
      <c r="GT34" s="97">
        <v>133</v>
      </c>
      <c r="GU34" s="98">
        <v>210</v>
      </c>
      <c r="GV34" s="413">
        <v>0</v>
      </c>
      <c r="GW34" s="97">
        <v>148</v>
      </c>
      <c r="GX34" s="97">
        <v>136</v>
      </c>
      <c r="GY34" s="97">
        <v>122</v>
      </c>
      <c r="GZ34" s="97">
        <v>93</v>
      </c>
      <c r="HA34" s="97">
        <v>52</v>
      </c>
      <c r="HB34" s="99">
        <v>551</v>
      </c>
      <c r="HC34" s="100">
        <v>761</v>
      </c>
      <c r="HD34" s="101">
        <v>4</v>
      </c>
      <c r="HE34" s="102">
        <v>2</v>
      </c>
      <c r="HF34" s="103">
        <v>6</v>
      </c>
      <c r="HG34" s="416">
        <v>0</v>
      </c>
      <c r="HH34" s="102">
        <v>4</v>
      </c>
      <c r="HI34" s="102">
        <v>4</v>
      </c>
      <c r="HJ34" s="102">
        <v>5</v>
      </c>
      <c r="HK34" s="102">
        <v>2</v>
      </c>
      <c r="HL34" s="102">
        <v>2</v>
      </c>
      <c r="HM34" s="103">
        <v>17</v>
      </c>
      <c r="HN34" s="104">
        <v>23</v>
      </c>
      <c r="HO34" s="101">
        <v>5</v>
      </c>
      <c r="HP34" s="102">
        <v>9</v>
      </c>
      <c r="HQ34" s="103">
        <v>14</v>
      </c>
      <c r="HR34" s="413">
        <v>0</v>
      </c>
      <c r="HS34" s="102">
        <v>13</v>
      </c>
      <c r="HT34" s="102">
        <v>10</v>
      </c>
      <c r="HU34" s="102">
        <v>11</v>
      </c>
      <c r="HV34" s="102">
        <v>6</v>
      </c>
      <c r="HW34" s="102">
        <v>7</v>
      </c>
      <c r="HX34" s="103">
        <v>47</v>
      </c>
      <c r="HY34" s="104">
        <v>61</v>
      </c>
      <c r="HZ34" s="101">
        <v>11</v>
      </c>
      <c r="IA34" s="102">
        <v>17</v>
      </c>
      <c r="IB34" s="103">
        <v>28</v>
      </c>
      <c r="IC34" s="413">
        <v>0</v>
      </c>
      <c r="ID34" s="102">
        <v>28</v>
      </c>
      <c r="IE34" s="102">
        <v>21</v>
      </c>
      <c r="IF34" s="102">
        <v>12</v>
      </c>
      <c r="IG34" s="102">
        <v>12</v>
      </c>
      <c r="IH34" s="102">
        <v>6</v>
      </c>
      <c r="II34" s="103">
        <v>79</v>
      </c>
      <c r="IJ34" s="104">
        <v>107</v>
      </c>
      <c r="IK34" s="101">
        <v>18</v>
      </c>
      <c r="IL34" s="102">
        <v>39</v>
      </c>
      <c r="IM34" s="103">
        <v>57</v>
      </c>
      <c r="IN34" s="413">
        <v>0</v>
      </c>
      <c r="IO34" s="102">
        <v>28</v>
      </c>
      <c r="IP34" s="102">
        <v>24</v>
      </c>
      <c r="IQ34" s="102">
        <v>14</v>
      </c>
      <c r="IR34" s="102">
        <v>10</v>
      </c>
      <c r="IS34" s="102">
        <v>5</v>
      </c>
      <c r="IT34" s="103">
        <v>81</v>
      </c>
      <c r="IU34" s="104">
        <v>138</v>
      </c>
      <c r="IV34" s="101">
        <v>23</v>
      </c>
      <c r="IW34" s="102">
        <v>39</v>
      </c>
      <c r="IX34" s="103">
        <v>62</v>
      </c>
      <c r="IY34" s="413">
        <v>0</v>
      </c>
      <c r="IZ34" s="102">
        <v>29</v>
      </c>
      <c r="JA34" s="102">
        <v>37</v>
      </c>
      <c r="JB34" s="102">
        <v>32</v>
      </c>
      <c r="JC34" s="102">
        <v>22</v>
      </c>
      <c r="JD34" s="102">
        <v>13</v>
      </c>
      <c r="JE34" s="103">
        <v>133</v>
      </c>
      <c r="JF34" s="104">
        <v>195</v>
      </c>
      <c r="JG34" s="101">
        <v>16</v>
      </c>
      <c r="JH34" s="102">
        <v>27</v>
      </c>
      <c r="JI34" s="103">
        <v>43</v>
      </c>
      <c r="JJ34" s="413">
        <v>0</v>
      </c>
      <c r="JK34" s="102">
        <v>46</v>
      </c>
      <c r="JL34" s="102">
        <v>40</v>
      </c>
      <c r="JM34" s="102">
        <v>48</v>
      </c>
      <c r="JN34" s="102">
        <v>41</v>
      </c>
      <c r="JO34" s="102">
        <v>19</v>
      </c>
      <c r="JP34" s="103">
        <v>194</v>
      </c>
      <c r="JQ34" s="104">
        <v>237</v>
      </c>
      <c r="JR34" s="101">
        <v>1</v>
      </c>
      <c r="JS34" s="102">
        <v>2</v>
      </c>
      <c r="JT34" s="103">
        <v>3</v>
      </c>
      <c r="JU34" s="413">
        <v>0</v>
      </c>
      <c r="JV34" s="102">
        <v>2</v>
      </c>
      <c r="JW34" s="102">
        <v>0</v>
      </c>
      <c r="JX34" s="102">
        <v>1</v>
      </c>
      <c r="JY34" s="102">
        <v>2</v>
      </c>
      <c r="JZ34" s="102">
        <v>3</v>
      </c>
      <c r="KA34" s="103">
        <v>8</v>
      </c>
      <c r="KB34" s="104">
        <v>11</v>
      </c>
      <c r="KC34" s="101">
        <v>78</v>
      </c>
      <c r="KD34" s="102">
        <v>135</v>
      </c>
      <c r="KE34" s="103">
        <v>213</v>
      </c>
      <c r="KF34" s="413">
        <v>0</v>
      </c>
      <c r="KG34" s="102">
        <v>150</v>
      </c>
      <c r="KH34" s="102">
        <v>136</v>
      </c>
      <c r="KI34" s="102">
        <v>123</v>
      </c>
      <c r="KJ34" s="102">
        <v>95</v>
      </c>
      <c r="KK34" s="102">
        <v>55</v>
      </c>
      <c r="KL34" s="103">
        <v>559</v>
      </c>
      <c r="KM34" s="104">
        <v>772</v>
      </c>
    </row>
    <row r="35" spans="2:299" s="70" customFormat="1" ht="21" customHeight="1" x14ac:dyDescent="0.2">
      <c r="B35" s="106" t="s">
        <v>32</v>
      </c>
      <c r="C35" s="96">
        <v>39</v>
      </c>
      <c r="D35" s="97">
        <v>36</v>
      </c>
      <c r="E35" s="98">
        <v>75</v>
      </c>
      <c r="F35" s="413">
        <v>0</v>
      </c>
      <c r="G35" s="97">
        <v>74</v>
      </c>
      <c r="H35" s="97">
        <v>62</v>
      </c>
      <c r="I35" s="97">
        <v>25</v>
      </c>
      <c r="J35" s="97">
        <v>40</v>
      </c>
      <c r="K35" s="97">
        <v>19</v>
      </c>
      <c r="L35" s="99">
        <v>220</v>
      </c>
      <c r="M35" s="100">
        <v>295</v>
      </c>
      <c r="N35" s="101">
        <v>6</v>
      </c>
      <c r="O35" s="102">
        <v>2</v>
      </c>
      <c r="P35" s="103">
        <v>8</v>
      </c>
      <c r="Q35" s="413">
        <v>0</v>
      </c>
      <c r="R35" s="102">
        <v>3</v>
      </c>
      <c r="S35" s="102">
        <v>5</v>
      </c>
      <c r="T35" s="102">
        <v>3</v>
      </c>
      <c r="U35" s="102">
        <v>1</v>
      </c>
      <c r="V35" s="102">
        <v>0</v>
      </c>
      <c r="W35" s="103">
        <v>12</v>
      </c>
      <c r="X35" s="104">
        <v>20</v>
      </c>
      <c r="Y35" s="101">
        <v>3</v>
      </c>
      <c r="Z35" s="102">
        <v>1</v>
      </c>
      <c r="AA35" s="103">
        <v>4</v>
      </c>
      <c r="AB35" s="413">
        <v>0</v>
      </c>
      <c r="AC35" s="102">
        <v>7</v>
      </c>
      <c r="AD35" s="102">
        <v>2</v>
      </c>
      <c r="AE35" s="102">
        <v>1</v>
      </c>
      <c r="AF35" s="102">
        <v>8</v>
      </c>
      <c r="AG35" s="102">
        <v>0</v>
      </c>
      <c r="AH35" s="103">
        <v>18</v>
      </c>
      <c r="AI35" s="104">
        <v>22</v>
      </c>
      <c r="AJ35" s="101">
        <v>6</v>
      </c>
      <c r="AK35" s="102">
        <v>1</v>
      </c>
      <c r="AL35" s="103">
        <v>7</v>
      </c>
      <c r="AM35" s="413">
        <v>0</v>
      </c>
      <c r="AN35" s="102">
        <v>13</v>
      </c>
      <c r="AO35" s="102">
        <v>10</v>
      </c>
      <c r="AP35" s="102">
        <v>5</v>
      </c>
      <c r="AQ35" s="102">
        <v>5</v>
      </c>
      <c r="AR35" s="102">
        <v>6</v>
      </c>
      <c r="AS35" s="103">
        <v>39</v>
      </c>
      <c r="AT35" s="104">
        <v>46</v>
      </c>
      <c r="AU35" s="101">
        <v>13</v>
      </c>
      <c r="AV35" s="102">
        <v>12</v>
      </c>
      <c r="AW35" s="103">
        <v>25</v>
      </c>
      <c r="AX35" s="413">
        <v>0</v>
      </c>
      <c r="AY35" s="102">
        <v>20</v>
      </c>
      <c r="AZ35" s="102">
        <v>16</v>
      </c>
      <c r="BA35" s="102">
        <v>6</v>
      </c>
      <c r="BB35" s="102">
        <v>7</v>
      </c>
      <c r="BC35" s="102">
        <v>5</v>
      </c>
      <c r="BD35" s="103">
        <v>54</v>
      </c>
      <c r="BE35" s="104">
        <v>79</v>
      </c>
      <c r="BF35" s="101">
        <v>2</v>
      </c>
      <c r="BG35" s="102">
        <v>15</v>
      </c>
      <c r="BH35" s="103">
        <v>17</v>
      </c>
      <c r="BI35" s="413">
        <v>0</v>
      </c>
      <c r="BJ35" s="102">
        <v>15</v>
      </c>
      <c r="BK35" s="102">
        <v>18</v>
      </c>
      <c r="BL35" s="102">
        <v>6</v>
      </c>
      <c r="BM35" s="102">
        <v>13</v>
      </c>
      <c r="BN35" s="102">
        <v>5</v>
      </c>
      <c r="BO35" s="103">
        <v>57</v>
      </c>
      <c r="BP35" s="104">
        <v>74</v>
      </c>
      <c r="BQ35" s="101">
        <v>9</v>
      </c>
      <c r="BR35" s="102">
        <v>5</v>
      </c>
      <c r="BS35" s="103">
        <v>14</v>
      </c>
      <c r="BT35" s="413">
        <v>0</v>
      </c>
      <c r="BU35" s="102">
        <v>16</v>
      </c>
      <c r="BV35" s="102">
        <v>11</v>
      </c>
      <c r="BW35" s="102">
        <v>4</v>
      </c>
      <c r="BX35" s="102">
        <v>6</v>
      </c>
      <c r="BY35" s="102">
        <v>3</v>
      </c>
      <c r="BZ35" s="103">
        <v>40</v>
      </c>
      <c r="CA35" s="104">
        <v>54</v>
      </c>
      <c r="CB35" s="101">
        <v>0</v>
      </c>
      <c r="CC35" s="102">
        <v>3</v>
      </c>
      <c r="CD35" s="103">
        <v>3</v>
      </c>
      <c r="CE35" s="413">
        <v>0</v>
      </c>
      <c r="CF35" s="102">
        <v>4</v>
      </c>
      <c r="CG35" s="102">
        <v>2</v>
      </c>
      <c r="CH35" s="102">
        <v>3</v>
      </c>
      <c r="CI35" s="102">
        <v>0</v>
      </c>
      <c r="CJ35" s="102">
        <v>5</v>
      </c>
      <c r="CK35" s="103">
        <v>14</v>
      </c>
      <c r="CL35" s="104">
        <v>17</v>
      </c>
      <c r="CM35" s="101">
        <v>39</v>
      </c>
      <c r="CN35" s="102">
        <v>39</v>
      </c>
      <c r="CO35" s="103">
        <v>78</v>
      </c>
      <c r="CP35" s="413">
        <v>0</v>
      </c>
      <c r="CQ35" s="102">
        <v>78</v>
      </c>
      <c r="CR35" s="102">
        <v>64</v>
      </c>
      <c r="CS35" s="102">
        <v>28</v>
      </c>
      <c r="CT35" s="102">
        <v>40</v>
      </c>
      <c r="CU35" s="102">
        <v>24</v>
      </c>
      <c r="CV35" s="103">
        <v>234</v>
      </c>
      <c r="CW35" s="104">
        <v>312</v>
      </c>
      <c r="CX35" s="105">
        <v>55</v>
      </c>
      <c r="CY35" s="97">
        <v>81</v>
      </c>
      <c r="CZ35" s="98">
        <v>136</v>
      </c>
      <c r="DA35" s="413">
        <v>0</v>
      </c>
      <c r="DB35" s="97">
        <v>146</v>
      </c>
      <c r="DC35" s="97">
        <v>87</v>
      </c>
      <c r="DD35" s="97">
        <v>72</v>
      </c>
      <c r="DE35" s="97">
        <v>88</v>
      </c>
      <c r="DF35" s="97">
        <v>51</v>
      </c>
      <c r="DG35" s="99">
        <v>444</v>
      </c>
      <c r="DH35" s="100">
        <v>580</v>
      </c>
      <c r="DI35" s="101">
        <v>0</v>
      </c>
      <c r="DJ35" s="102">
        <v>3</v>
      </c>
      <c r="DK35" s="103">
        <v>3</v>
      </c>
      <c r="DL35" s="413">
        <v>0</v>
      </c>
      <c r="DM35" s="102">
        <v>2</v>
      </c>
      <c r="DN35" s="102">
        <v>3</v>
      </c>
      <c r="DO35" s="102">
        <v>0</v>
      </c>
      <c r="DP35" s="102">
        <v>0</v>
      </c>
      <c r="DQ35" s="102">
        <v>2</v>
      </c>
      <c r="DR35" s="103">
        <v>7</v>
      </c>
      <c r="DS35" s="104">
        <v>10</v>
      </c>
      <c r="DT35" s="101">
        <v>6</v>
      </c>
      <c r="DU35" s="102">
        <v>2</v>
      </c>
      <c r="DV35" s="103">
        <v>8</v>
      </c>
      <c r="DW35" s="413">
        <v>0</v>
      </c>
      <c r="DX35" s="102">
        <v>5</v>
      </c>
      <c r="DY35" s="102">
        <v>2</v>
      </c>
      <c r="DZ35" s="102">
        <v>1</v>
      </c>
      <c r="EA35" s="102">
        <v>1</v>
      </c>
      <c r="EB35" s="102">
        <v>1</v>
      </c>
      <c r="EC35" s="103">
        <v>10</v>
      </c>
      <c r="ED35" s="104">
        <v>18</v>
      </c>
      <c r="EE35" s="101">
        <v>5</v>
      </c>
      <c r="EF35" s="102">
        <v>11</v>
      </c>
      <c r="EG35" s="103">
        <v>16</v>
      </c>
      <c r="EH35" s="413">
        <v>0</v>
      </c>
      <c r="EI35" s="102">
        <v>22</v>
      </c>
      <c r="EJ35" s="102">
        <v>10</v>
      </c>
      <c r="EK35" s="102">
        <v>8</v>
      </c>
      <c r="EL35" s="102">
        <v>5</v>
      </c>
      <c r="EM35" s="102">
        <v>4</v>
      </c>
      <c r="EN35" s="103">
        <v>49</v>
      </c>
      <c r="EO35" s="104">
        <v>65</v>
      </c>
      <c r="EP35" s="101">
        <v>23</v>
      </c>
      <c r="EQ35" s="102">
        <v>19</v>
      </c>
      <c r="ER35" s="103">
        <v>42</v>
      </c>
      <c r="ES35" s="413">
        <v>0</v>
      </c>
      <c r="ET35" s="102">
        <v>38</v>
      </c>
      <c r="EU35" s="102">
        <v>19</v>
      </c>
      <c r="EV35" s="102">
        <v>19</v>
      </c>
      <c r="EW35" s="102">
        <v>18</v>
      </c>
      <c r="EX35" s="102">
        <v>8</v>
      </c>
      <c r="EY35" s="103">
        <v>102</v>
      </c>
      <c r="EZ35" s="104">
        <v>144</v>
      </c>
      <c r="FA35" s="101">
        <v>15</v>
      </c>
      <c r="FB35" s="102">
        <v>20</v>
      </c>
      <c r="FC35" s="103">
        <v>35</v>
      </c>
      <c r="FD35" s="413">
        <v>0</v>
      </c>
      <c r="FE35" s="102">
        <v>40</v>
      </c>
      <c r="FF35" s="102">
        <v>20</v>
      </c>
      <c r="FG35" s="102">
        <v>17</v>
      </c>
      <c r="FH35" s="102">
        <v>18</v>
      </c>
      <c r="FI35" s="102">
        <v>12</v>
      </c>
      <c r="FJ35" s="103">
        <v>107</v>
      </c>
      <c r="FK35" s="104">
        <v>142</v>
      </c>
      <c r="FL35" s="101">
        <v>6</v>
      </c>
      <c r="FM35" s="102">
        <v>26</v>
      </c>
      <c r="FN35" s="103">
        <v>32</v>
      </c>
      <c r="FO35" s="413">
        <v>0</v>
      </c>
      <c r="FP35" s="102">
        <v>39</v>
      </c>
      <c r="FQ35" s="102">
        <v>33</v>
      </c>
      <c r="FR35" s="102">
        <v>27</v>
      </c>
      <c r="FS35" s="102">
        <v>46</v>
      </c>
      <c r="FT35" s="102">
        <v>24</v>
      </c>
      <c r="FU35" s="103">
        <v>169</v>
      </c>
      <c r="FV35" s="104">
        <v>201</v>
      </c>
      <c r="FW35" s="101">
        <v>1</v>
      </c>
      <c r="FX35" s="102">
        <v>2</v>
      </c>
      <c r="FY35" s="103">
        <v>3</v>
      </c>
      <c r="FZ35" s="413">
        <v>0</v>
      </c>
      <c r="GA35" s="102">
        <v>2</v>
      </c>
      <c r="GB35" s="102">
        <v>3</v>
      </c>
      <c r="GC35" s="102">
        <v>2</v>
      </c>
      <c r="GD35" s="102">
        <v>0</v>
      </c>
      <c r="GE35" s="102">
        <v>0</v>
      </c>
      <c r="GF35" s="103">
        <v>7</v>
      </c>
      <c r="GG35" s="104">
        <v>10</v>
      </c>
      <c r="GH35" s="101">
        <v>56</v>
      </c>
      <c r="GI35" s="102">
        <v>83</v>
      </c>
      <c r="GJ35" s="103">
        <v>139</v>
      </c>
      <c r="GK35" s="413">
        <v>0</v>
      </c>
      <c r="GL35" s="102">
        <v>148</v>
      </c>
      <c r="GM35" s="102">
        <v>90</v>
      </c>
      <c r="GN35" s="102">
        <v>74</v>
      </c>
      <c r="GO35" s="102">
        <v>88</v>
      </c>
      <c r="GP35" s="102">
        <v>51</v>
      </c>
      <c r="GQ35" s="103">
        <v>451</v>
      </c>
      <c r="GR35" s="104">
        <v>590</v>
      </c>
      <c r="GS35" s="105">
        <v>94</v>
      </c>
      <c r="GT35" s="97">
        <v>117</v>
      </c>
      <c r="GU35" s="98">
        <v>211</v>
      </c>
      <c r="GV35" s="413">
        <v>0</v>
      </c>
      <c r="GW35" s="97">
        <v>220</v>
      </c>
      <c r="GX35" s="97">
        <v>149</v>
      </c>
      <c r="GY35" s="97">
        <v>97</v>
      </c>
      <c r="GZ35" s="97">
        <v>128</v>
      </c>
      <c r="HA35" s="97">
        <v>70</v>
      </c>
      <c r="HB35" s="99">
        <v>664</v>
      </c>
      <c r="HC35" s="100">
        <v>875</v>
      </c>
      <c r="HD35" s="101">
        <v>6</v>
      </c>
      <c r="HE35" s="102">
        <v>5</v>
      </c>
      <c r="HF35" s="103">
        <v>11</v>
      </c>
      <c r="HG35" s="416">
        <v>0</v>
      </c>
      <c r="HH35" s="102">
        <v>5</v>
      </c>
      <c r="HI35" s="102">
        <v>8</v>
      </c>
      <c r="HJ35" s="102">
        <v>3</v>
      </c>
      <c r="HK35" s="102">
        <v>1</v>
      </c>
      <c r="HL35" s="102">
        <v>2</v>
      </c>
      <c r="HM35" s="103">
        <v>19</v>
      </c>
      <c r="HN35" s="104">
        <v>30</v>
      </c>
      <c r="HO35" s="101">
        <v>9</v>
      </c>
      <c r="HP35" s="102">
        <v>3</v>
      </c>
      <c r="HQ35" s="103">
        <v>12</v>
      </c>
      <c r="HR35" s="413">
        <v>0</v>
      </c>
      <c r="HS35" s="102">
        <v>12</v>
      </c>
      <c r="HT35" s="102">
        <v>4</v>
      </c>
      <c r="HU35" s="102">
        <v>2</v>
      </c>
      <c r="HV35" s="102">
        <v>9</v>
      </c>
      <c r="HW35" s="102">
        <v>1</v>
      </c>
      <c r="HX35" s="103">
        <v>28</v>
      </c>
      <c r="HY35" s="104">
        <v>40</v>
      </c>
      <c r="HZ35" s="101">
        <v>11</v>
      </c>
      <c r="IA35" s="102">
        <v>12</v>
      </c>
      <c r="IB35" s="103">
        <v>23</v>
      </c>
      <c r="IC35" s="413">
        <v>0</v>
      </c>
      <c r="ID35" s="102">
        <v>35</v>
      </c>
      <c r="IE35" s="102">
        <v>20</v>
      </c>
      <c r="IF35" s="102">
        <v>13</v>
      </c>
      <c r="IG35" s="102">
        <v>10</v>
      </c>
      <c r="IH35" s="102">
        <v>10</v>
      </c>
      <c r="II35" s="103">
        <v>88</v>
      </c>
      <c r="IJ35" s="104">
        <v>111</v>
      </c>
      <c r="IK35" s="101">
        <v>36</v>
      </c>
      <c r="IL35" s="102">
        <v>31</v>
      </c>
      <c r="IM35" s="103">
        <v>67</v>
      </c>
      <c r="IN35" s="413">
        <v>0</v>
      </c>
      <c r="IO35" s="102">
        <v>58</v>
      </c>
      <c r="IP35" s="102">
        <v>35</v>
      </c>
      <c r="IQ35" s="102">
        <v>25</v>
      </c>
      <c r="IR35" s="102">
        <v>25</v>
      </c>
      <c r="IS35" s="102">
        <v>13</v>
      </c>
      <c r="IT35" s="103">
        <v>156</v>
      </c>
      <c r="IU35" s="104">
        <v>223</v>
      </c>
      <c r="IV35" s="101">
        <v>17</v>
      </c>
      <c r="IW35" s="102">
        <v>35</v>
      </c>
      <c r="IX35" s="103">
        <v>52</v>
      </c>
      <c r="IY35" s="413">
        <v>0</v>
      </c>
      <c r="IZ35" s="102">
        <v>55</v>
      </c>
      <c r="JA35" s="102">
        <v>38</v>
      </c>
      <c r="JB35" s="102">
        <v>23</v>
      </c>
      <c r="JC35" s="102">
        <v>31</v>
      </c>
      <c r="JD35" s="102">
        <v>17</v>
      </c>
      <c r="JE35" s="103">
        <v>164</v>
      </c>
      <c r="JF35" s="104">
        <v>216</v>
      </c>
      <c r="JG35" s="101">
        <v>15</v>
      </c>
      <c r="JH35" s="102">
        <v>31</v>
      </c>
      <c r="JI35" s="103">
        <v>46</v>
      </c>
      <c r="JJ35" s="413">
        <v>0</v>
      </c>
      <c r="JK35" s="102">
        <v>55</v>
      </c>
      <c r="JL35" s="102">
        <v>44</v>
      </c>
      <c r="JM35" s="102">
        <v>31</v>
      </c>
      <c r="JN35" s="102">
        <v>52</v>
      </c>
      <c r="JO35" s="102">
        <v>27</v>
      </c>
      <c r="JP35" s="103">
        <v>209</v>
      </c>
      <c r="JQ35" s="104">
        <v>255</v>
      </c>
      <c r="JR35" s="101">
        <v>1</v>
      </c>
      <c r="JS35" s="102">
        <v>5</v>
      </c>
      <c r="JT35" s="103">
        <v>6</v>
      </c>
      <c r="JU35" s="413">
        <v>0</v>
      </c>
      <c r="JV35" s="102">
        <v>6</v>
      </c>
      <c r="JW35" s="102">
        <v>5</v>
      </c>
      <c r="JX35" s="102">
        <v>5</v>
      </c>
      <c r="JY35" s="102">
        <v>0</v>
      </c>
      <c r="JZ35" s="102">
        <v>5</v>
      </c>
      <c r="KA35" s="103">
        <v>21</v>
      </c>
      <c r="KB35" s="104">
        <v>27</v>
      </c>
      <c r="KC35" s="101">
        <v>95</v>
      </c>
      <c r="KD35" s="102">
        <v>122</v>
      </c>
      <c r="KE35" s="103">
        <v>217</v>
      </c>
      <c r="KF35" s="413">
        <v>0</v>
      </c>
      <c r="KG35" s="102">
        <v>226</v>
      </c>
      <c r="KH35" s="102">
        <v>154</v>
      </c>
      <c r="KI35" s="102">
        <v>102</v>
      </c>
      <c r="KJ35" s="102">
        <v>128</v>
      </c>
      <c r="KK35" s="102">
        <v>75</v>
      </c>
      <c r="KL35" s="103">
        <v>685</v>
      </c>
      <c r="KM35" s="104">
        <v>902</v>
      </c>
    </row>
    <row r="36" spans="2:299" s="70" customFormat="1" ht="21" customHeight="1" x14ac:dyDescent="0.2">
      <c r="B36" s="106" t="s">
        <v>33</v>
      </c>
      <c r="C36" s="96">
        <v>34</v>
      </c>
      <c r="D36" s="97">
        <v>30</v>
      </c>
      <c r="E36" s="98">
        <v>64</v>
      </c>
      <c r="F36" s="413">
        <v>0</v>
      </c>
      <c r="G36" s="97">
        <v>78</v>
      </c>
      <c r="H36" s="97">
        <v>37</v>
      </c>
      <c r="I36" s="97">
        <v>46</v>
      </c>
      <c r="J36" s="97">
        <v>27</v>
      </c>
      <c r="K36" s="97">
        <v>18</v>
      </c>
      <c r="L36" s="99">
        <v>206</v>
      </c>
      <c r="M36" s="100">
        <v>270</v>
      </c>
      <c r="N36" s="101">
        <v>2</v>
      </c>
      <c r="O36" s="102">
        <v>1</v>
      </c>
      <c r="P36" s="103">
        <v>3</v>
      </c>
      <c r="Q36" s="413">
        <v>0</v>
      </c>
      <c r="R36" s="102">
        <v>4</v>
      </c>
      <c r="S36" s="102">
        <v>2</v>
      </c>
      <c r="T36" s="102">
        <v>2</v>
      </c>
      <c r="U36" s="102">
        <v>1</v>
      </c>
      <c r="V36" s="102">
        <v>0</v>
      </c>
      <c r="W36" s="103">
        <v>9</v>
      </c>
      <c r="X36" s="104">
        <v>12</v>
      </c>
      <c r="Y36" s="101">
        <v>1</v>
      </c>
      <c r="Z36" s="102">
        <v>3</v>
      </c>
      <c r="AA36" s="103">
        <v>4</v>
      </c>
      <c r="AB36" s="413">
        <v>0</v>
      </c>
      <c r="AC36" s="102">
        <v>13</v>
      </c>
      <c r="AD36" s="102">
        <v>3</v>
      </c>
      <c r="AE36" s="102">
        <v>7</v>
      </c>
      <c r="AF36" s="102">
        <v>7</v>
      </c>
      <c r="AG36" s="102">
        <v>3</v>
      </c>
      <c r="AH36" s="103">
        <v>33</v>
      </c>
      <c r="AI36" s="104">
        <v>37</v>
      </c>
      <c r="AJ36" s="101">
        <v>8</v>
      </c>
      <c r="AK36" s="102">
        <v>5</v>
      </c>
      <c r="AL36" s="103">
        <v>13</v>
      </c>
      <c r="AM36" s="413">
        <v>0</v>
      </c>
      <c r="AN36" s="102">
        <v>9</v>
      </c>
      <c r="AO36" s="102">
        <v>11</v>
      </c>
      <c r="AP36" s="102">
        <v>12</v>
      </c>
      <c r="AQ36" s="102">
        <v>1</v>
      </c>
      <c r="AR36" s="102">
        <v>3</v>
      </c>
      <c r="AS36" s="103">
        <v>36</v>
      </c>
      <c r="AT36" s="104">
        <v>49</v>
      </c>
      <c r="AU36" s="101">
        <v>14</v>
      </c>
      <c r="AV36" s="102">
        <v>8</v>
      </c>
      <c r="AW36" s="103">
        <v>22</v>
      </c>
      <c r="AX36" s="413">
        <v>0</v>
      </c>
      <c r="AY36" s="102">
        <v>18</v>
      </c>
      <c r="AZ36" s="102">
        <v>9</v>
      </c>
      <c r="BA36" s="102">
        <v>8</v>
      </c>
      <c r="BB36" s="102">
        <v>7</v>
      </c>
      <c r="BC36" s="102">
        <v>4</v>
      </c>
      <c r="BD36" s="103">
        <v>46</v>
      </c>
      <c r="BE36" s="104">
        <v>68</v>
      </c>
      <c r="BF36" s="101">
        <v>6</v>
      </c>
      <c r="BG36" s="102">
        <v>9</v>
      </c>
      <c r="BH36" s="103">
        <v>15</v>
      </c>
      <c r="BI36" s="413">
        <v>0</v>
      </c>
      <c r="BJ36" s="102">
        <v>18</v>
      </c>
      <c r="BK36" s="102">
        <v>7</v>
      </c>
      <c r="BL36" s="102">
        <v>9</v>
      </c>
      <c r="BM36" s="102">
        <v>5</v>
      </c>
      <c r="BN36" s="102">
        <v>5</v>
      </c>
      <c r="BO36" s="103">
        <v>44</v>
      </c>
      <c r="BP36" s="104">
        <v>59</v>
      </c>
      <c r="BQ36" s="101">
        <v>3</v>
      </c>
      <c r="BR36" s="102">
        <v>4</v>
      </c>
      <c r="BS36" s="103">
        <v>7</v>
      </c>
      <c r="BT36" s="413">
        <v>0</v>
      </c>
      <c r="BU36" s="102">
        <v>16</v>
      </c>
      <c r="BV36" s="102">
        <v>5</v>
      </c>
      <c r="BW36" s="102">
        <v>8</v>
      </c>
      <c r="BX36" s="102">
        <v>6</v>
      </c>
      <c r="BY36" s="102">
        <v>3</v>
      </c>
      <c r="BZ36" s="103">
        <v>38</v>
      </c>
      <c r="CA36" s="104">
        <v>45</v>
      </c>
      <c r="CB36" s="101">
        <v>0</v>
      </c>
      <c r="CC36" s="102">
        <v>1</v>
      </c>
      <c r="CD36" s="103">
        <v>1</v>
      </c>
      <c r="CE36" s="413">
        <v>0</v>
      </c>
      <c r="CF36" s="102">
        <v>0</v>
      </c>
      <c r="CG36" s="102">
        <v>1</v>
      </c>
      <c r="CH36" s="102">
        <v>0</v>
      </c>
      <c r="CI36" s="102">
        <v>2</v>
      </c>
      <c r="CJ36" s="102">
        <v>0</v>
      </c>
      <c r="CK36" s="103">
        <v>3</v>
      </c>
      <c r="CL36" s="104">
        <v>4</v>
      </c>
      <c r="CM36" s="101">
        <v>34</v>
      </c>
      <c r="CN36" s="102">
        <v>31</v>
      </c>
      <c r="CO36" s="103">
        <v>65</v>
      </c>
      <c r="CP36" s="413">
        <v>0</v>
      </c>
      <c r="CQ36" s="102">
        <v>78</v>
      </c>
      <c r="CR36" s="102">
        <v>38</v>
      </c>
      <c r="CS36" s="102">
        <v>46</v>
      </c>
      <c r="CT36" s="102">
        <v>29</v>
      </c>
      <c r="CU36" s="102">
        <v>18</v>
      </c>
      <c r="CV36" s="103">
        <v>209</v>
      </c>
      <c r="CW36" s="104">
        <v>274</v>
      </c>
      <c r="CX36" s="105">
        <v>44</v>
      </c>
      <c r="CY36" s="97">
        <v>66</v>
      </c>
      <c r="CZ36" s="98">
        <v>110</v>
      </c>
      <c r="DA36" s="413">
        <v>0</v>
      </c>
      <c r="DB36" s="97">
        <v>137</v>
      </c>
      <c r="DC36" s="97">
        <v>86</v>
      </c>
      <c r="DD36" s="97">
        <v>81</v>
      </c>
      <c r="DE36" s="97">
        <v>66</v>
      </c>
      <c r="DF36" s="97">
        <v>47</v>
      </c>
      <c r="DG36" s="99">
        <v>417</v>
      </c>
      <c r="DH36" s="100">
        <v>527</v>
      </c>
      <c r="DI36" s="101">
        <v>1</v>
      </c>
      <c r="DJ36" s="102">
        <v>1</v>
      </c>
      <c r="DK36" s="103">
        <v>2</v>
      </c>
      <c r="DL36" s="413">
        <v>0</v>
      </c>
      <c r="DM36" s="102">
        <v>3</v>
      </c>
      <c r="DN36" s="102">
        <v>0</v>
      </c>
      <c r="DO36" s="102">
        <v>1</v>
      </c>
      <c r="DP36" s="102">
        <v>3</v>
      </c>
      <c r="DQ36" s="102">
        <v>1</v>
      </c>
      <c r="DR36" s="103">
        <v>8</v>
      </c>
      <c r="DS36" s="104">
        <v>10</v>
      </c>
      <c r="DT36" s="101">
        <v>4</v>
      </c>
      <c r="DU36" s="102">
        <v>6</v>
      </c>
      <c r="DV36" s="103">
        <v>10</v>
      </c>
      <c r="DW36" s="413">
        <v>0</v>
      </c>
      <c r="DX36" s="102">
        <v>3</v>
      </c>
      <c r="DY36" s="102">
        <v>4</v>
      </c>
      <c r="DZ36" s="102">
        <v>1</v>
      </c>
      <c r="EA36" s="102">
        <v>3</v>
      </c>
      <c r="EB36" s="102">
        <v>0</v>
      </c>
      <c r="EC36" s="103">
        <v>11</v>
      </c>
      <c r="ED36" s="104">
        <v>21</v>
      </c>
      <c r="EE36" s="101">
        <v>5</v>
      </c>
      <c r="EF36" s="102">
        <v>11</v>
      </c>
      <c r="EG36" s="103">
        <v>16</v>
      </c>
      <c r="EH36" s="413">
        <v>0</v>
      </c>
      <c r="EI36" s="102">
        <v>10</v>
      </c>
      <c r="EJ36" s="102">
        <v>8</v>
      </c>
      <c r="EK36" s="102">
        <v>6</v>
      </c>
      <c r="EL36" s="102">
        <v>7</v>
      </c>
      <c r="EM36" s="102">
        <v>7</v>
      </c>
      <c r="EN36" s="103">
        <v>38</v>
      </c>
      <c r="EO36" s="104">
        <v>54</v>
      </c>
      <c r="EP36" s="101">
        <v>9</v>
      </c>
      <c r="EQ36" s="102">
        <v>19</v>
      </c>
      <c r="ER36" s="103">
        <v>28</v>
      </c>
      <c r="ES36" s="413">
        <v>0</v>
      </c>
      <c r="ET36" s="102">
        <v>30</v>
      </c>
      <c r="EU36" s="102">
        <v>15</v>
      </c>
      <c r="EV36" s="102">
        <v>13</v>
      </c>
      <c r="EW36" s="102">
        <v>10</v>
      </c>
      <c r="EX36" s="102">
        <v>11</v>
      </c>
      <c r="EY36" s="103">
        <v>79</v>
      </c>
      <c r="EZ36" s="104">
        <v>107</v>
      </c>
      <c r="FA36" s="101">
        <v>15</v>
      </c>
      <c r="FB36" s="102">
        <v>12</v>
      </c>
      <c r="FC36" s="103">
        <v>27</v>
      </c>
      <c r="FD36" s="413">
        <v>0</v>
      </c>
      <c r="FE36" s="102">
        <v>43</v>
      </c>
      <c r="FF36" s="102">
        <v>24</v>
      </c>
      <c r="FG36" s="102">
        <v>21</v>
      </c>
      <c r="FH36" s="102">
        <v>18</v>
      </c>
      <c r="FI36" s="102">
        <v>13</v>
      </c>
      <c r="FJ36" s="103">
        <v>119</v>
      </c>
      <c r="FK36" s="104">
        <v>146</v>
      </c>
      <c r="FL36" s="101">
        <v>10</v>
      </c>
      <c r="FM36" s="102">
        <v>17</v>
      </c>
      <c r="FN36" s="103">
        <v>27</v>
      </c>
      <c r="FO36" s="413">
        <v>0</v>
      </c>
      <c r="FP36" s="102">
        <v>48</v>
      </c>
      <c r="FQ36" s="102">
        <v>35</v>
      </c>
      <c r="FR36" s="102">
        <v>39</v>
      </c>
      <c r="FS36" s="102">
        <v>25</v>
      </c>
      <c r="FT36" s="102">
        <v>15</v>
      </c>
      <c r="FU36" s="103">
        <v>162</v>
      </c>
      <c r="FV36" s="104">
        <v>189</v>
      </c>
      <c r="FW36" s="101">
        <v>0</v>
      </c>
      <c r="FX36" s="102">
        <v>0</v>
      </c>
      <c r="FY36" s="103">
        <v>0</v>
      </c>
      <c r="FZ36" s="413">
        <v>0</v>
      </c>
      <c r="GA36" s="102">
        <v>2</v>
      </c>
      <c r="GB36" s="102">
        <v>0</v>
      </c>
      <c r="GC36" s="102">
        <v>0</v>
      </c>
      <c r="GD36" s="102">
        <v>0</v>
      </c>
      <c r="GE36" s="102">
        <v>1</v>
      </c>
      <c r="GF36" s="103">
        <v>3</v>
      </c>
      <c r="GG36" s="104">
        <v>3</v>
      </c>
      <c r="GH36" s="101">
        <v>44</v>
      </c>
      <c r="GI36" s="102">
        <v>66</v>
      </c>
      <c r="GJ36" s="103">
        <v>110</v>
      </c>
      <c r="GK36" s="413">
        <v>0</v>
      </c>
      <c r="GL36" s="102">
        <v>139</v>
      </c>
      <c r="GM36" s="102">
        <v>86</v>
      </c>
      <c r="GN36" s="102">
        <v>81</v>
      </c>
      <c r="GO36" s="102">
        <v>66</v>
      </c>
      <c r="GP36" s="102">
        <v>48</v>
      </c>
      <c r="GQ36" s="103">
        <v>420</v>
      </c>
      <c r="GR36" s="104">
        <v>530</v>
      </c>
      <c r="GS36" s="105">
        <v>78</v>
      </c>
      <c r="GT36" s="97">
        <v>96</v>
      </c>
      <c r="GU36" s="98">
        <v>174</v>
      </c>
      <c r="GV36" s="413">
        <v>0</v>
      </c>
      <c r="GW36" s="97">
        <v>215</v>
      </c>
      <c r="GX36" s="97">
        <v>123</v>
      </c>
      <c r="GY36" s="97">
        <v>127</v>
      </c>
      <c r="GZ36" s="97">
        <v>93</v>
      </c>
      <c r="HA36" s="97">
        <v>65</v>
      </c>
      <c r="HB36" s="99">
        <v>623</v>
      </c>
      <c r="HC36" s="100">
        <v>797</v>
      </c>
      <c r="HD36" s="101">
        <v>3</v>
      </c>
      <c r="HE36" s="102">
        <v>2</v>
      </c>
      <c r="HF36" s="103">
        <v>5</v>
      </c>
      <c r="HG36" s="416">
        <v>0</v>
      </c>
      <c r="HH36" s="102">
        <v>7</v>
      </c>
      <c r="HI36" s="102">
        <v>2</v>
      </c>
      <c r="HJ36" s="102">
        <v>3</v>
      </c>
      <c r="HK36" s="102">
        <v>4</v>
      </c>
      <c r="HL36" s="102">
        <v>1</v>
      </c>
      <c r="HM36" s="103">
        <v>17</v>
      </c>
      <c r="HN36" s="104">
        <v>22</v>
      </c>
      <c r="HO36" s="101">
        <v>5</v>
      </c>
      <c r="HP36" s="102">
        <v>9</v>
      </c>
      <c r="HQ36" s="103">
        <v>14</v>
      </c>
      <c r="HR36" s="413">
        <v>0</v>
      </c>
      <c r="HS36" s="102">
        <v>16</v>
      </c>
      <c r="HT36" s="102">
        <v>7</v>
      </c>
      <c r="HU36" s="102">
        <v>8</v>
      </c>
      <c r="HV36" s="102">
        <v>10</v>
      </c>
      <c r="HW36" s="102">
        <v>3</v>
      </c>
      <c r="HX36" s="103">
        <v>44</v>
      </c>
      <c r="HY36" s="104">
        <v>58</v>
      </c>
      <c r="HZ36" s="101">
        <v>13</v>
      </c>
      <c r="IA36" s="102">
        <v>16</v>
      </c>
      <c r="IB36" s="103">
        <v>29</v>
      </c>
      <c r="IC36" s="413">
        <v>0</v>
      </c>
      <c r="ID36" s="102">
        <v>19</v>
      </c>
      <c r="IE36" s="102">
        <v>19</v>
      </c>
      <c r="IF36" s="102">
        <v>18</v>
      </c>
      <c r="IG36" s="102">
        <v>8</v>
      </c>
      <c r="IH36" s="102">
        <v>10</v>
      </c>
      <c r="II36" s="103">
        <v>74</v>
      </c>
      <c r="IJ36" s="104">
        <v>103</v>
      </c>
      <c r="IK36" s="101">
        <v>23</v>
      </c>
      <c r="IL36" s="102">
        <v>27</v>
      </c>
      <c r="IM36" s="103">
        <v>50</v>
      </c>
      <c r="IN36" s="413">
        <v>0</v>
      </c>
      <c r="IO36" s="102">
        <v>48</v>
      </c>
      <c r="IP36" s="102">
        <v>24</v>
      </c>
      <c r="IQ36" s="102">
        <v>21</v>
      </c>
      <c r="IR36" s="102">
        <v>17</v>
      </c>
      <c r="IS36" s="102">
        <v>15</v>
      </c>
      <c r="IT36" s="103">
        <v>125</v>
      </c>
      <c r="IU36" s="104">
        <v>175</v>
      </c>
      <c r="IV36" s="101">
        <v>21</v>
      </c>
      <c r="IW36" s="102">
        <v>21</v>
      </c>
      <c r="IX36" s="103">
        <v>42</v>
      </c>
      <c r="IY36" s="413">
        <v>0</v>
      </c>
      <c r="IZ36" s="102">
        <v>61</v>
      </c>
      <c r="JA36" s="102">
        <v>31</v>
      </c>
      <c r="JB36" s="102">
        <v>30</v>
      </c>
      <c r="JC36" s="102">
        <v>23</v>
      </c>
      <c r="JD36" s="102">
        <v>18</v>
      </c>
      <c r="JE36" s="103">
        <v>163</v>
      </c>
      <c r="JF36" s="104">
        <v>205</v>
      </c>
      <c r="JG36" s="101">
        <v>13</v>
      </c>
      <c r="JH36" s="102">
        <v>21</v>
      </c>
      <c r="JI36" s="103">
        <v>34</v>
      </c>
      <c r="JJ36" s="413">
        <v>0</v>
      </c>
      <c r="JK36" s="102">
        <v>64</v>
      </c>
      <c r="JL36" s="102">
        <v>40</v>
      </c>
      <c r="JM36" s="102">
        <v>47</v>
      </c>
      <c r="JN36" s="102">
        <v>31</v>
      </c>
      <c r="JO36" s="102">
        <v>18</v>
      </c>
      <c r="JP36" s="103">
        <v>200</v>
      </c>
      <c r="JQ36" s="104">
        <v>234</v>
      </c>
      <c r="JR36" s="101">
        <v>0</v>
      </c>
      <c r="JS36" s="102">
        <v>1</v>
      </c>
      <c r="JT36" s="103">
        <v>1</v>
      </c>
      <c r="JU36" s="413">
        <v>0</v>
      </c>
      <c r="JV36" s="102">
        <v>2</v>
      </c>
      <c r="JW36" s="102">
        <v>1</v>
      </c>
      <c r="JX36" s="102">
        <v>0</v>
      </c>
      <c r="JY36" s="102">
        <v>2</v>
      </c>
      <c r="JZ36" s="102">
        <v>1</v>
      </c>
      <c r="KA36" s="103">
        <v>6</v>
      </c>
      <c r="KB36" s="104">
        <v>7</v>
      </c>
      <c r="KC36" s="101">
        <v>78</v>
      </c>
      <c r="KD36" s="102">
        <v>97</v>
      </c>
      <c r="KE36" s="103">
        <v>175</v>
      </c>
      <c r="KF36" s="413">
        <v>0</v>
      </c>
      <c r="KG36" s="102">
        <v>217</v>
      </c>
      <c r="KH36" s="102">
        <v>124</v>
      </c>
      <c r="KI36" s="102">
        <v>127</v>
      </c>
      <c r="KJ36" s="102">
        <v>95</v>
      </c>
      <c r="KK36" s="102">
        <v>66</v>
      </c>
      <c r="KL36" s="103">
        <v>629</v>
      </c>
      <c r="KM36" s="104">
        <v>804</v>
      </c>
    </row>
    <row r="37" spans="2:299" s="70" customFormat="1" ht="21" customHeight="1" x14ac:dyDescent="0.2">
      <c r="B37" s="106" t="s">
        <v>34</v>
      </c>
      <c r="C37" s="96">
        <v>12</v>
      </c>
      <c r="D37" s="97">
        <v>26</v>
      </c>
      <c r="E37" s="98">
        <v>38</v>
      </c>
      <c r="F37" s="413">
        <v>0</v>
      </c>
      <c r="G37" s="97">
        <v>44</v>
      </c>
      <c r="H37" s="97">
        <v>37</v>
      </c>
      <c r="I37" s="97">
        <v>16</v>
      </c>
      <c r="J37" s="97">
        <v>28</v>
      </c>
      <c r="K37" s="97">
        <v>10</v>
      </c>
      <c r="L37" s="99">
        <v>135</v>
      </c>
      <c r="M37" s="100">
        <v>173</v>
      </c>
      <c r="N37" s="101">
        <v>0</v>
      </c>
      <c r="O37" s="102">
        <v>2</v>
      </c>
      <c r="P37" s="103">
        <v>2</v>
      </c>
      <c r="Q37" s="413">
        <v>0</v>
      </c>
      <c r="R37" s="102">
        <v>5</v>
      </c>
      <c r="S37" s="102">
        <v>0</v>
      </c>
      <c r="T37" s="102">
        <v>1</v>
      </c>
      <c r="U37" s="102">
        <v>2</v>
      </c>
      <c r="V37" s="102">
        <v>1</v>
      </c>
      <c r="W37" s="103">
        <v>9</v>
      </c>
      <c r="X37" s="104">
        <v>11</v>
      </c>
      <c r="Y37" s="101">
        <v>0</v>
      </c>
      <c r="Z37" s="102">
        <v>2</v>
      </c>
      <c r="AA37" s="103">
        <v>2</v>
      </c>
      <c r="AB37" s="413">
        <v>0</v>
      </c>
      <c r="AC37" s="102">
        <v>4</v>
      </c>
      <c r="AD37" s="102">
        <v>4</v>
      </c>
      <c r="AE37" s="102">
        <v>2</v>
      </c>
      <c r="AF37" s="102">
        <v>2</v>
      </c>
      <c r="AG37" s="102">
        <v>0</v>
      </c>
      <c r="AH37" s="103">
        <v>12</v>
      </c>
      <c r="AI37" s="104">
        <v>14</v>
      </c>
      <c r="AJ37" s="101">
        <v>2</v>
      </c>
      <c r="AK37" s="102">
        <v>4</v>
      </c>
      <c r="AL37" s="103">
        <v>6</v>
      </c>
      <c r="AM37" s="413">
        <v>0</v>
      </c>
      <c r="AN37" s="102">
        <v>4</v>
      </c>
      <c r="AO37" s="102">
        <v>6</v>
      </c>
      <c r="AP37" s="102">
        <v>2</v>
      </c>
      <c r="AQ37" s="102">
        <v>7</v>
      </c>
      <c r="AR37" s="102">
        <v>1</v>
      </c>
      <c r="AS37" s="103">
        <v>20</v>
      </c>
      <c r="AT37" s="104">
        <v>26</v>
      </c>
      <c r="AU37" s="101">
        <v>4</v>
      </c>
      <c r="AV37" s="102">
        <v>6</v>
      </c>
      <c r="AW37" s="103">
        <v>10</v>
      </c>
      <c r="AX37" s="413">
        <v>0</v>
      </c>
      <c r="AY37" s="102">
        <v>12</v>
      </c>
      <c r="AZ37" s="102">
        <v>9</v>
      </c>
      <c r="BA37" s="102">
        <v>6</v>
      </c>
      <c r="BB37" s="102">
        <v>5</v>
      </c>
      <c r="BC37" s="102">
        <v>5</v>
      </c>
      <c r="BD37" s="103">
        <v>37</v>
      </c>
      <c r="BE37" s="104">
        <v>47</v>
      </c>
      <c r="BF37" s="101">
        <v>2</v>
      </c>
      <c r="BG37" s="102">
        <v>9</v>
      </c>
      <c r="BH37" s="103">
        <v>11</v>
      </c>
      <c r="BI37" s="413">
        <v>0</v>
      </c>
      <c r="BJ37" s="102">
        <v>10</v>
      </c>
      <c r="BK37" s="102">
        <v>5</v>
      </c>
      <c r="BL37" s="102">
        <v>3</v>
      </c>
      <c r="BM37" s="102">
        <v>6</v>
      </c>
      <c r="BN37" s="102">
        <v>2</v>
      </c>
      <c r="BO37" s="103">
        <v>26</v>
      </c>
      <c r="BP37" s="104">
        <v>37</v>
      </c>
      <c r="BQ37" s="101">
        <v>4</v>
      </c>
      <c r="BR37" s="102">
        <v>3</v>
      </c>
      <c r="BS37" s="103">
        <v>7</v>
      </c>
      <c r="BT37" s="413">
        <v>0</v>
      </c>
      <c r="BU37" s="102">
        <v>9</v>
      </c>
      <c r="BV37" s="102">
        <v>13</v>
      </c>
      <c r="BW37" s="102">
        <v>2</v>
      </c>
      <c r="BX37" s="102">
        <v>6</v>
      </c>
      <c r="BY37" s="102">
        <v>1</v>
      </c>
      <c r="BZ37" s="103">
        <v>31</v>
      </c>
      <c r="CA37" s="104">
        <v>38</v>
      </c>
      <c r="CB37" s="101">
        <v>0</v>
      </c>
      <c r="CC37" s="102">
        <v>0</v>
      </c>
      <c r="CD37" s="103">
        <v>0</v>
      </c>
      <c r="CE37" s="413">
        <v>0</v>
      </c>
      <c r="CF37" s="102">
        <v>1</v>
      </c>
      <c r="CG37" s="102">
        <v>0</v>
      </c>
      <c r="CH37" s="102">
        <v>0</v>
      </c>
      <c r="CI37" s="102">
        <v>1</v>
      </c>
      <c r="CJ37" s="102">
        <v>2</v>
      </c>
      <c r="CK37" s="103">
        <v>4</v>
      </c>
      <c r="CL37" s="104">
        <v>4</v>
      </c>
      <c r="CM37" s="101">
        <v>12</v>
      </c>
      <c r="CN37" s="102">
        <v>26</v>
      </c>
      <c r="CO37" s="103">
        <v>38</v>
      </c>
      <c r="CP37" s="413">
        <v>0</v>
      </c>
      <c r="CQ37" s="102">
        <v>45</v>
      </c>
      <c r="CR37" s="102">
        <v>37</v>
      </c>
      <c r="CS37" s="102">
        <v>16</v>
      </c>
      <c r="CT37" s="102">
        <v>29</v>
      </c>
      <c r="CU37" s="102">
        <v>12</v>
      </c>
      <c r="CV37" s="103">
        <v>139</v>
      </c>
      <c r="CW37" s="104">
        <v>177</v>
      </c>
      <c r="CX37" s="105">
        <v>47</v>
      </c>
      <c r="CY37" s="97">
        <v>43</v>
      </c>
      <c r="CZ37" s="98">
        <v>90</v>
      </c>
      <c r="DA37" s="413">
        <v>0</v>
      </c>
      <c r="DB37" s="97">
        <v>94</v>
      </c>
      <c r="DC37" s="97">
        <v>46</v>
      </c>
      <c r="DD37" s="97">
        <v>42</v>
      </c>
      <c r="DE37" s="97">
        <v>52</v>
      </c>
      <c r="DF37" s="97">
        <v>31</v>
      </c>
      <c r="DG37" s="99">
        <v>265</v>
      </c>
      <c r="DH37" s="100">
        <v>355</v>
      </c>
      <c r="DI37" s="101">
        <v>1</v>
      </c>
      <c r="DJ37" s="102">
        <v>1</v>
      </c>
      <c r="DK37" s="103">
        <v>2</v>
      </c>
      <c r="DL37" s="413">
        <v>0</v>
      </c>
      <c r="DM37" s="102">
        <v>1</v>
      </c>
      <c r="DN37" s="102">
        <v>1</v>
      </c>
      <c r="DO37" s="102">
        <v>2</v>
      </c>
      <c r="DP37" s="102">
        <v>0</v>
      </c>
      <c r="DQ37" s="102">
        <v>2</v>
      </c>
      <c r="DR37" s="103">
        <v>6</v>
      </c>
      <c r="DS37" s="104">
        <v>8</v>
      </c>
      <c r="DT37" s="101">
        <v>1</v>
      </c>
      <c r="DU37" s="102">
        <v>0</v>
      </c>
      <c r="DV37" s="103">
        <v>1</v>
      </c>
      <c r="DW37" s="413">
        <v>0</v>
      </c>
      <c r="DX37" s="102">
        <v>2</v>
      </c>
      <c r="DY37" s="102">
        <v>3</v>
      </c>
      <c r="DZ37" s="102">
        <v>1</v>
      </c>
      <c r="EA37" s="102">
        <v>1</v>
      </c>
      <c r="EB37" s="102">
        <v>1</v>
      </c>
      <c r="EC37" s="103">
        <v>8</v>
      </c>
      <c r="ED37" s="104">
        <v>9</v>
      </c>
      <c r="EE37" s="101">
        <v>9</v>
      </c>
      <c r="EF37" s="102">
        <v>5</v>
      </c>
      <c r="EG37" s="103">
        <v>14</v>
      </c>
      <c r="EH37" s="413">
        <v>0</v>
      </c>
      <c r="EI37" s="102">
        <v>9</v>
      </c>
      <c r="EJ37" s="102">
        <v>2</v>
      </c>
      <c r="EK37" s="102">
        <v>6</v>
      </c>
      <c r="EL37" s="102">
        <v>3</v>
      </c>
      <c r="EM37" s="102">
        <v>2</v>
      </c>
      <c r="EN37" s="103">
        <v>22</v>
      </c>
      <c r="EO37" s="104">
        <v>36</v>
      </c>
      <c r="EP37" s="101">
        <v>13</v>
      </c>
      <c r="EQ37" s="102">
        <v>5</v>
      </c>
      <c r="ER37" s="103">
        <v>18</v>
      </c>
      <c r="ES37" s="413">
        <v>0</v>
      </c>
      <c r="ET37" s="102">
        <v>16</v>
      </c>
      <c r="EU37" s="102">
        <v>6</v>
      </c>
      <c r="EV37" s="102">
        <v>14</v>
      </c>
      <c r="EW37" s="102">
        <v>6</v>
      </c>
      <c r="EX37" s="102">
        <v>6</v>
      </c>
      <c r="EY37" s="103">
        <v>48</v>
      </c>
      <c r="EZ37" s="104">
        <v>66</v>
      </c>
      <c r="FA37" s="101">
        <v>15</v>
      </c>
      <c r="FB37" s="102">
        <v>22</v>
      </c>
      <c r="FC37" s="103">
        <v>37</v>
      </c>
      <c r="FD37" s="413">
        <v>0</v>
      </c>
      <c r="FE37" s="102">
        <v>35</v>
      </c>
      <c r="FF37" s="102">
        <v>17</v>
      </c>
      <c r="FG37" s="102">
        <v>6</v>
      </c>
      <c r="FH37" s="102">
        <v>9</v>
      </c>
      <c r="FI37" s="102">
        <v>5</v>
      </c>
      <c r="FJ37" s="103">
        <v>72</v>
      </c>
      <c r="FK37" s="104">
        <v>109</v>
      </c>
      <c r="FL37" s="101">
        <v>8</v>
      </c>
      <c r="FM37" s="102">
        <v>10</v>
      </c>
      <c r="FN37" s="103">
        <v>18</v>
      </c>
      <c r="FO37" s="413">
        <v>0</v>
      </c>
      <c r="FP37" s="102">
        <v>31</v>
      </c>
      <c r="FQ37" s="102">
        <v>17</v>
      </c>
      <c r="FR37" s="102">
        <v>13</v>
      </c>
      <c r="FS37" s="102">
        <v>33</v>
      </c>
      <c r="FT37" s="102">
        <v>15</v>
      </c>
      <c r="FU37" s="103">
        <v>109</v>
      </c>
      <c r="FV37" s="104">
        <v>127</v>
      </c>
      <c r="FW37" s="101">
        <v>0</v>
      </c>
      <c r="FX37" s="102">
        <v>0</v>
      </c>
      <c r="FY37" s="103">
        <v>0</v>
      </c>
      <c r="FZ37" s="413">
        <v>0</v>
      </c>
      <c r="GA37" s="102">
        <v>1</v>
      </c>
      <c r="GB37" s="102">
        <v>1</v>
      </c>
      <c r="GC37" s="102">
        <v>1</v>
      </c>
      <c r="GD37" s="102">
        <v>0</v>
      </c>
      <c r="GE37" s="102">
        <v>1</v>
      </c>
      <c r="GF37" s="103">
        <v>4</v>
      </c>
      <c r="GG37" s="104">
        <v>4</v>
      </c>
      <c r="GH37" s="101">
        <v>47</v>
      </c>
      <c r="GI37" s="102">
        <v>43</v>
      </c>
      <c r="GJ37" s="103">
        <v>90</v>
      </c>
      <c r="GK37" s="413">
        <v>0</v>
      </c>
      <c r="GL37" s="102">
        <v>95</v>
      </c>
      <c r="GM37" s="102">
        <v>47</v>
      </c>
      <c r="GN37" s="102">
        <v>43</v>
      </c>
      <c r="GO37" s="102">
        <v>52</v>
      </c>
      <c r="GP37" s="102">
        <v>32</v>
      </c>
      <c r="GQ37" s="103">
        <v>269</v>
      </c>
      <c r="GR37" s="104">
        <v>359</v>
      </c>
      <c r="GS37" s="105">
        <v>59</v>
      </c>
      <c r="GT37" s="97">
        <v>69</v>
      </c>
      <c r="GU37" s="98">
        <v>128</v>
      </c>
      <c r="GV37" s="413">
        <v>0</v>
      </c>
      <c r="GW37" s="97">
        <v>138</v>
      </c>
      <c r="GX37" s="97">
        <v>83</v>
      </c>
      <c r="GY37" s="97">
        <v>58</v>
      </c>
      <c r="GZ37" s="97">
        <v>80</v>
      </c>
      <c r="HA37" s="97">
        <v>41</v>
      </c>
      <c r="HB37" s="99">
        <v>400</v>
      </c>
      <c r="HC37" s="100">
        <v>528</v>
      </c>
      <c r="HD37" s="101">
        <v>1</v>
      </c>
      <c r="HE37" s="102">
        <v>3</v>
      </c>
      <c r="HF37" s="103">
        <v>4</v>
      </c>
      <c r="HG37" s="416">
        <v>0</v>
      </c>
      <c r="HH37" s="102">
        <v>6</v>
      </c>
      <c r="HI37" s="102">
        <v>1</v>
      </c>
      <c r="HJ37" s="102">
        <v>3</v>
      </c>
      <c r="HK37" s="102">
        <v>2</v>
      </c>
      <c r="HL37" s="102">
        <v>3</v>
      </c>
      <c r="HM37" s="103">
        <v>15</v>
      </c>
      <c r="HN37" s="104">
        <v>19</v>
      </c>
      <c r="HO37" s="101">
        <v>1</v>
      </c>
      <c r="HP37" s="102">
        <v>2</v>
      </c>
      <c r="HQ37" s="103">
        <v>3</v>
      </c>
      <c r="HR37" s="413">
        <v>0</v>
      </c>
      <c r="HS37" s="102">
        <v>6</v>
      </c>
      <c r="HT37" s="102">
        <v>7</v>
      </c>
      <c r="HU37" s="102">
        <v>3</v>
      </c>
      <c r="HV37" s="102">
        <v>3</v>
      </c>
      <c r="HW37" s="102">
        <v>1</v>
      </c>
      <c r="HX37" s="103">
        <v>20</v>
      </c>
      <c r="HY37" s="104">
        <v>23</v>
      </c>
      <c r="HZ37" s="101">
        <v>11</v>
      </c>
      <c r="IA37" s="102">
        <v>9</v>
      </c>
      <c r="IB37" s="103">
        <v>20</v>
      </c>
      <c r="IC37" s="413">
        <v>0</v>
      </c>
      <c r="ID37" s="102">
        <v>13</v>
      </c>
      <c r="IE37" s="102">
        <v>8</v>
      </c>
      <c r="IF37" s="102">
        <v>8</v>
      </c>
      <c r="IG37" s="102">
        <v>10</v>
      </c>
      <c r="IH37" s="102">
        <v>3</v>
      </c>
      <c r="II37" s="103">
        <v>42</v>
      </c>
      <c r="IJ37" s="104">
        <v>62</v>
      </c>
      <c r="IK37" s="101">
        <v>17</v>
      </c>
      <c r="IL37" s="102">
        <v>11</v>
      </c>
      <c r="IM37" s="103">
        <v>28</v>
      </c>
      <c r="IN37" s="413">
        <v>0</v>
      </c>
      <c r="IO37" s="102">
        <v>28</v>
      </c>
      <c r="IP37" s="102">
        <v>15</v>
      </c>
      <c r="IQ37" s="102">
        <v>20</v>
      </c>
      <c r="IR37" s="102">
        <v>11</v>
      </c>
      <c r="IS37" s="102">
        <v>11</v>
      </c>
      <c r="IT37" s="103">
        <v>85</v>
      </c>
      <c r="IU37" s="104">
        <v>113</v>
      </c>
      <c r="IV37" s="101">
        <v>17</v>
      </c>
      <c r="IW37" s="102">
        <v>31</v>
      </c>
      <c r="IX37" s="103">
        <v>48</v>
      </c>
      <c r="IY37" s="413">
        <v>0</v>
      </c>
      <c r="IZ37" s="102">
        <v>45</v>
      </c>
      <c r="JA37" s="102">
        <v>22</v>
      </c>
      <c r="JB37" s="102">
        <v>9</v>
      </c>
      <c r="JC37" s="102">
        <v>15</v>
      </c>
      <c r="JD37" s="102">
        <v>7</v>
      </c>
      <c r="JE37" s="103">
        <v>98</v>
      </c>
      <c r="JF37" s="104">
        <v>146</v>
      </c>
      <c r="JG37" s="101">
        <v>12</v>
      </c>
      <c r="JH37" s="102">
        <v>13</v>
      </c>
      <c r="JI37" s="103">
        <v>25</v>
      </c>
      <c r="JJ37" s="413">
        <v>0</v>
      </c>
      <c r="JK37" s="102">
        <v>40</v>
      </c>
      <c r="JL37" s="102">
        <v>30</v>
      </c>
      <c r="JM37" s="102">
        <v>15</v>
      </c>
      <c r="JN37" s="102">
        <v>39</v>
      </c>
      <c r="JO37" s="102">
        <v>16</v>
      </c>
      <c r="JP37" s="103">
        <v>140</v>
      </c>
      <c r="JQ37" s="104">
        <v>165</v>
      </c>
      <c r="JR37" s="101">
        <v>0</v>
      </c>
      <c r="JS37" s="102">
        <v>0</v>
      </c>
      <c r="JT37" s="103">
        <v>0</v>
      </c>
      <c r="JU37" s="413">
        <v>0</v>
      </c>
      <c r="JV37" s="102">
        <v>2</v>
      </c>
      <c r="JW37" s="102">
        <v>1</v>
      </c>
      <c r="JX37" s="102">
        <v>1</v>
      </c>
      <c r="JY37" s="102">
        <v>1</v>
      </c>
      <c r="JZ37" s="102">
        <v>3</v>
      </c>
      <c r="KA37" s="103">
        <v>8</v>
      </c>
      <c r="KB37" s="104">
        <v>8</v>
      </c>
      <c r="KC37" s="101">
        <v>59</v>
      </c>
      <c r="KD37" s="102">
        <v>69</v>
      </c>
      <c r="KE37" s="103">
        <v>128</v>
      </c>
      <c r="KF37" s="413">
        <v>0</v>
      </c>
      <c r="KG37" s="102">
        <v>140</v>
      </c>
      <c r="KH37" s="102">
        <v>84</v>
      </c>
      <c r="KI37" s="102">
        <v>59</v>
      </c>
      <c r="KJ37" s="102">
        <v>81</v>
      </c>
      <c r="KK37" s="102">
        <v>44</v>
      </c>
      <c r="KL37" s="103">
        <v>408</v>
      </c>
      <c r="KM37" s="104">
        <v>536</v>
      </c>
    </row>
    <row r="38" spans="2:299" s="70" customFormat="1" ht="21" customHeight="1" x14ac:dyDescent="0.2">
      <c r="B38" s="106" t="s">
        <v>35</v>
      </c>
      <c r="C38" s="96">
        <v>57</v>
      </c>
      <c r="D38" s="97">
        <v>60</v>
      </c>
      <c r="E38" s="98">
        <v>117</v>
      </c>
      <c r="F38" s="413">
        <v>0</v>
      </c>
      <c r="G38" s="97">
        <v>139</v>
      </c>
      <c r="H38" s="97">
        <v>100</v>
      </c>
      <c r="I38" s="97">
        <v>43</v>
      </c>
      <c r="J38" s="97">
        <v>55</v>
      </c>
      <c r="K38" s="97">
        <v>28</v>
      </c>
      <c r="L38" s="99">
        <v>365</v>
      </c>
      <c r="M38" s="100">
        <v>482</v>
      </c>
      <c r="N38" s="101">
        <v>2</v>
      </c>
      <c r="O38" s="102">
        <v>1</v>
      </c>
      <c r="P38" s="103">
        <v>3</v>
      </c>
      <c r="Q38" s="413">
        <v>0</v>
      </c>
      <c r="R38" s="102">
        <v>8</v>
      </c>
      <c r="S38" s="102">
        <v>11</v>
      </c>
      <c r="T38" s="102">
        <v>4</v>
      </c>
      <c r="U38" s="102">
        <v>2</v>
      </c>
      <c r="V38" s="102">
        <v>0</v>
      </c>
      <c r="W38" s="103">
        <v>25</v>
      </c>
      <c r="X38" s="104">
        <v>28</v>
      </c>
      <c r="Y38" s="101">
        <v>3</v>
      </c>
      <c r="Z38" s="102">
        <v>1</v>
      </c>
      <c r="AA38" s="103">
        <v>4</v>
      </c>
      <c r="AB38" s="413">
        <v>0</v>
      </c>
      <c r="AC38" s="102">
        <v>13</v>
      </c>
      <c r="AD38" s="102">
        <v>9</v>
      </c>
      <c r="AE38" s="102">
        <v>9</v>
      </c>
      <c r="AF38" s="102">
        <v>2</v>
      </c>
      <c r="AG38" s="102">
        <v>5</v>
      </c>
      <c r="AH38" s="103">
        <v>38</v>
      </c>
      <c r="AI38" s="104">
        <v>42</v>
      </c>
      <c r="AJ38" s="101">
        <v>13</v>
      </c>
      <c r="AK38" s="102">
        <v>13</v>
      </c>
      <c r="AL38" s="103">
        <v>26</v>
      </c>
      <c r="AM38" s="413">
        <v>0</v>
      </c>
      <c r="AN38" s="102">
        <v>19</v>
      </c>
      <c r="AO38" s="102">
        <v>11</v>
      </c>
      <c r="AP38" s="102">
        <v>9</v>
      </c>
      <c r="AQ38" s="102">
        <v>10</v>
      </c>
      <c r="AR38" s="102">
        <v>7</v>
      </c>
      <c r="AS38" s="103">
        <v>56</v>
      </c>
      <c r="AT38" s="104">
        <v>82</v>
      </c>
      <c r="AU38" s="101">
        <v>14</v>
      </c>
      <c r="AV38" s="102">
        <v>20</v>
      </c>
      <c r="AW38" s="103">
        <v>34</v>
      </c>
      <c r="AX38" s="413">
        <v>0</v>
      </c>
      <c r="AY38" s="102">
        <v>50</v>
      </c>
      <c r="AZ38" s="102">
        <v>20</v>
      </c>
      <c r="BA38" s="102">
        <v>4</v>
      </c>
      <c r="BB38" s="102">
        <v>18</v>
      </c>
      <c r="BC38" s="102">
        <v>2</v>
      </c>
      <c r="BD38" s="103">
        <v>94</v>
      </c>
      <c r="BE38" s="104">
        <v>128</v>
      </c>
      <c r="BF38" s="101">
        <v>16</v>
      </c>
      <c r="BG38" s="102">
        <v>13</v>
      </c>
      <c r="BH38" s="103">
        <v>29</v>
      </c>
      <c r="BI38" s="413">
        <v>0</v>
      </c>
      <c r="BJ38" s="102">
        <v>33</v>
      </c>
      <c r="BK38" s="102">
        <v>24</v>
      </c>
      <c r="BL38" s="102">
        <v>9</v>
      </c>
      <c r="BM38" s="102">
        <v>9</v>
      </c>
      <c r="BN38" s="102">
        <v>4</v>
      </c>
      <c r="BO38" s="103">
        <v>79</v>
      </c>
      <c r="BP38" s="104">
        <v>108</v>
      </c>
      <c r="BQ38" s="101">
        <v>9</v>
      </c>
      <c r="BR38" s="102">
        <v>12</v>
      </c>
      <c r="BS38" s="103">
        <v>21</v>
      </c>
      <c r="BT38" s="413">
        <v>0</v>
      </c>
      <c r="BU38" s="102">
        <v>16</v>
      </c>
      <c r="BV38" s="102">
        <v>25</v>
      </c>
      <c r="BW38" s="102">
        <v>8</v>
      </c>
      <c r="BX38" s="102">
        <v>14</v>
      </c>
      <c r="BY38" s="102">
        <v>10</v>
      </c>
      <c r="BZ38" s="103">
        <v>73</v>
      </c>
      <c r="CA38" s="104">
        <v>94</v>
      </c>
      <c r="CB38" s="101">
        <v>1</v>
      </c>
      <c r="CC38" s="102">
        <v>1</v>
      </c>
      <c r="CD38" s="103">
        <v>2</v>
      </c>
      <c r="CE38" s="413">
        <v>0</v>
      </c>
      <c r="CF38" s="102">
        <v>4</v>
      </c>
      <c r="CG38" s="102">
        <v>3</v>
      </c>
      <c r="CH38" s="102">
        <v>1</v>
      </c>
      <c r="CI38" s="102">
        <v>4</v>
      </c>
      <c r="CJ38" s="102">
        <v>1</v>
      </c>
      <c r="CK38" s="103">
        <v>13</v>
      </c>
      <c r="CL38" s="104">
        <v>15</v>
      </c>
      <c r="CM38" s="101">
        <v>58</v>
      </c>
      <c r="CN38" s="102">
        <v>61</v>
      </c>
      <c r="CO38" s="103">
        <v>119</v>
      </c>
      <c r="CP38" s="413">
        <v>0</v>
      </c>
      <c r="CQ38" s="102">
        <v>143</v>
      </c>
      <c r="CR38" s="102">
        <v>103</v>
      </c>
      <c r="CS38" s="102">
        <v>44</v>
      </c>
      <c r="CT38" s="102">
        <v>59</v>
      </c>
      <c r="CU38" s="102">
        <v>29</v>
      </c>
      <c r="CV38" s="103">
        <v>378</v>
      </c>
      <c r="CW38" s="104">
        <v>497</v>
      </c>
      <c r="CX38" s="105">
        <v>148</v>
      </c>
      <c r="CY38" s="97">
        <v>170</v>
      </c>
      <c r="CZ38" s="98">
        <v>318</v>
      </c>
      <c r="DA38" s="413">
        <v>0</v>
      </c>
      <c r="DB38" s="97">
        <v>326</v>
      </c>
      <c r="DC38" s="97">
        <v>168</v>
      </c>
      <c r="DD38" s="97">
        <v>149</v>
      </c>
      <c r="DE38" s="97">
        <v>164</v>
      </c>
      <c r="DF38" s="97">
        <v>97</v>
      </c>
      <c r="DG38" s="99">
        <v>904</v>
      </c>
      <c r="DH38" s="100">
        <v>1222</v>
      </c>
      <c r="DI38" s="101">
        <v>3</v>
      </c>
      <c r="DJ38" s="102">
        <v>4</v>
      </c>
      <c r="DK38" s="103">
        <v>7</v>
      </c>
      <c r="DL38" s="413">
        <v>0</v>
      </c>
      <c r="DM38" s="102">
        <v>3</v>
      </c>
      <c r="DN38" s="102">
        <v>3</v>
      </c>
      <c r="DO38" s="102">
        <v>2</v>
      </c>
      <c r="DP38" s="102">
        <v>3</v>
      </c>
      <c r="DQ38" s="102">
        <v>1</v>
      </c>
      <c r="DR38" s="103">
        <v>12</v>
      </c>
      <c r="DS38" s="104">
        <v>19</v>
      </c>
      <c r="DT38" s="101">
        <v>11</v>
      </c>
      <c r="DU38" s="102">
        <v>10</v>
      </c>
      <c r="DV38" s="103">
        <v>21</v>
      </c>
      <c r="DW38" s="413">
        <v>0</v>
      </c>
      <c r="DX38" s="102">
        <v>8</v>
      </c>
      <c r="DY38" s="102">
        <v>9</v>
      </c>
      <c r="DZ38" s="102">
        <v>8</v>
      </c>
      <c r="EA38" s="102">
        <v>7</v>
      </c>
      <c r="EB38" s="102">
        <v>6</v>
      </c>
      <c r="EC38" s="103">
        <v>38</v>
      </c>
      <c r="ED38" s="104">
        <v>59</v>
      </c>
      <c r="EE38" s="101">
        <v>29</v>
      </c>
      <c r="EF38" s="102">
        <v>16</v>
      </c>
      <c r="EG38" s="103">
        <v>45</v>
      </c>
      <c r="EH38" s="413">
        <v>0</v>
      </c>
      <c r="EI38" s="102">
        <v>33</v>
      </c>
      <c r="EJ38" s="102">
        <v>12</v>
      </c>
      <c r="EK38" s="102">
        <v>7</v>
      </c>
      <c r="EL38" s="102">
        <v>9</v>
      </c>
      <c r="EM38" s="102">
        <v>6</v>
      </c>
      <c r="EN38" s="103">
        <v>67</v>
      </c>
      <c r="EO38" s="104">
        <v>112</v>
      </c>
      <c r="EP38" s="101">
        <v>41</v>
      </c>
      <c r="EQ38" s="102">
        <v>55</v>
      </c>
      <c r="ER38" s="103">
        <v>96</v>
      </c>
      <c r="ES38" s="413">
        <v>0</v>
      </c>
      <c r="ET38" s="102">
        <v>74</v>
      </c>
      <c r="EU38" s="102">
        <v>33</v>
      </c>
      <c r="EV38" s="102">
        <v>25</v>
      </c>
      <c r="EW38" s="102">
        <v>27</v>
      </c>
      <c r="EX38" s="102">
        <v>18</v>
      </c>
      <c r="EY38" s="103">
        <v>177</v>
      </c>
      <c r="EZ38" s="104">
        <v>273</v>
      </c>
      <c r="FA38" s="101">
        <v>36</v>
      </c>
      <c r="FB38" s="102">
        <v>56</v>
      </c>
      <c r="FC38" s="103">
        <v>92</v>
      </c>
      <c r="FD38" s="413">
        <v>0</v>
      </c>
      <c r="FE38" s="102">
        <v>101</v>
      </c>
      <c r="FF38" s="102">
        <v>45</v>
      </c>
      <c r="FG38" s="102">
        <v>37</v>
      </c>
      <c r="FH38" s="102">
        <v>45</v>
      </c>
      <c r="FI38" s="102">
        <v>23</v>
      </c>
      <c r="FJ38" s="103">
        <v>251</v>
      </c>
      <c r="FK38" s="104">
        <v>343</v>
      </c>
      <c r="FL38" s="101">
        <v>28</v>
      </c>
      <c r="FM38" s="102">
        <v>29</v>
      </c>
      <c r="FN38" s="103">
        <v>57</v>
      </c>
      <c r="FO38" s="413">
        <v>0</v>
      </c>
      <c r="FP38" s="102">
        <v>107</v>
      </c>
      <c r="FQ38" s="102">
        <v>66</v>
      </c>
      <c r="FR38" s="102">
        <v>70</v>
      </c>
      <c r="FS38" s="102">
        <v>73</v>
      </c>
      <c r="FT38" s="102">
        <v>43</v>
      </c>
      <c r="FU38" s="103">
        <v>359</v>
      </c>
      <c r="FV38" s="104">
        <v>416</v>
      </c>
      <c r="FW38" s="101">
        <v>0</v>
      </c>
      <c r="FX38" s="102">
        <v>0</v>
      </c>
      <c r="FY38" s="103">
        <v>0</v>
      </c>
      <c r="FZ38" s="413">
        <v>0</v>
      </c>
      <c r="GA38" s="102">
        <v>2</v>
      </c>
      <c r="GB38" s="102">
        <v>3</v>
      </c>
      <c r="GC38" s="102">
        <v>0</v>
      </c>
      <c r="GD38" s="102">
        <v>1</v>
      </c>
      <c r="GE38" s="102">
        <v>1</v>
      </c>
      <c r="GF38" s="103">
        <v>7</v>
      </c>
      <c r="GG38" s="104">
        <v>7</v>
      </c>
      <c r="GH38" s="101">
        <v>148</v>
      </c>
      <c r="GI38" s="102">
        <v>170</v>
      </c>
      <c r="GJ38" s="103">
        <v>318</v>
      </c>
      <c r="GK38" s="413">
        <v>0</v>
      </c>
      <c r="GL38" s="102">
        <v>328</v>
      </c>
      <c r="GM38" s="102">
        <v>171</v>
      </c>
      <c r="GN38" s="102">
        <v>149</v>
      </c>
      <c r="GO38" s="102">
        <v>165</v>
      </c>
      <c r="GP38" s="102">
        <v>98</v>
      </c>
      <c r="GQ38" s="103">
        <v>911</v>
      </c>
      <c r="GR38" s="104">
        <v>1229</v>
      </c>
      <c r="GS38" s="105">
        <v>205</v>
      </c>
      <c r="GT38" s="97">
        <v>230</v>
      </c>
      <c r="GU38" s="98">
        <v>435</v>
      </c>
      <c r="GV38" s="413">
        <v>0</v>
      </c>
      <c r="GW38" s="97">
        <v>465</v>
      </c>
      <c r="GX38" s="97">
        <v>268</v>
      </c>
      <c r="GY38" s="97">
        <v>192</v>
      </c>
      <c r="GZ38" s="97">
        <v>219</v>
      </c>
      <c r="HA38" s="97">
        <v>125</v>
      </c>
      <c r="HB38" s="99">
        <v>1269</v>
      </c>
      <c r="HC38" s="100">
        <v>1704</v>
      </c>
      <c r="HD38" s="101">
        <v>5</v>
      </c>
      <c r="HE38" s="102">
        <v>5</v>
      </c>
      <c r="HF38" s="103">
        <v>10</v>
      </c>
      <c r="HG38" s="416">
        <v>0</v>
      </c>
      <c r="HH38" s="102">
        <v>11</v>
      </c>
      <c r="HI38" s="102">
        <v>14</v>
      </c>
      <c r="HJ38" s="102">
        <v>6</v>
      </c>
      <c r="HK38" s="102">
        <v>5</v>
      </c>
      <c r="HL38" s="102">
        <v>1</v>
      </c>
      <c r="HM38" s="103">
        <v>37</v>
      </c>
      <c r="HN38" s="104">
        <v>47</v>
      </c>
      <c r="HO38" s="101">
        <v>14</v>
      </c>
      <c r="HP38" s="102">
        <v>11</v>
      </c>
      <c r="HQ38" s="103">
        <v>25</v>
      </c>
      <c r="HR38" s="413">
        <v>0</v>
      </c>
      <c r="HS38" s="102">
        <v>21</v>
      </c>
      <c r="HT38" s="102">
        <v>18</v>
      </c>
      <c r="HU38" s="102">
        <v>17</v>
      </c>
      <c r="HV38" s="102">
        <v>9</v>
      </c>
      <c r="HW38" s="102">
        <v>11</v>
      </c>
      <c r="HX38" s="103">
        <v>76</v>
      </c>
      <c r="HY38" s="104">
        <v>101</v>
      </c>
      <c r="HZ38" s="101">
        <v>42</v>
      </c>
      <c r="IA38" s="102">
        <v>29</v>
      </c>
      <c r="IB38" s="103">
        <v>71</v>
      </c>
      <c r="IC38" s="413">
        <v>0</v>
      </c>
      <c r="ID38" s="102">
        <v>52</v>
      </c>
      <c r="IE38" s="102">
        <v>23</v>
      </c>
      <c r="IF38" s="102">
        <v>16</v>
      </c>
      <c r="IG38" s="102">
        <v>19</v>
      </c>
      <c r="IH38" s="102">
        <v>13</v>
      </c>
      <c r="II38" s="103">
        <v>123</v>
      </c>
      <c r="IJ38" s="104">
        <v>194</v>
      </c>
      <c r="IK38" s="101">
        <v>55</v>
      </c>
      <c r="IL38" s="102">
        <v>75</v>
      </c>
      <c r="IM38" s="103">
        <v>130</v>
      </c>
      <c r="IN38" s="413">
        <v>0</v>
      </c>
      <c r="IO38" s="102">
        <v>124</v>
      </c>
      <c r="IP38" s="102">
        <v>53</v>
      </c>
      <c r="IQ38" s="102">
        <v>29</v>
      </c>
      <c r="IR38" s="102">
        <v>45</v>
      </c>
      <c r="IS38" s="102">
        <v>20</v>
      </c>
      <c r="IT38" s="103">
        <v>271</v>
      </c>
      <c r="IU38" s="104">
        <v>401</v>
      </c>
      <c r="IV38" s="101">
        <v>52</v>
      </c>
      <c r="IW38" s="102">
        <v>69</v>
      </c>
      <c r="IX38" s="103">
        <v>121</v>
      </c>
      <c r="IY38" s="413">
        <v>0</v>
      </c>
      <c r="IZ38" s="102">
        <v>134</v>
      </c>
      <c r="JA38" s="102">
        <v>69</v>
      </c>
      <c r="JB38" s="102">
        <v>46</v>
      </c>
      <c r="JC38" s="102">
        <v>54</v>
      </c>
      <c r="JD38" s="102">
        <v>27</v>
      </c>
      <c r="JE38" s="103">
        <v>330</v>
      </c>
      <c r="JF38" s="104">
        <v>451</v>
      </c>
      <c r="JG38" s="101">
        <v>37</v>
      </c>
      <c r="JH38" s="102">
        <v>41</v>
      </c>
      <c r="JI38" s="103">
        <v>78</v>
      </c>
      <c r="JJ38" s="413">
        <v>0</v>
      </c>
      <c r="JK38" s="102">
        <v>123</v>
      </c>
      <c r="JL38" s="102">
        <v>91</v>
      </c>
      <c r="JM38" s="102">
        <v>78</v>
      </c>
      <c r="JN38" s="102">
        <v>87</v>
      </c>
      <c r="JO38" s="102">
        <v>53</v>
      </c>
      <c r="JP38" s="103">
        <v>432</v>
      </c>
      <c r="JQ38" s="104">
        <v>510</v>
      </c>
      <c r="JR38" s="101">
        <v>1</v>
      </c>
      <c r="JS38" s="102">
        <v>1</v>
      </c>
      <c r="JT38" s="103">
        <v>2</v>
      </c>
      <c r="JU38" s="413">
        <v>0</v>
      </c>
      <c r="JV38" s="102">
        <v>6</v>
      </c>
      <c r="JW38" s="102">
        <v>6</v>
      </c>
      <c r="JX38" s="102">
        <v>1</v>
      </c>
      <c r="JY38" s="102">
        <v>5</v>
      </c>
      <c r="JZ38" s="102">
        <v>2</v>
      </c>
      <c r="KA38" s="103">
        <v>20</v>
      </c>
      <c r="KB38" s="104">
        <v>22</v>
      </c>
      <c r="KC38" s="101">
        <v>206</v>
      </c>
      <c r="KD38" s="102">
        <v>231</v>
      </c>
      <c r="KE38" s="103">
        <v>437</v>
      </c>
      <c r="KF38" s="413">
        <v>0</v>
      </c>
      <c r="KG38" s="102">
        <v>471</v>
      </c>
      <c r="KH38" s="102">
        <v>274</v>
      </c>
      <c r="KI38" s="102">
        <v>193</v>
      </c>
      <c r="KJ38" s="102">
        <v>224</v>
      </c>
      <c r="KK38" s="102">
        <v>127</v>
      </c>
      <c r="KL38" s="103">
        <v>1289</v>
      </c>
      <c r="KM38" s="104">
        <v>1726</v>
      </c>
    </row>
    <row r="39" spans="2:299" s="70" customFormat="1" ht="21" customHeight="1" x14ac:dyDescent="0.2">
      <c r="B39" s="106" t="s">
        <v>36</v>
      </c>
      <c r="C39" s="96">
        <v>63</v>
      </c>
      <c r="D39" s="97">
        <v>84</v>
      </c>
      <c r="E39" s="98">
        <v>147</v>
      </c>
      <c r="F39" s="413">
        <v>0</v>
      </c>
      <c r="G39" s="97">
        <v>172</v>
      </c>
      <c r="H39" s="97">
        <v>133</v>
      </c>
      <c r="I39" s="97">
        <v>122</v>
      </c>
      <c r="J39" s="97">
        <v>79</v>
      </c>
      <c r="K39" s="97">
        <v>46</v>
      </c>
      <c r="L39" s="99">
        <v>552</v>
      </c>
      <c r="M39" s="100">
        <v>699</v>
      </c>
      <c r="N39" s="101">
        <v>4</v>
      </c>
      <c r="O39" s="102">
        <v>6</v>
      </c>
      <c r="P39" s="103">
        <v>10</v>
      </c>
      <c r="Q39" s="413">
        <v>0</v>
      </c>
      <c r="R39" s="102">
        <v>9</v>
      </c>
      <c r="S39" s="102">
        <v>8</v>
      </c>
      <c r="T39" s="102">
        <v>12</v>
      </c>
      <c r="U39" s="102">
        <v>5</v>
      </c>
      <c r="V39" s="102">
        <v>3</v>
      </c>
      <c r="W39" s="103">
        <v>37</v>
      </c>
      <c r="X39" s="104">
        <v>47</v>
      </c>
      <c r="Y39" s="101">
        <v>3</v>
      </c>
      <c r="Z39" s="102">
        <v>5</v>
      </c>
      <c r="AA39" s="103">
        <v>8</v>
      </c>
      <c r="AB39" s="413">
        <v>0</v>
      </c>
      <c r="AC39" s="102">
        <v>19</v>
      </c>
      <c r="AD39" s="102">
        <v>23</v>
      </c>
      <c r="AE39" s="102">
        <v>13</v>
      </c>
      <c r="AF39" s="102">
        <v>13</v>
      </c>
      <c r="AG39" s="102">
        <v>6</v>
      </c>
      <c r="AH39" s="103">
        <v>74</v>
      </c>
      <c r="AI39" s="104">
        <v>82</v>
      </c>
      <c r="AJ39" s="101">
        <v>19</v>
      </c>
      <c r="AK39" s="102">
        <v>13</v>
      </c>
      <c r="AL39" s="103">
        <v>32</v>
      </c>
      <c r="AM39" s="413">
        <v>0</v>
      </c>
      <c r="AN39" s="102">
        <v>36</v>
      </c>
      <c r="AO39" s="102">
        <v>24</v>
      </c>
      <c r="AP39" s="102">
        <v>23</v>
      </c>
      <c r="AQ39" s="102">
        <v>16</v>
      </c>
      <c r="AR39" s="102">
        <v>9</v>
      </c>
      <c r="AS39" s="103">
        <v>108</v>
      </c>
      <c r="AT39" s="104">
        <v>140</v>
      </c>
      <c r="AU39" s="101">
        <v>18</v>
      </c>
      <c r="AV39" s="102">
        <v>28</v>
      </c>
      <c r="AW39" s="103">
        <v>46</v>
      </c>
      <c r="AX39" s="413">
        <v>0</v>
      </c>
      <c r="AY39" s="102">
        <v>39</v>
      </c>
      <c r="AZ39" s="102">
        <v>26</v>
      </c>
      <c r="BA39" s="102">
        <v>37</v>
      </c>
      <c r="BB39" s="102">
        <v>18</v>
      </c>
      <c r="BC39" s="102">
        <v>14</v>
      </c>
      <c r="BD39" s="103">
        <v>134</v>
      </c>
      <c r="BE39" s="104">
        <v>180</v>
      </c>
      <c r="BF39" s="101">
        <v>14</v>
      </c>
      <c r="BG39" s="102">
        <v>14</v>
      </c>
      <c r="BH39" s="103">
        <v>28</v>
      </c>
      <c r="BI39" s="413">
        <v>0</v>
      </c>
      <c r="BJ39" s="102">
        <v>46</v>
      </c>
      <c r="BK39" s="102">
        <v>36</v>
      </c>
      <c r="BL39" s="102">
        <v>23</v>
      </c>
      <c r="BM39" s="102">
        <v>15</v>
      </c>
      <c r="BN39" s="102">
        <v>11</v>
      </c>
      <c r="BO39" s="103">
        <v>131</v>
      </c>
      <c r="BP39" s="104">
        <v>159</v>
      </c>
      <c r="BQ39" s="101">
        <v>5</v>
      </c>
      <c r="BR39" s="102">
        <v>18</v>
      </c>
      <c r="BS39" s="103">
        <v>23</v>
      </c>
      <c r="BT39" s="413">
        <v>0</v>
      </c>
      <c r="BU39" s="102">
        <v>23</v>
      </c>
      <c r="BV39" s="102">
        <v>16</v>
      </c>
      <c r="BW39" s="102">
        <v>14</v>
      </c>
      <c r="BX39" s="102">
        <v>12</v>
      </c>
      <c r="BY39" s="102">
        <v>3</v>
      </c>
      <c r="BZ39" s="103">
        <v>68</v>
      </c>
      <c r="CA39" s="104">
        <v>91</v>
      </c>
      <c r="CB39" s="101">
        <v>3</v>
      </c>
      <c r="CC39" s="102">
        <v>4</v>
      </c>
      <c r="CD39" s="103">
        <v>7</v>
      </c>
      <c r="CE39" s="413">
        <v>0</v>
      </c>
      <c r="CF39" s="102">
        <v>7</v>
      </c>
      <c r="CG39" s="102">
        <v>5</v>
      </c>
      <c r="CH39" s="102">
        <v>9</v>
      </c>
      <c r="CI39" s="102">
        <v>8</v>
      </c>
      <c r="CJ39" s="102">
        <v>1</v>
      </c>
      <c r="CK39" s="103">
        <v>30</v>
      </c>
      <c r="CL39" s="104">
        <v>37</v>
      </c>
      <c r="CM39" s="101">
        <v>66</v>
      </c>
      <c r="CN39" s="102">
        <v>88</v>
      </c>
      <c r="CO39" s="103">
        <v>154</v>
      </c>
      <c r="CP39" s="413">
        <v>0</v>
      </c>
      <c r="CQ39" s="102">
        <v>179</v>
      </c>
      <c r="CR39" s="102">
        <v>138</v>
      </c>
      <c r="CS39" s="102">
        <v>131</v>
      </c>
      <c r="CT39" s="102">
        <v>87</v>
      </c>
      <c r="CU39" s="102">
        <v>47</v>
      </c>
      <c r="CV39" s="103">
        <v>582</v>
      </c>
      <c r="CW39" s="104">
        <v>736</v>
      </c>
      <c r="CX39" s="105">
        <v>98</v>
      </c>
      <c r="CY39" s="97">
        <v>197</v>
      </c>
      <c r="CZ39" s="98">
        <v>295</v>
      </c>
      <c r="DA39" s="413">
        <v>0</v>
      </c>
      <c r="DB39" s="97">
        <v>250</v>
      </c>
      <c r="DC39" s="97">
        <v>234</v>
      </c>
      <c r="DD39" s="97">
        <v>195</v>
      </c>
      <c r="DE39" s="97">
        <v>161</v>
      </c>
      <c r="DF39" s="97">
        <v>123</v>
      </c>
      <c r="DG39" s="99">
        <v>963</v>
      </c>
      <c r="DH39" s="100">
        <v>1258</v>
      </c>
      <c r="DI39" s="101">
        <v>2</v>
      </c>
      <c r="DJ39" s="102">
        <v>3</v>
      </c>
      <c r="DK39" s="103">
        <v>5</v>
      </c>
      <c r="DL39" s="413">
        <v>0</v>
      </c>
      <c r="DM39" s="102">
        <v>4</v>
      </c>
      <c r="DN39" s="102">
        <v>9</v>
      </c>
      <c r="DO39" s="102">
        <v>3</v>
      </c>
      <c r="DP39" s="102">
        <v>5</v>
      </c>
      <c r="DQ39" s="102">
        <v>2</v>
      </c>
      <c r="DR39" s="103">
        <v>23</v>
      </c>
      <c r="DS39" s="104">
        <v>28</v>
      </c>
      <c r="DT39" s="101">
        <v>2</v>
      </c>
      <c r="DU39" s="102">
        <v>22</v>
      </c>
      <c r="DV39" s="103">
        <v>24</v>
      </c>
      <c r="DW39" s="413">
        <v>0</v>
      </c>
      <c r="DX39" s="102">
        <v>22</v>
      </c>
      <c r="DY39" s="102">
        <v>13</v>
      </c>
      <c r="DZ39" s="102">
        <v>13</v>
      </c>
      <c r="EA39" s="102">
        <v>9</v>
      </c>
      <c r="EB39" s="102">
        <v>7</v>
      </c>
      <c r="EC39" s="103">
        <v>64</v>
      </c>
      <c r="ED39" s="104">
        <v>88</v>
      </c>
      <c r="EE39" s="101">
        <v>22</v>
      </c>
      <c r="EF39" s="102">
        <v>32</v>
      </c>
      <c r="EG39" s="103">
        <v>54</v>
      </c>
      <c r="EH39" s="413">
        <v>0</v>
      </c>
      <c r="EI39" s="102">
        <v>27</v>
      </c>
      <c r="EJ39" s="102">
        <v>30</v>
      </c>
      <c r="EK39" s="102">
        <v>23</v>
      </c>
      <c r="EL39" s="102">
        <v>21</v>
      </c>
      <c r="EM39" s="102">
        <v>23</v>
      </c>
      <c r="EN39" s="103">
        <v>124</v>
      </c>
      <c r="EO39" s="104">
        <v>178</v>
      </c>
      <c r="EP39" s="101">
        <v>43</v>
      </c>
      <c r="EQ39" s="102">
        <v>60</v>
      </c>
      <c r="ER39" s="103">
        <v>103</v>
      </c>
      <c r="ES39" s="413">
        <v>0</v>
      </c>
      <c r="ET39" s="102">
        <v>66</v>
      </c>
      <c r="EU39" s="102">
        <v>66</v>
      </c>
      <c r="EV39" s="102">
        <v>26</v>
      </c>
      <c r="EW39" s="102">
        <v>35</v>
      </c>
      <c r="EX39" s="102">
        <v>27</v>
      </c>
      <c r="EY39" s="103">
        <v>220</v>
      </c>
      <c r="EZ39" s="104">
        <v>323</v>
      </c>
      <c r="FA39" s="101">
        <v>23</v>
      </c>
      <c r="FB39" s="102">
        <v>56</v>
      </c>
      <c r="FC39" s="103">
        <v>79</v>
      </c>
      <c r="FD39" s="413">
        <v>0</v>
      </c>
      <c r="FE39" s="102">
        <v>74</v>
      </c>
      <c r="FF39" s="102">
        <v>58</v>
      </c>
      <c r="FG39" s="102">
        <v>57</v>
      </c>
      <c r="FH39" s="102">
        <v>35</v>
      </c>
      <c r="FI39" s="102">
        <v>29</v>
      </c>
      <c r="FJ39" s="103">
        <v>253</v>
      </c>
      <c r="FK39" s="104">
        <v>332</v>
      </c>
      <c r="FL39" s="101">
        <v>6</v>
      </c>
      <c r="FM39" s="102">
        <v>24</v>
      </c>
      <c r="FN39" s="103">
        <v>30</v>
      </c>
      <c r="FO39" s="413">
        <v>0</v>
      </c>
      <c r="FP39" s="102">
        <v>57</v>
      </c>
      <c r="FQ39" s="102">
        <v>58</v>
      </c>
      <c r="FR39" s="102">
        <v>73</v>
      </c>
      <c r="FS39" s="102">
        <v>56</v>
      </c>
      <c r="FT39" s="102">
        <v>35</v>
      </c>
      <c r="FU39" s="103">
        <v>279</v>
      </c>
      <c r="FV39" s="104">
        <v>309</v>
      </c>
      <c r="FW39" s="101">
        <v>1</v>
      </c>
      <c r="FX39" s="102">
        <v>2</v>
      </c>
      <c r="FY39" s="103">
        <v>3</v>
      </c>
      <c r="FZ39" s="413">
        <v>0</v>
      </c>
      <c r="GA39" s="102">
        <v>5</v>
      </c>
      <c r="GB39" s="102">
        <v>2</v>
      </c>
      <c r="GC39" s="102">
        <v>3</v>
      </c>
      <c r="GD39" s="102">
        <v>7</v>
      </c>
      <c r="GE39" s="102">
        <v>3</v>
      </c>
      <c r="GF39" s="103">
        <v>20</v>
      </c>
      <c r="GG39" s="104">
        <v>23</v>
      </c>
      <c r="GH39" s="101">
        <v>99</v>
      </c>
      <c r="GI39" s="102">
        <v>199</v>
      </c>
      <c r="GJ39" s="103">
        <v>298</v>
      </c>
      <c r="GK39" s="413">
        <v>0</v>
      </c>
      <c r="GL39" s="102">
        <v>255</v>
      </c>
      <c r="GM39" s="102">
        <v>236</v>
      </c>
      <c r="GN39" s="102">
        <v>198</v>
      </c>
      <c r="GO39" s="102">
        <v>168</v>
      </c>
      <c r="GP39" s="102">
        <v>126</v>
      </c>
      <c r="GQ39" s="103">
        <v>983</v>
      </c>
      <c r="GR39" s="104">
        <v>1281</v>
      </c>
      <c r="GS39" s="105">
        <v>161</v>
      </c>
      <c r="GT39" s="97">
        <v>281</v>
      </c>
      <c r="GU39" s="98">
        <v>442</v>
      </c>
      <c r="GV39" s="413">
        <v>0</v>
      </c>
      <c r="GW39" s="97">
        <v>422</v>
      </c>
      <c r="GX39" s="97">
        <v>367</v>
      </c>
      <c r="GY39" s="97">
        <v>317</v>
      </c>
      <c r="GZ39" s="97">
        <v>240</v>
      </c>
      <c r="HA39" s="97">
        <v>169</v>
      </c>
      <c r="HB39" s="99">
        <v>1515</v>
      </c>
      <c r="HC39" s="100">
        <v>1957</v>
      </c>
      <c r="HD39" s="101">
        <v>6</v>
      </c>
      <c r="HE39" s="102">
        <v>9</v>
      </c>
      <c r="HF39" s="103">
        <v>15</v>
      </c>
      <c r="HG39" s="416">
        <v>0</v>
      </c>
      <c r="HH39" s="102">
        <v>13</v>
      </c>
      <c r="HI39" s="102">
        <v>17</v>
      </c>
      <c r="HJ39" s="102">
        <v>15</v>
      </c>
      <c r="HK39" s="102">
        <v>10</v>
      </c>
      <c r="HL39" s="102">
        <v>5</v>
      </c>
      <c r="HM39" s="103">
        <v>60</v>
      </c>
      <c r="HN39" s="104">
        <v>75</v>
      </c>
      <c r="HO39" s="101">
        <v>5</v>
      </c>
      <c r="HP39" s="102">
        <v>27</v>
      </c>
      <c r="HQ39" s="103">
        <v>32</v>
      </c>
      <c r="HR39" s="413">
        <v>0</v>
      </c>
      <c r="HS39" s="102">
        <v>41</v>
      </c>
      <c r="HT39" s="102">
        <v>36</v>
      </c>
      <c r="HU39" s="102">
        <v>26</v>
      </c>
      <c r="HV39" s="102">
        <v>22</v>
      </c>
      <c r="HW39" s="102">
        <v>13</v>
      </c>
      <c r="HX39" s="103">
        <v>138</v>
      </c>
      <c r="HY39" s="104">
        <v>170</v>
      </c>
      <c r="HZ39" s="101">
        <v>41</v>
      </c>
      <c r="IA39" s="102">
        <v>45</v>
      </c>
      <c r="IB39" s="103">
        <v>86</v>
      </c>
      <c r="IC39" s="413">
        <v>0</v>
      </c>
      <c r="ID39" s="102">
        <v>63</v>
      </c>
      <c r="IE39" s="102">
        <v>54</v>
      </c>
      <c r="IF39" s="102">
        <v>46</v>
      </c>
      <c r="IG39" s="102">
        <v>37</v>
      </c>
      <c r="IH39" s="102">
        <v>32</v>
      </c>
      <c r="II39" s="103">
        <v>232</v>
      </c>
      <c r="IJ39" s="104">
        <v>318</v>
      </c>
      <c r="IK39" s="101">
        <v>61</v>
      </c>
      <c r="IL39" s="102">
        <v>88</v>
      </c>
      <c r="IM39" s="103">
        <v>149</v>
      </c>
      <c r="IN39" s="413">
        <v>0</v>
      </c>
      <c r="IO39" s="102">
        <v>105</v>
      </c>
      <c r="IP39" s="102">
        <v>92</v>
      </c>
      <c r="IQ39" s="102">
        <v>63</v>
      </c>
      <c r="IR39" s="102">
        <v>53</v>
      </c>
      <c r="IS39" s="102">
        <v>41</v>
      </c>
      <c r="IT39" s="103">
        <v>354</v>
      </c>
      <c r="IU39" s="104">
        <v>503</v>
      </c>
      <c r="IV39" s="101">
        <v>37</v>
      </c>
      <c r="IW39" s="102">
        <v>70</v>
      </c>
      <c r="IX39" s="103">
        <v>107</v>
      </c>
      <c r="IY39" s="413">
        <v>0</v>
      </c>
      <c r="IZ39" s="102">
        <v>120</v>
      </c>
      <c r="JA39" s="102">
        <v>94</v>
      </c>
      <c r="JB39" s="102">
        <v>80</v>
      </c>
      <c r="JC39" s="102">
        <v>50</v>
      </c>
      <c r="JD39" s="102">
        <v>40</v>
      </c>
      <c r="JE39" s="103">
        <v>384</v>
      </c>
      <c r="JF39" s="104">
        <v>491</v>
      </c>
      <c r="JG39" s="101">
        <v>11</v>
      </c>
      <c r="JH39" s="102">
        <v>42</v>
      </c>
      <c r="JI39" s="103">
        <v>53</v>
      </c>
      <c r="JJ39" s="413">
        <v>0</v>
      </c>
      <c r="JK39" s="102">
        <v>80</v>
      </c>
      <c r="JL39" s="102">
        <v>74</v>
      </c>
      <c r="JM39" s="102">
        <v>87</v>
      </c>
      <c r="JN39" s="102">
        <v>68</v>
      </c>
      <c r="JO39" s="102">
        <v>38</v>
      </c>
      <c r="JP39" s="103">
        <v>347</v>
      </c>
      <c r="JQ39" s="104">
        <v>400</v>
      </c>
      <c r="JR39" s="101">
        <v>4</v>
      </c>
      <c r="JS39" s="102">
        <v>6</v>
      </c>
      <c r="JT39" s="103">
        <v>10</v>
      </c>
      <c r="JU39" s="413">
        <v>0</v>
      </c>
      <c r="JV39" s="102">
        <v>12</v>
      </c>
      <c r="JW39" s="102">
        <v>7</v>
      </c>
      <c r="JX39" s="102">
        <v>12</v>
      </c>
      <c r="JY39" s="102">
        <v>15</v>
      </c>
      <c r="JZ39" s="102">
        <v>4</v>
      </c>
      <c r="KA39" s="103">
        <v>50</v>
      </c>
      <c r="KB39" s="104">
        <v>60</v>
      </c>
      <c r="KC39" s="101">
        <v>165</v>
      </c>
      <c r="KD39" s="102">
        <v>287</v>
      </c>
      <c r="KE39" s="103">
        <v>452</v>
      </c>
      <c r="KF39" s="413">
        <v>0</v>
      </c>
      <c r="KG39" s="102">
        <v>434</v>
      </c>
      <c r="KH39" s="102">
        <v>374</v>
      </c>
      <c r="KI39" s="102">
        <v>329</v>
      </c>
      <c r="KJ39" s="102">
        <v>255</v>
      </c>
      <c r="KK39" s="102">
        <v>173</v>
      </c>
      <c r="KL39" s="103">
        <v>1565</v>
      </c>
      <c r="KM39" s="104">
        <v>2017</v>
      </c>
    </row>
    <row r="40" spans="2:299" s="70" customFormat="1" ht="21" customHeight="1" thickBot="1" x14ac:dyDescent="0.25">
      <c r="B40" s="108" t="s">
        <v>37</v>
      </c>
      <c r="C40" s="109">
        <v>2</v>
      </c>
      <c r="D40" s="110">
        <v>2</v>
      </c>
      <c r="E40" s="111">
        <v>4</v>
      </c>
      <c r="F40" s="414">
        <v>0</v>
      </c>
      <c r="G40" s="110">
        <v>10</v>
      </c>
      <c r="H40" s="110">
        <v>15</v>
      </c>
      <c r="I40" s="110">
        <v>7</v>
      </c>
      <c r="J40" s="110">
        <v>4</v>
      </c>
      <c r="K40" s="110">
        <v>6</v>
      </c>
      <c r="L40" s="112">
        <v>42</v>
      </c>
      <c r="M40" s="113">
        <v>46</v>
      </c>
      <c r="N40" s="114">
        <v>1</v>
      </c>
      <c r="O40" s="115">
        <v>1</v>
      </c>
      <c r="P40" s="116">
        <v>2</v>
      </c>
      <c r="Q40" s="414">
        <v>0</v>
      </c>
      <c r="R40" s="115">
        <v>0</v>
      </c>
      <c r="S40" s="115">
        <v>0</v>
      </c>
      <c r="T40" s="115">
        <v>0</v>
      </c>
      <c r="U40" s="115">
        <v>1</v>
      </c>
      <c r="V40" s="115">
        <v>0</v>
      </c>
      <c r="W40" s="116">
        <v>1</v>
      </c>
      <c r="X40" s="117">
        <v>3</v>
      </c>
      <c r="Y40" s="114">
        <v>1</v>
      </c>
      <c r="Z40" s="115">
        <v>1</v>
      </c>
      <c r="AA40" s="116">
        <v>2</v>
      </c>
      <c r="AB40" s="414">
        <v>0</v>
      </c>
      <c r="AC40" s="115">
        <v>0</v>
      </c>
      <c r="AD40" s="115">
        <v>0</v>
      </c>
      <c r="AE40" s="115">
        <v>3</v>
      </c>
      <c r="AF40" s="115">
        <v>1</v>
      </c>
      <c r="AG40" s="115">
        <v>1</v>
      </c>
      <c r="AH40" s="116">
        <v>5</v>
      </c>
      <c r="AI40" s="117">
        <v>7</v>
      </c>
      <c r="AJ40" s="114">
        <v>0</v>
      </c>
      <c r="AK40" s="115">
        <v>0</v>
      </c>
      <c r="AL40" s="116">
        <v>0</v>
      </c>
      <c r="AM40" s="414">
        <v>0</v>
      </c>
      <c r="AN40" s="115">
        <v>1</v>
      </c>
      <c r="AO40" s="115">
        <v>6</v>
      </c>
      <c r="AP40" s="115">
        <v>1</v>
      </c>
      <c r="AQ40" s="115">
        <v>1</v>
      </c>
      <c r="AR40" s="115">
        <v>0</v>
      </c>
      <c r="AS40" s="116">
        <v>9</v>
      </c>
      <c r="AT40" s="117">
        <v>9</v>
      </c>
      <c r="AU40" s="114">
        <v>0</v>
      </c>
      <c r="AV40" s="115">
        <v>0</v>
      </c>
      <c r="AW40" s="116">
        <v>0</v>
      </c>
      <c r="AX40" s="414">
        <v>0</v>
      </c>
      <c r="AY40" s="115">
        <v>5</v>
      </c>
      <c r="AZ40" s="115">
        <v>4</v>
      </c>
      <c r="BA40" s="115">
        <v>1</v>
      </c>
      <c r="BB40" s="115">
        <v>0</v>
      </c>
      <c r="BC40" s="115">
        <v>0</v>
      </c>
      <c r="BD40" s="116">
        <v>10</v>
      </c>
      <c r="BE40" s="117">
        <v>10</v>
      </c>
      <c r="BF40" s="114">
        <v>0</v>
      </c>
      <c r="BG40" s="115">
        <v>0</v>
      </c>
      <c r="BH40" s="116">
        <v>0</v>
      </c>
      <c r="BI40" s="414">
        <v>0</v>
      </c>
      <c r="BJ40" s="115">
        <v>2</v>
      </c>
      <c r="BK40" s="115">
        <v>2</v>
      </c>
      <c r="BL40" s="115">
        <v>2</v>
      </c>
      <c r="BM40" s="115">
        <v>1</v>
      </c>
      <c r="BN40" s="115">
        <v>3</v>
      </c>
      <c r="BO40" s="116">
        <v>10</v>
      </c>
      <c r="BP40" s="117">
        <v>10</v>
      </c>
      <c r="BQ40" s="114">
        <v>0</v>
      </c>
      <c r="BR40" s="115">
        <v>0</v>
      </c>
      <c r="BS40" s="116">
        <v>0</v>
      </c>
      <c r="BT40" s="414">
        <v>0</v>
      </c>
      <c r="BU40" s="115">
        <v>2</v>
      </c>
      <c r="BV40" s="115">
        <v>3</v>
      </c>
      <c r="BW40" s="115">
        <v>0</v>
      </c>
      <c r="BX40" s="115">
        <v>0</v>
      </c>
      <c r="BY40" s="115">
        <v>2</v>
      </c>
      <c r="BZ40" s="116">
        <v>7</v>
      </c>
      <c r="CA40" s="117">
        <v>7</v>
      </c>
      <c r="CB40" s="114">
        <v>0</v>
      </c>
      <c r="CC40" s="115">
        <v>0</v>
      </c>
      <c r="CD40" s="116">
        <v>0</v>
      </c>
      <c r="CE40" s="414">
        <v>0</v>
      </c>
      <c r="CF40" s="115">
        <v>0</v>
      </c>
      <c r="CG40" s="115">
        <v>2</v>
      </c>
      <c r="CH40" s="115">
        <v>0</v>
      </c>
      <c r="CI40" s="115">
        <v>2</v>
      </c>
      <c r="CJ40" s="115">
        <v>0</v>
      </c>
      <c r="CK40" s="116">
        <v>4</v>
      </c>
      <c r="CL40" s="117">
        <v>4</v>
      </c>
      <c r="CM40" s="114">
        <v>2</v>
      </c>
      <c r="CN40" s="115">
        <v>2</v>
      </c>
      <c r="CO40" s="116">
        <v>4</v>
      </c>
      <c r="CP40" s="414">
        <v>0</v>
      </c>
      <c r="CQ40" s="115">
        <v>10</v>
      </c>
      <c r="CR40" s="115">
        <v>17</v>
      </c>
      <c r="CS40" s="115">
        <v>7</v>
      </c>
      <c r="CT40" s="115">
        <v>6</v>
      </c>
      <c r="CU40" s="115">
        <v>6</v>
      </c>
      <c r="CV40" s="116">
        <v>46</v>
      </c>
      <c r="CW40" s="117">
        <v>50</v>
      </c>
      <c r="CX40" s="118">
        <v>14</v>
      </c>
      <c r="CY40" s="110">
        <v>6</v>
      </c>
      <c r="CZ40" s="111">
        <v>20</v>
      </c>
      <c r="DA40" s="414">
        <v>0</v>
      </c>
      <c r="DB40" s="110">
        <v>18</v>
      </c>
      <c r="DC40" s="110">
        <v>18</v>
      </c>
      <c r="DD40" s="110">
        <v>21</v>
      </c>
      <c r="DE40" s="110">
        <v>20</v>
      </c>
      <c r="DF40" s="110">
        <v>14</v>
      </c>
      <c r="DG40" s="112">
        <v>91</v>
      </c>
      <c r="DH40" s="113">
        <v>111</v>
      </c>
      <c r="DI40" s="114">
        <v>0</v>
      </c>
      <c r="DJ40" s="115">
        <v>0</v>
      </c>
      <c r="DK40" s="116">
        <v>0</v>
      </c>
      <c r="DL40" s="414">
        <v>0</v>
      </c>
      <c r="DM40" s="115">
        <v>0</v>
      </c>
      <c r="DN40" s="115">
        <v>0</v>
      </c>
      <c r="DO40" s="115">
        <v>0</v>
      </c>
      <c r="DP40" s="115">
        <v>0</v>
      </c>
      <c r="DQ40" s="115">
        <v>1</v>
      </c>
      <c r="DR40" s="116">
        <v>1</v>
      </c>
      <c r="DS40" s="117">
        <v>1</v>
      </c>
      <c r="DT40" s="114">
        <v>2</v>
      </c>
      <c r="DU40" s="115">
        <v>0</v>
      </c>
      <c r="DV40" s="116">
        <v>2</v>
      </c>
      <c r="DW40" s="414">
        <v>0</v>
      </c>
      <c r="DX40" s="115">
        <v>0</v>
      </c>
      <c r="DY40" s="115">
        <v>0</v>
      </c>
      <c r="DZ40" s="115">
        <v>1</v>
      </c>
      <c r="EA40" s="115">
        <v>1</v>
      </c>
      <c r="EB40" s="115">
        <v>1</v>
      </c>
      <c r="EC40" s="116">
        <v>3</v>
      </c>
      <c r="ED40" s="117">
        <v>5</v>
      </c>
      <c r="EE40" s="114">
        <v>1</v>
      </c>
      <c r="EF40" s="115">
        <v>2</v>
      </c>
      <c r="EG40" s="116">
        <v>3</v>
      </c>
      <c r="EH40" s="414">
        <v>0</v>
      </c>
      <c r="EI40" s="115">
        <v>1</v>
      </c>
      <c r="EJ40" s="115">
        <v>3</v>
      </c>
      <c r="EK40" s="115">
        <v>3</v>
      </c>
      <c r="EL40" s="115">
        <v>1</v>
      </c>
      <c r="EM40" s="115">
        <v>0</v>
      </c>
      <c r="EN40" s="116">
        <v>8</v>
      </c>
      <c r="EO40" s="117">
        <v>11</v>
      </c>
      <c r="EP40" s="114">
        <v>2</v>
      </c>
      <c r="EQ40" s="115">
        <v>2</v>
      </c>
      <c r="ER40" s="116">
        <v>4</v>
      </c>
      <c r="ES40" s="414">
        <v>0</v>
      </c>
      <c r="ET40" s="115">
        <v>4</v>
      </c>
      <c r="EU40" s="115">
        <v>4</v>
      </c>
      <c r="EV40" s="115">
        <v>2</v>
      </c>
      <c r="EW40" s="115">
        <v>4</v>
      </c>
      <c r="EX40" s="115">
        <v>4</v>
      </c>
      <c r="EY40" s="116">
        <v>18</v>
      </c>
      <c r="EZ40" s="117">
        <v>22</v>
      </c>
      <c r="FA40" s="114">
        <v>6</v>
      </c>
      <c r="FB40" s="115">
        <v>1</v>
      </c>
      <c r="FC40" s="116">
        <v>7</v>
      </c>
      <c r="FD40" s="414">
        <v>0</v>
      </c>
      <c r="FE40" s="115">
        <v>7</v>
      </c>
      <c r="FF40" s="115">
        <v>4</v>
      </c>
      <c r="FG40" s="115">
        <v>9</v>
      </c>
      <c r="FH40" s="115">
        <v>3</v>
      </c>
      <c r="FI40" s="115">
        <v>4</v>
      </c>
      <c r="FJ40" s="116">
        <v>27</v>
      </c>
      <c r="FK40" s="117">
        <v>34</v>
      </c>
      <c r="FL40" s="114">
        <v>3</v>
      </c>
      <c r="FM40" s="115">
        <v>1</v>
      </c>
      <c r="FN40" s="116">
        <v>4</v>
      </c>
      <c r="FO40" s="414">
        <v>0</v>
      </c>
      <c r="FP40" s="115">
        <v>6</v>
      </c>
      <c r="FQ40" s="115">
        <v>7</v>
      </c>
      <c r="FR40" s="115">
        <v>6</v>
      </c>
      <c r="FS40" s="115">
        <v>11</v>
      </c>
      <c r="FT40" s="115">
        <v>4</v>
      </c>
      <c r="FU40" s="116">
        <v>34</v>
      </c>
      <c r="FV40" s="117">
        <v>38</v>
      </c>
      <c r="FW40" s="114">
        <v>0</v>
      </c>
      <c r="FX40" s="115">
        <v>0</v>
      </c>
      <c r="FY40" s="116">
        <v>0</v>
      </c>
      <c r="FZ40" s="414">
        <v>0</v>
      </c>
      <c r="GA40" s="115">
        <v>0</v>
      </c>
      <c r="GB40" s="115">
        <v>1</v>
      </c>
      <c r="GC40" s="115">
        <v>0</v>
      </c>
      <c r="GD40" s="115">
        <v>0</v>
      </c>
      <c r="GE40" s="115">
        <v>0</v>
      </c>
      <c r="GF40" s="116">
        <v>1</v>
      </c>
      <c r="GG40" s="117">
        <v>1</v>
      </c>
      <c r="GH40" s="114">
        <v>14</v>
      </c>
      <c r="GI40" s="115">
        <v>6</v>
      </c>
      <c r="GJ40" s="116">
        <v>20</v>
      </c>
      <c r="GK40" s="414">
        <v>0</v>
      </c>
      <c r="GL40" s="115">
        <v>18</v>
      </c>
      <c r="GM40" s="115">
        <v>19</v>
      </c>
      <c r="GN40" s="115">
        <v>21</v>
      </c>
      <c r="GO40" s="115">
        <v>20</v>
      </c>
      <c r="GP40" s="115">
        <v>14</v>
      </c>
      <c r="GQ40" s="116">
        <v>92</v>
      </c>
      <c r="GR40" s="117">
        <v>112</v>
      </c>
      <c r="GS40" s="118">
        <v>16</v>
      </c>
      <c r="GT40" s="110">
        <v>8</v>
      </c>
      <c r="GU40" s="111">
        <v>24</v>
      </c>
      <c r="GV40" s="414">
        <v>0</v>
      </c>
      <c r="GW40" s="110">
        <v>28</v>
      </c>
      <c r="GX40" s="110">
        <v>33</v>
      </c>
      <c r="GY40" s="110">
        <v>28</v>
      </c>
      <c r="GZ40" s="110">
        <v>24</v>
      </c>
      <c r="HA40" s="110">
        <v>20</v>
      </c>
      <c r="HB40" s="112">
        <v>133</v>
      </c>
      <c r="HC40" s="113">
        <v>157</v>
      </c>
      <c r="HD40" s="114">
        <v>1</v>
      </c>
      <c r="HE40" s="115">
        <v>1</v>
      </c>
      <c r="HF40" s="116">
        <v>2</v>
      </c>
      <c r="HG40" s="417">
        <v>0</v>
      </c>
      <c r="HH40" s="115">
        <v>0</v>
      </c>
      <c r="HI40" s="115">
        <v>0</v>
      </c>
      <c r="HJ40" s="115">
        <v>0</v>
      </c>
      <c r="HK40" s="115">
        <v>1</v>
      </c>
      <c r="HL40" s="115">
        <v>1</v>
      </c>
      <c r="HM40" s="116">
        <v>2</v>
      </c>
      <c r="HN40" s="117">
        <v>4</v>
      </c>
      <c r="HO40" s="114">
        <v>3</v>
      </c>
      <c r="HP40" s="115">
        <v>1</v>
      </c>
      <c r="HQ40" s="116">
        <v>4</v>
      </c>
      <c r="HR40" s="414">
        <v>0</v>
      </c>
      <c r="HS40" s="115">
        <v>0</v>
      </c>
      <c r="HT40" s="115">
        <v>0</v>
      </c>
      <c r="HU40" s="115">
        <v>4</v>
      </c>
      <c r="HV40" s="115">
        <v>2</v>
      </c>
      <c r="HW40" s="115">
        <v>2</v>
      </c>
      <c r="HX40" s="116">
        <v>8</v>
      </c>
      <c r="HY40" s="117">
        <v>12</v>
      </c>
      <c r="HZ40" s="114">
        <v>1</v>
      </c>
      <c r="IA40" s="115">
        <v>2</v>
      </c>
      <c r="IB40" s="116">
        <v>3</v>
      </c>
      <c r="IC40" s="414">
        <v>0</v>
      </c>
      <c r="ID40" s="115">
        <v>2</v>
      </c>
      <c r="IE40" s="115">
        <v>9</v>
      </c>
      <c r="IF40" s="115">
        <v>4</v>
      </c>
      <c r="IG40" s="115">
        <v>2</v>
      </c>
      <c r="IH40" s="115">
        <v>0</v>
      </c>
      <c r="II40" s="116">
        <v>17</v>
      </c>
      <c r="IJ40" s="117">
        <v>20</v>
      </c>
      <c r="IK40" s="114">
        <v>2</v>
      </c>
      <c r="IL40" s="115">
        <v>2</v>
      </c>
      <c r="IM40" s="116">
        <v>4</v>
      </c>
      <c r="IN40" s="414">
        <v>0</v>
      </c>
      <c r="IO40" s="115">
        <v>9</v>
      </c>
      <c r="IP40" s="115">
        <v>8</v>
      </c>
      <c r="IQ40" s="115">
        <v>3</v>
      </c>
      <c r="IR40" s="115">
        <v>4</v>
      </c>
      <c r="IS40" s="115">
        <v>4</v>
      </c>
      <c r="IT40" s="116">
        <v>28</v>
      </c>
      <c r="IU40" s="117">
        <v>32</v>
      </c>
      <c r="IV40" s="114">
        <v>6</v>
      </c>
      <c r="IW40" s="115">
        <v>1</v>
      </c>
      <c r="IX40" s="116">
        <v>7</v>
      </c>
      <c r="IY40" s="414">
        <v>0</v>
      </c>
      <c r="IZ40" s="115">
        <v>9</v>
      </c>
      <c r="JA40" s="115">
        <v>6</v>
      </c>
      <c r="JB40" s="115">
        <v>11</v>
      </c>
      <c r="JC40" s="115">
        <v>4</v>
      </c>
      <c r="JD40" s="115">
        <v>7</v>
      </c>
      <c r="JE40" s="116">
        <v>37</v>
      </c>
      <c r="JF40" s="117">
        <v>44</v>
      </c>
      <c r="JG40" s="114">
        <v>3</v>
      </c>
      <c r="JH40" s="115">
        <v>1</v>
      </c>
      <c r="JI40" s="116">
        <v>4</v>
      </c>
      <c r="JJ40" s="414">
        <v>0</v>
      </c>
      <c r="JK40" s="115">
        <v>8</v>
      </c>
      <c r="JL40" s="115">
        <v>10</v>
      </c>
      <c r="JM40" s="115">
        <v>6</v>
      </c>
      <c r="JN40" s="115">
        <v>11</v>
      </c>
      <c r="JO40" s="115">
        <v>6</v>
      </c>
      <c r="JP40" s="116">
        <v>41</v>
      </c>
      <c r="JQ40" s="117">
        <v>45</v>
      </c>
      <c r="JR40" s="114">
        <v>0</v>
      </c>
      <c r="JS40" s="115">
        <v>0</v>
      </c>
      <c r="JT40" s="116">
        <v>0</v>
      </c>
      <c r="JU40" s="414">
        <v>0</v>
      </c>
      <c r="JV40" s="115">
        <v>0</v>
      </c>
      <c r="JW40" s="115">
        <v>3</v>
      </c>
      <c r="JX40" s="115">
        <v>0</v>
      </c>
      <c r="JY40" s="115">
        <v>2</v>
      </c>
      <c r="JZ40" s="115">
        <v>0</v>
      </c>
      <c r="KA40" s="116">
        <v>5</v>
      </c>
      <c r="KB40" s="117">
        <v>5</v>
      </c>
      <c r="KC40" s="114">
        <v>16</v>
      </c>
      <c r="KD40" s="115">
        <v>8</v>
      </c>
      <c r="KE40" s="116">
        <v>24</v>
      </c>
      <c r="KF40" s="414">
        <v>0</v>
      </c>
      <c r="KG40" s="115">
        <v>28</v>
      </c>
      <c r="KH40" s="115">
        <v>36</v>
      </c>
      <c r="KI40" s="115">
        <v>28</v>
      </c>
      <c r="KJ40" s="115">
        <v>26</v>
      </c>
      <c r="KK40" s="115">
        <v>20</v>
      </c>
      <c r="KL40" s="116">
        <v>138</v>
      </c>
      <c r="KM40" s="117">
        <v>162</v>
      </c>
    </row>
    <row r="41" spans="2:299" ht="32.25" customHeight="1" x14ac:dyDescent="0.2"/>
  </sheetData>
  <mergeCells count="36">
    <mergeCell ref="GS3:KM3"/>
    <mergeCell ref="GS4:JQ4"/>
    <mergeCell ref="JR4:KB5"/>
    <mergeCell ref="KC4:KM5"/>
    <mergeCell ref="GS5:HC5"/>
    <mergeCell ref="HD5:HN5"/>
    <mergeCell ref="HO5:HY5"/>
    <mergeCell ref="HZ5:IJ5"/>
    <mergeCell ref="IK5:IU5"/>
    <mergeCell ref="IV5:JF5"/>
    <mergeCell ref="JG5:JQ5"/>
    <mergeCell ref="B3:B5"/>
    <mergeCell ref="CX3:GR3"/>
    <mergeCell ref="CX4:FV4"/>
    <mergeCell ref="FW4:GG5"/>
    <mergeCell ref="GH4:GR5"/>
    <mergeCell ref="CX5:DH5"/>
    <mergeCell ref="DI5:DS5"/>
    <mergeCell ref="DT5:ED5"/>
    <mergeCell ref="EE5:EO5"/>
    <mergeCell ref="EP5:EZ5"/>
    <mergeCell ref="FA5:FK5"/>
    <mergeCell ref="FL5:FV5"/>
    <mergeCell ref="I1:J1"/>
    <mergeCell ref="CB4:CL5"/>
    <mergeCell ref="CM4:CW5"/>
    <mergeCell ref="C5:M5"/>
    <mergeCell ref="N5:X5"/>
    <mergeCell ref="Y5:AI5"/>
    <mergeCell ref="AJ5:AT5"/>
    <mergeCell ref="AU5:BE5"/>
    <mergeCell ref="BF5:BP5"/>
    <mergeCell ref="BQ5:CA5"/>
    <mergeCell ref="C3:CW3"/>
    <mergeCell ref="C4:CA4"/>
    <mergeCell ref="F1:G1"/>
  </mergeCells>
  <phoneticPr fontId="4"/>
  <printOptions horizontalCentered="1"/>
  <pageMargins left="0.59055118110236227" right="0.39370078740157483" top="0.59055118110236227" bottom="0.55118110236220474" header="0.23622047244094491" footer="0.27559055118110237"/>
  <pageSetup paperSize="9" scale="44" orientation="landscape" r:id="rId1"/>
  <headerFooter alignWithMargins="0">
    <oddFooter>&amp;L&amp;20&amp;X&amp;A&amp;C&amp;P/&amp;N</oddFooter>
  </headerFooter>
  <colBreaks count="8" manualBreakCount="8">
    <brk id="35" max="40" man="1"/>
    <brk id="68" max="1048575" man="1"/>
    <brk id="101" max="1048575" man="1"/>
    <brk id="133" max="40" man="1"/>
    <brk id="167" max="40" man="1"/>
    <brk id="200" max="40" man="1"/>
    <brk id="233" max="40" man="1"/>
    <brk id="266" max="40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AQ218"/>
  <sheetViews>
    <sheetView zoomScaleNormal="100" zoomScaleSheetLayoutView="55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3" width="8.88671875" style="71" customWidth="1"/>
    <col min="4" max="4" width="8.109375" style="71" customWidth="1"/>
    <col min="5" max="5" width="10.109375" style="71" bestFit="1" customWidth="1"/>
    <col min="6" max="6" width="9.6640625" style="71" bestFit="1" customWidth="1"/>
    <col min="7" max="7" width="9.109375" style="71" bestFit="1" customWidth="1"/>
    <col min="8" max="8" width="9.6640625" style="71" bestFit="1" customWidth="1"/>
    <col min="9" max="9" width="9.109375" style="71" bestFit="1" customWidth="1"/>
    <col min="10" max="11" width="9" style="71"/>
    <col min="12" max="12" width="9.6640625" style="71" customWidth="1"/>
    <col min="13" max="22" width="8.77734375" style="71" customWidth="1"/>
    <col min="23" max="42" width="9.6640625" style="71" customWidth="1"/>
    <col min="43" max="16384" width="9" style="71"/>
  </cols>
  <sheetData>
    <row r="1" spans="2:43" ht="24" customHeight="1" x14ac:dyDescent="0.2">
      <c r="B1" s="10" t="s">
        <v>56</v>
      </c>
      <c r="F1" s="63">
        <f>第１表!F2</f>
        <v>7</v>
      </c>
      <c r="G1" s="16">
        <f>第１表!G2</f>
        <v>2</v>
      </c>
      <c r="H1" s="447">
        <f>IF(G1&lt;3,G1-2+12,G1-2)</f>
        <v>12</v>
      </c>
      <c r="I1" s="447"/>
    </row>
    <row r="2" spans="2:43" ht="24" customHeight="1" thickBot="1" x14ac:dyDescent="0.25">
      <c r="B2" s="10" t="s">
        <v>154</v>
      </c>
      <c r="F2" s="10" t="s">
        <v>136</v>
      </c>
    </row>
    <row r="3" spans="2:43" ht="21" customHeight="1" x14ac:dyDescent="0.2">
      <c r="B3" s="504"/>
      <c r="C3" s="507" t="s">
        <v>57</v>
      </c>
      <c r="D3" s="508"/>
      <c r="E3" s="508"/>
      <c r="F3" s="508"/>
      <c r="G3" s="508"/>
      <c r="H3" s="508"/>
      <c r="I3" s="508"/>
      <c r="J3" s="508"/>
      <c r="K3" s="508"/>
      <c r="L3" s="508"/>
      <c r="M3" s="507" t="s">
        <v>58</v>
      </c>
      <c r="N3" s="510"/>
      <c r="O3" s="510"/>
      <c r="P3" s="510"/>
      <c r="Q3" s="510"/>
      <c r="R3" s="510"/>
      <c r="S3" s="510"/>
      <c r="T3" s="510"/>
      <c r="U3" s="510"/>
      <c r="V3" s="510"/>
      <c r="W3" s="507" t="s">
        <v>59</v>
      </c>
      <c r="X3" s="508"/>
      <c r="Y3" s="508"/>
      <c r="Z3" s="508"/>
      <c r="AA3" s="508"/>
      <c r="AB3" s="508"/>
      <c r="AC3" s="508"/>
      <c r="AD3" s="508"/>
      <c r="AE3" s="508"/>
      <c r="AF3" s="508"/>
      <c r="AG3" s="507" t="s">
        <v>147</v>
      </c>
      <c r="AH3" s="508"/>
      <c r="AI3" s="508"/>
      <c r="AJ3" s="508"/>
      <c r="AK3" s="508"/>
      <c r="AL3" s="508"/>
      <c r="AM3" s="508"/>
      <c r="AN3" s="508"/>
      <c r="AO3" s="508"/>
      <c r="AP3" s="509"/>
    </row>
    <row r="4" spans="2:43" ht="21" customHeight="1" x14ac:dyDescent="0.2">
      <c r="B4" s="506"/>
      <c r="C4" s="512" t="s">
        <v>61</v>
      </c>
      <c r="D4" s="513"/>
      <c r="E4" s="514"/>
      <c r="F4" s="515" t="s">
        <v>62</v>
      </c>
      <c r="G4" s="516"/>
      <c r="H4" s="516"/>
      <c r="I4" s="516"/>
      <c r="J4" s="516"/>
      <c r="K4" s="517"/>
      <c r="L4" s="527" t="s">
        <v>52</v>
      </c>
      <c r="M4" s="512" t="s">
        <v>61</v>
      </c>
      <c r="N4" s="513"/>
      <c r="O4" s="514"/>
      <c r="P4" s="515" t="s">
        <v>62</v>
      </c>
      <c r="Q4" s="516"/>
      <c r="R4" s="516"/>
      <c r="S4" s="516"/>
      <c r="T4" s="516"/>
      <c r="U4" s="517"/>
      <c r="V4" s="518" t="s">
        <v>52</v>
      </c>
      <c r="W4" s="512" t="s">
        <v>61</v>
      </c>
      <c r="X4" s="513"/>
      <c r="Y4" s="514"/>
      <c r="Z4" s="515" t="s">
        <v>62</v>
      </c>
      <c r="AA4" s="516"/>
      <c r="AB4" s="516"/>
      <c r="AC4" s="516"/>
      <c r="AD4" s="516"/>
      <c r="AE4" s="517"/>
      <c r="AF4" s="527" t="s">
        <v>52</v>
      </c>
      <c r="AG4" s="512" t="s">
        <v>61</v>
      </c>
      <c r="AH4" s="513"/>
      <c r="AI4" s="514"/>
      <c r="AJ4" s="515" t="s">
        <v>62</v>
      </c>
      <c r="AK4" s="516"/>
      <c r="AL4" s="516"/>
      <c r="AM4" s="516"/>
      <c r="AN4" s="516"/>
      <c r="AO4" s="517"/>
      <c r="AP4" s="518" t="s">
        <v>52</v>
      </c>
    </row>
    <row r="5" spans="2:43" ht="30" customHeight="1" thickBot="1" x14ac:dyDescent="0.25">
      <c r="B5" s="72" t="s">
        <v>42</v>
      </c>
      <c r="C5" s="229" t="s">
        <v>43</v>
      </c>
      <c r="D5" s="230" t="s">
        <v>44</v>
      </c>
      <c r="E5" s="230" t="s">
        <v>45</v>
      </c>
      <c r="F5" s="231" t="s">
        <v>47</v>
      </c>
      <c r="G5" s="232" t="s">
        <v>48</v>
      </c>
      <c r="H5" s="232" t="s">
        <v>49</v>
      </c>
      <c r="I5" s="233" t="s">
        <v>50</v>
      </c>
      <c r="J5" s="230" t="s">
        <v>51</v>
      </c>
      <c r="K5" s="234" t="s">
        <v>95</v>
      </c>
      <c r="L5" s="526"/>
      <c r="M5" s="229" t="s">
        <v>43</v>
      </c>
      <c r="N5" s="230" t="s">
        <v>44</v>
      </c>
      <c r="O5" s="234" t="s">
        <v>45</v>
      </c>
      <c r="P5" s="235" t="s">
        <v>47</v>
      </c>
      <c r="Q5" s="232" t="s">
        <v>48</v>
      </c>
      <c r="R5" s="232" t="s">
        <v>49</v>
      </c>
      <c r="S5" s="233" t="s">
        <v>50</v>
      </c>
      <c r="T5" s="230" t="s">
        <v>51</v>
      </c>
      <c r="U5" s="234" t="s">
        <v>45</v>
      </c>
      <c r="V5" s="519"/>
      <c r="W5" s="229" t="s">
        <v>43</v>
      </c>
      <c r="X5" s="230" t="s">
        <v>44</v>
      </c>
      <c r="Y5" s="230" t="s">
        <v>45</v>
      </c>
      <c r="Z5" s="231" t="s">
        <v>47</v>
      </c>
      <c r="AA5" s="232" t="s">
        <v>48</v>
      </c>
      <c r="AB5" s="232" t="s">
        <v>49</v>
      </c>
      <c r="AC5" s="233" t="s">
        <v>50</v>
      </c>
      <c r="AD5" s="230" t="s">
        <v>51</v>
      </c>
      <c r="AE5" s="234" t="s">
        <v>45</v>
      </c>
      <c r="AF5" s="526"/>
      <c r="AG5" s="229" t="s">
        <v>43</v>
      </c>
      <c r="AH5" s="230" t="s">
        <v>44</v>
      </c>
      <c r="AI5" s="230" t="s">
        <v>45</v>
      </c>
      <c r="AJ5" s="231" t="s">
        <v>47</v>
      </c>
      <c r="AK5" s="232" t="s">
        <v>48</v>
      </c>
      <c r="AL5" s="232" t="s">
        <v>49</v>
      </c>
      <c r="AM5" s="233" t="s">
        <v>50</v>
      </c>
      <c r="AN5" s="230" t="s">
        <v>51</v>
      </c>
      <c r="AO5" s="234" t="s">
        <v>45</v>
      </c>
      <c r="AP5" s="519"/>
    </row>
    <row r="6" spans="2:43" ht="21" customHeight="1" x14ac:dyDescent="0.2">
      <c r="B6" s="84" t="s">
        <v>4</v>
      </c>
      <c r="C6" s="211">
        <v>0</v>
      </c>
      <c r="D6" s="213">
        <v>0</v>
      </c>
      <c r="E6" s="213">
        <v>0</v>
      </c>
      <c r="F6" s="214">
        <v>19</v>
      </c>
      <c r="G6" s="212">
        <v>67</v>
      </c>
      <c r="H6" s="212">
        <v>476</v>
      </c>
      <c r="I6" s="212">
        <v>672</v>
      </c>
      <c r="J6" s="213">
        <v>353</v>
      </c>
      <c r="K6" s="236">
        <v>1587</v>
      </c>
      <c r="L6" s="237">
        <v>1587</v>
      </c>
      <c r="M6" s="211">
        <v>0</v>
      </c>
      <c r="N6" s="213">
        <v>0</v>
      </c>
      <c r="O6" s="236">
        <v>0</v>
      </c>
      <c r="P6" s="216">
        <v>82</v>
      </c>
      <c r="Q6" s="212">
        <v>189</v>
      </c>
      <c r="R6" s="212">
        <v>289</v>
      </c>
      <c r="S6" s="212">
        <v>326</v>
      </c>
      <c r="T6" s="213">
        <v>156</v>
      </c>
      <c r="U6" s="236">
        <v>1042</v>
      </c>
      <c r="V6" s="215">
        <v>1042</v>
      </c>
      <c r="W6" s="216">
        <v>0</v>
      </c>
      <c r="X6" s="213">
        <v>0</v>
      </c>
      <c r="Y6" s="213">
        <v>0</v>
      </c>
      <c r="Z6" s="214">
        <v>0</v>
      </c>
      <c r="AA6" s="212">
        <v>0</v>
      </c>
      <c r="AB6" s="212">
        <v>0</v>
      </c>
      <c r="AC6" s="212">
        <v>0</v>
      </c>
      <c r="AD6" s="213">
        <v>0</v>
      </c>
      <c r="AE6" s="236">
        <v>0</v>
      </c>
      <c r="AF6" s="237">
        <v>0</v>
      </c>
      <c r="AG6" s="211">
        <v>0</v>
      </c>
      <c r="AH6" s="213">
        <v>0</v>
      </c>
      <c r="AI6" s="213">
        <v>0</v>
      </c>
      <c r="AJ6" s="214">
        <v>0</v>
      </c>
      <c r="AK6" s="212">
        <v>1</v>
      </c>
      <c r="AL6" s="212">
        <v>2</v>
      </c>
      <c r="AM6" s="212">
        <v>17</v>
      </c>
      <c r="AN6" s="213">
        <v>20</v>
      </c>
      <c r="AO6" s="236">
        <v>40</v>
      </c>
      <c r="AP6" s="238">
        <v>40</v>
      </c>
      <c r="AQ6" s="239"/>
    </row>
    <row r="7" spans="2:43" ht="21" customHeight="1" x14ac:dyDescent="0.2">
      <c r="B7" s="95" t="s">
        <v>5</v>
      </c>
      <c r="C7" s="217">
        <v>0</v>
      </c>
      <c r="D7" s="219">
        <v>0</v>
      </c>
      <c r="E7" s="219">
        <v>0</v>
      </c>
      <c r="F7" s="220">
        <v>11</v>
      </c>
      <c r="G7" s="218">
        <v>51</v>
      </c>
      <c r="H7" s="218">
        <v>230</v>
      </c>
      <c r="I7" s="218">
        <v>304</v>
      </c>
      <c r="J7" s="219">
        <v>158</v>
      </c>
      <c r="K7" s="240">
        <v>754</v>
      </c>
      <c r="L7" s="241">
        <v>754</v>
      </c>
      <c r="M7" s="217">
        <v>0</v>
      </c>
      <c r="N7" s="219">
        <v>0</v>
      </c>
      <c r="O7" s="240">
        <v>0</v>
      </c>
      <c r="P7" s="222">
        <v>34</v>
      </c>
      <c r="Q7" s="218">
        <v>104</v>
      </c>
      <c r="R7" s="218">
        <v>134</v>
      </c>
      <c r="S7" s="218">
        <v>175</v>
      </c>
      <c r="T7" s="219">
        <v>82</v>
      </c>
      <c r="U7" s="240">
        <v>529</v>
      </c>
      <c r="V7" s="221">
        <v>529</v>
      </c>
      <c r="W7" s="222">
        <v>0</v>
      </c>
      <c r="X7" s="219">
        <v>0</v>
      </c>
      <c r="Y7" s="219">
        <v>0</v>
      </c>
      <c r="Z7" s="220">
        <v>0</v>
      </c>
      <c r="AA7" s="218">
        <v>0</v>
      </c>
      <c r="AB7" s="218">
        <v>0</v>
      </c>
      <c r="AC7" s="218">
        <v>0</v>
      </c>
      <c r="AD7" s="219">
        <v>0</v>
      </c>
      <c r="AE7" s="240">
        <v>0</v>
      </c>
      <c r="AF7" s="241">
        <v>0</v>
      </c>
      <c r="AG7" s="217">
        <v>0</v>
      </c>
      <c r="AH7" s="219">
        <v>0</v>
      </c>
      <c r="AI7" s="219">
        <v>0</v>
      </c>
      <c r="AJ7" s="220">
        <v>0</v>
      </c>
      <c r="AK7" s="218">
        <v>0</v>
      </c>
      <c r="AL7" s="218">
        <v>1</v>
      </c>
      <c r="AM7" s="218">
        <v>9</v>
      </c>
      <c r="AN7" s="219">
        <v>7</v>
      </c>
      <c r="AO7" s="240">
        <v>17</v>
      </c>
      <c r="AP7" s="242">
        <v>17</v>
      </c>
      <c r="AQ7" s="239"/>
    </row>
    <row r="8" spans="2:43" ht="21" customHeight="1" x14ac:dyDescent="0.2">
      <c r="B8" s="106" t="s">
        <v>6</v>
      </c>
      <c r="C8" s="217">
        <v>0</v>
      </c>
      <c r="D8" s="219">
        <v>0</v>
      </c>
      <c r="E8" s="219">
        <v>0</v>
      </c>
      <c r="F8" s="220">
        <v>5</v>
      </c>
      <c r="G8" s="218">
        <v>8</v>
      </c>
      <c r="H8" s="218">
        <v>48</v>
      </c>
      <c r="I8" s="218">
        <v>71</v>
      </c>
      <c r="J8" s="219">
        <v>42</v>
      </c>
      <c r="K8" s="240">
        <v>174</v>
      </c>
      <c r="L8" s="241">
        <v>174</v>
      </c>
      <c r="M8" s="217">
        <v>0</v>
      </c>
      <c r="N8" s="219">
        <v>0</v>
      </c>
      <c r="O8" s="240">
        <v>0</v>
      </c>
      <c r="P8" s="222">
        <v>8</v>
      </c>
      <c r="Q8" s="218">
        <v>16</v>
      </c>
      <c r="R8" s="218">
        <v>35</v>
      </c>
      <c r="S8" s="218">
        <v>36</v>
      </c>
      <c r="T8" s="219">
        <v>22</v>
      </c>
      <c r="U8" s="240">
        <v>117</v>
      </c>
      <c r="V8" s="221">
        <v>117</v>
      </c>
      <c r="W8" s="222">
        <v>0</v>
      </c>
      <c r="X8" s="219">
        <v>0</v>
      </c>
      <c r="Y8" s="219">
        <v>0</v>
      </c>
      <c r="Z8" s="220">
        <v>0</v>
      </c>
      <c r="AA8" s="218">
        <v>0</v>
      </c>
      <c r="AB8" s="218">
        <v>0</v>
      </c>
      <c r="AC8" s="218">
        <v>0</v>
      </c>
      <c r="AD8" s="219">
        <v>0</v>
      </c>
      <c r="AE8" s="240">
        <v>0</v>
      </c>
      <c r="AF8" s="241">
        <v>0</v>
      </c>
      <c r="AG8" s="217">
        <v>0</v>
      </c>
      <c r="AH8" s="219">
        <v>0</v>
      </c>
      <c r="AI8" s="219">
        <v>0</v>
      </c>
      <c r="AJ8" s="220">
        <v>0</v>
      </c>
      <c r="AK8" s="218">
        <v>0</v>
      </c>
      <c r="AL8" s="218">
        <v>0</v>
      </c>
      <c r="AM8" s="218">
        <v>0</v>
      </c>
      <c r="AN8" s="219">
        <v>0</v>
      </c>
      <c r="AO8" s="240">
        <v>0</v>
      </c>
      <c r="AP8" s="242">
        <v>0</v>
      </c>
      <c r="AQ8" s="239"/>
    </row>
    <row r="9" spans="2:43" ht="21" customHeight="1" x14ac:dyDescent="0.2">
      <c r="B9" s="106" t="s">
        <v>14</v>
      </c>
      <c r="C9" s="217">
        <v>0</v>
      </c>
      <c r="D9" s="219">
        <v>0</v>
      </c>
      <c r="E9" s="219">
        <v>0</v>
      </c>
      <c r="F9" s="220">
        <v>0</v>
      </c>
      <c r="G9" s="218">
        <v>1</v>
      </c>
      <c r="H9" s="218">
        <v>47</v>
      </c>
      <c r="I9" s="218">
        <v>53</v>
      </c>
      <c r="J9" s="219">
        <v>27</v>
      </c>
      <c r="K9" s="240">
        <v>128</v>
      </c>
      <c r="L9" s="241">
        <v>128</v>
      </c>
      <c r="M9" s="217">
        <v>0</v>
      </c>
      <c r="N9" s="219">
        <v>0</v>
      </c>
      <c r="O9" s="240">
        <v>0</v>
      </c>
      <c r="P9" s="222">
        <v>0</v>
      </c>
      <c r="Q9" s="218">
        <v>13</v>
      </c>
      <c r="R9" s="218">
        <v>20</v>
      </c>
      <c r="S9" s="218">
        <v>22</v>
      </c>
      <c r="T9" s="219">
        <v>7</v>
      </c>
      <c r="U9" s="240">
        <v>62</v>
      </c>
      <c r="V9" s="221">
        <v>62</v>
      </c>
      <c r="W9" s="222">
        <v>0</v>
      </c>
      <c r="X9" s="219">
        <v>0</v>
      </c>
      <c r="Y9" s="219">
        <v>0</v>
      </c>
      <c r="Z9" s="220">
        <v>0</v>
      </c>
      <c r="AA9" s="218">
        <v>0</v>
      </c>
      <c r="AB9" s="218">
        <v>0</v>
      </c>
      <c r="AC9" s="218">
        <v>0</v>
      </c>
      <c r="AD9" s="219">
        <v>0</v>
      </c>
      <c r="AE9" s="240">
        <v>0</v>
      </c>
      <c r="AF9" s="241">
        <v>0</v>
      </c>
      <c r="AG9" s="217">
        <v>0</v>
      </c>
      <c r="AH9" s="219">
        <v>0</v>
      </c>
      <c r="AI9" s="219">
        <v>0</v>
      </c>
      <c r="AJ9" s="220">
        <v>0</v>
      </c>
      <c r="AK9" s="218">
        <v>0</v>
      </c>
      <c r="AL9" s="218">
        <v>1</v>
      </c>
      <c r="AM9" s="218">
        <v>4</v>
      </c>
      <c r="AN9" s="219">
        <v>7</v>
      </c>
      <c r="AO9" s="240">
        <v>12</v>
      </c>
      <c r="AP9" s="242">
        <v>12</v>
      </c>
      <c r="AQ9" s="239"/>
    </row>
    <row r="10" spans="2:43" ht="21" customHeight="1" x14ac:dyDescent="0.2">
      <c r="B10" s="106" t="s">
        <v>7</v>
      </c>
      <c r="C10" s="217">
        <v>0</v>
      </c>
      <c r="D10" s="219">
        <v>0</v>
      </c>
      <c r="E10" s="219">
        <v>0</v>
      </c>
      <c r="F10" s="220">
        <v>0</v>
      </c>
      <c r="G10" s="218">
        <v>1</v>
      </c>
      <c r="H10" s="218">
        <v>37</v>
      </c>
      <c r="I10" s="218">
        <v>51</v>
      </c>
      <c r="J10" s="219">
        <v>21</v>
      </c>
      <c r="K10" s="240">
        <v>110</v>
      </c>
      <c r="L10" s="241">
        <v>110</v>
      </c>
      <c r="M10" s="217">
        <v>0</v>
      </c>
      <c r="N10" s="219">
        <v>0</v>
      </c>
      <c r="O10" s="240">
        <v>0</v>
      </c>
      <c r="P10" s="222">
        <v>14</v>
      </c>
      <c r="Q10" s="218">
        <v>10</v>
      </c>
      <c r="R10" s="218">
        <v>15</v>
      </c>
      <c r="S10" s="218">
        <v>15</v>
      </c>
      <c r="T10" s="219">
        <v>5</v>
      </c>
      <c r="U10" s="240">
        <v>59</v>
      </c>
      <c r="V10" s="221">
        <v>59</v>
      </c>
      <c r="W10" s="222">
        <v>0</v>
      </c>
      <c r="X10" s="219">
        <v>0</v>
      </c>
      <c r="Y10" s="219">
        <v>0</v>
      </c>
      <c r="Z10" s="220">
        <v>0</v>
      </c>
      <c r="AA10" s="218">
        <v>0</v>
      </c>
      <c r="AB10" s="218">
        <v>0</v>
      </c>
      <c r="AC10" s="218">
        <v>0</v>
      </c>
      <c r="AD10" s="219">
        <v>0</v>
      </c>
      <c r="AE10" s="240">
        <v>0</v>
      </c>
      <c r="AF10" s="241">
        <v>0</v>
      </c>
      <c r="AG10" s="217">
        <v>0</v>
      </c>
      <c r="AH10" s="219">
        <v>0</v>
      </c>
      <c r="AI10" s="219">
        <v>0</v>
      </c>
      <c r="AJ10" s="220">
        <v>0</v>
      </c>
      <c r="AK10" s="218">
        <v>0</v>
      </c>
      <c r="AL10" s="218">
        <v>0</v>
      </c>
      <c r="AM10" s="218">
        <v>1</v>
      </c>
      <c r="AN10" s="219">
        <v>0</v>
      </c>
      <c r="AO10" s="240">
        <v>1</v>
      </c>
      <c r="AP10" s="242">
        <v>1</v>
      </c>
      <c r="AQ10" s="239"/>
    </row>
    <row r="11" spans="2:43" ht="21" customHeight="1" x14ac:dyDescent="0.2">
      <c r="B11" s="106" t="s">
        <v>8</v>
      </c>
      <c r="C11" s="217">
        <v>0</v>
      </c>
      <c r="D11" s="219">
        <v>0</v>
      </c>
      <c r="E11" s="219">
        <v>0</v>
      </c>
      <c r="F11" s="220">
        <v>0</v>
      </c>
      <c r="G11" s="218">
        <v>2</v>
      </c>
      <c r="H11" s="218">
        <v>19</v>
      </c>
      <c r="I11" s="218">
        <v>9</v>
      </c>
      <c r="J11" s="219">
        <v>6</v>
      </c>
      <c r="K11" s="240">
        <v>36</v>
      </c>
      <c r="L11" s="241">
        <v>36</v>
      </c>
      <c r="M11" s="217">
        <v>0</v>
      </c>
      <c r="N11" s="219">
        <v>0</v>
      </c>
      <c r="O11" s="240">
        <v>0</v>
      </c>
      <c r="P11" s="222">
        <v>1</v>
      </c>
      <c r="Q11" s="218">
        <v>0</v>
      </c>
      <c r="R11" s="218">
        <v>6</v>
      </c>
      <c r="S11" s="218">
        <v>3</v>
      </c>
      <c r="T11" s="219">
        <v>3</v>
      </c>
      <c r="U11" s="240">
        <v>13</v>
      </c>
      <c r="V11" s="221">
        <v>13</v>
      </c>
      <c r="W11" s="222">
        <v>0</v>
      </c>
      <c r="X11" s="219">
        <v>0</v>
      </c>
      <c r="Y11" s="219">
        <v>0</v>
      </c>
      <c r="Z11" s="220">
        <v>0</v>
      </c>
      <c r="AA11" s="218">
        <v>0</v>
      </c>
      <c r="AB11" s="218">
        <v>0</v>
      </c>
      <c r="AC11" s="218">
        <v>0</v>
      </c>
      <c r="AD11" s="219">
        <v>0</v>
      </c>
      <c r="AE11" s="240">
        <v>0</v>
      </c>
      <c r="AF11" s="241">
        <v>0</v>
      </c>
      <c r="AG11" s="217">
        <v>0</v>
      </c>
      <c r="AH11" s="219">
        <v>0</v>
      </c>
      <c r="AI11" s="219">
        <v>0</v>
      </c>
      <c r="AJ11" s="220">
        <v>0</v>
      </c>
      <c r="AK11" s="218">
        <v>0</v>
      </c>
      <c r="AL11" s="218">
        <v>0</v>
      </c>
      <c r="AM11" s="218">
        <v>0</v>
      </c>
      <c r="AN11" s="219">
        <v>0</v>
      </c>
      <c r="AO11" s="240">
        <v>0</v>
      </c>
      <c r="AP11" s="242">
        <v>0</v>
      </c>
      <c r="AQ11" s="239"/>
    </row>
    <row r="12" spans="2:43" ht="21" customHeight="1" x14ac:dyDescent="0.2">
      <c r="B12" s="106" t="s">
        <v>9</v>
      </c>
      <c r="C12" s="217">
        <v>0</v>
      </c>
      <c r="D12" s="219">
        <v>0</v>
      </c>
      <c r="E12" s="219">
        <v>0</v>
      </c>
      <c r="F12" s="220">
        <v>0</v>
      </c>
      <c r="G12" s="218">
        <v>0</v>
      </c>
      <c r="H12" s="218">
        <v>14</v>
      </c>
      <c r="I12" s="218">
        <v>22</v>
      </c>
      <c r="J12" s="219">
        <v>9</v>
      </c>
      <c r="K12" s="240">
        <v>45</v>
      </c>
      <c r="L12" s="241">
        <v>45</v>
      </c>
      <c r="M12" s="217">
        <v>0</v>
      </c>
      <c r="N12" s="219">
        <v>0</v>
      </c>
      <c r="O12" s="240">
        <v>0</v>
      </c>
      <c r="P12" s="222">
        <v>3</v>
      </c>
      <c r="Q12" s="218">
        <v>4</v>
      </c>
      <c r="R12" s="218">
        <v>6</v>
      </c>
      <c r="S12" s="218">
        <v>12</v>
      </c>
      <c r="T12" s="219">
        <v>5</v>
      </c>
      <c r="U12" s="240">
        <v>30</v>
      </c>
      <c r="V12" s="221">
        <v>30</v>
      </c>
      <c r="W12" s="222">
        <v>0</v>
      </c>
      <c r="X12" s="219">
        <v>0</v>
      </c>
      <c r="Y12" s="219">
        <v>0</v>
      </c>
      <c r="Z12" s="220">
        <v>0</v>
      </c>
      <c r="AA12" s="218">
        <v>0</v>
      </c>
      <c r="AB12" s="218">
        <v>0</v>
      </c>
      <c r="AC12" s="218">
        <v>0</v>
      </c>
      <c r="AD12" s="219">
        <v>0</v>
      </c>
      <c r="AE12" s="240">
        <v>0</v>
      </c>
      <c r="AF12" s="241">
        <v>0</v>
      </c>
      <c r="AG12" s="217">
        <v>0</v>
      </c>
      <c r="AH12" s="219">
        <v>0</v>
      </c>
      <c r="AI12" s="219">
        <v>0</v>
      </c>
      <c r="AJ12" s="220">
        <v>0</v>
      </c>
      <c r="AK12" s="218">
        <v>0</v>
      </c>
      <c r="AL12" s="218">
        <v>0</v>
      </c>
      <c r="AM12" s="218">
        <v>0</v>
      </c>
      <c r="AN12" s="219">
        <v>1</v>
      </c>
      <c r="AO12" s="240">
        <v>1</v>
      </c>
      <c r="AP12" s="242">
        <v>1</v>
      </c>
      <c r="AQ12" s="239"/>
    </row>
    <row r="13" spans="2:43" ht="21" customHeight="1" x14ac:dyDescent="0.2">
      <c r="B13" s="106" t="s">
        <v>10</v>
      </c>
      <c r="C13" s="217">
        <v>0</v>
      </c>
      <c r="D13" s="219">
        <v>0</v>
      </c>
      <c r="E13" s="219">
        <v>0</v>
      </c>
      <c r="F13" s="220">
        <v>1</v>
      </c>
      <c r="G13" s="218">
        <v>0</v>
      </c>
      <c r="H13" s="218">
        <v>15</v>
      </c>
      <c r="I13" s="218">
        <v>33</v>
      </c>
      <c r="J13" s="219">
        <v>14</v>
      </c>
      <c r="K13" s="240">
        <v>63</v>
      </c>
      <c r="L13" s="241">
        <v>63</v>
      </c>
      <c r="M13" s="217">
        <v>0</v>
      </c>
      <c r="N13" s="219">
        <v>0</v>
      </c>
      <c r="O13" s="240">
        <v>0</v>
      </c>
      <c r="P13" s="222">
        <v>3</v>
      </c>
      <c r="Q13" s="218">
        <v>4</v>
      </c>
      <c r="R13" s="218">
        <v>4</v>
      </c>
      <c r="S13" s="218">
        <v>5</v>
      </c>
      <c r="T13" s="219">
        <v>6</v>
      </c>
      <c r="U13" s="240">
        <v>22</v>
      </c>
      <c r="V13" s="221">
        <v>22</v>
      </c>
      <c r="W13" s="222">
        <v>0</v>
      </c>
      <c r="X13" s="219">
        <v>0</v>
      </c>
      <c r="Y13" s="219">
        <v>0</v>
      </c>
      <c r="Z13" s="220">
        <v>0</v>
      </c>
      <c r="AA13" s="218">
        <v>0</v>
      </c>
      <c r="AB13" s="218">
        <v>0</v>
      </c>
      <c r="AC13" s="218">
        <v>0</v>
      </c>
      <c r="AD13" s="219">
        <v>0</v>
      </c>
      <c r="AE13" s="240">
        <v>0</v>
      </c>
      <c r="AF13" s="241">
        <v>0</v>
      </c>
      <c r="AG13" s="217">
        <v>0</v>
      </c>
      <c r="AH13" s="219">
        <v>0</v>
      </c>
      <c r="AI13" s="219">
        <v>0</v>
      </c>
      <c r="AJ13" s="220">
        <v>0</v>
      </c>
      <c r="AK13" s="218">
        <v>0</v>
      </c>
      <c r="AL13" s="218">
        <v>0</v>
      </c>
      <c r="AM13" s="218">
        <v>1</v>
      </c>
      <c r="AN13" s="219">
        <v>1</v>
      </c>
      <c r="AO13" s="240">
        <v>2</v>
      </c>
      <c r="AP13" s="242">
        <v>2</v>
      </c>
      <c r="AQ13" s="239"/>
    </row>
    <row r="14" spans="2:43" ht="21" customHeight="1" x14ac:dyDescent="0.2">
      <c r="B14" s="106" t="s">
        <v>11</v>
      </c>
      <c r="C14" s="217">
        <v>0</v>
      </c>
      <c r="D14" s="219">
        <v>0</v>
      </c>
      <c r="E14" s="219">
        <v>0</v>
      </c>
      <c r="F14" s="220">
        <v>1</v>
      </c>
      <c r="G14" s="218">
        <v>0</v>
      </c>
      <c r="H14" s="218">
        <v>4</v>
      </c>
      <c r="I14" s="218">
        <v>14</v>
      </c>
      <c r="J14" s="219">
        <v>5</v>
      </c>
      <c r="K14" s="240">
        <v>24</v>
      </c>
      <c r="L14" s="241">
        <v>24</v>
      </c>
      <c r="M14" s="217">
        <v>0</v>
      </c>
      <c r="N14" s="219">
        <v>0</v>
      </c>
      <c r="O14" s="240">
        <v>0</v>
      </c>
      <c r="P14" s="222">
        <v>1</v>
      </c>
      <c r="Q14" s="218">
        <v>2</v>
      </c>
      <c r="R14" s="218">
        <v>12</v>
      </c>
      <c r="S14" s="218">
        <v>2</v>
      </c>
      <c r="T14" s="219">
        <v>5</v>
      </c>
      <c r="U14" s="240">
        <v>22</v>
      </c>
      <c r="V14" s="221">
        <v>22</v>
      </c>
      <c r="W14" s="222">
        <v>0</v>
      </c>
      <c r="X14" s="219">
        <v>0</v>
      </c>
      <c r="Y14" s="219">
        <v>0</v>
      </c>
      <c r="Z14" s="220">
        <v>0</v>
      </c>
      <c r="AA14" s="218">
        <v>0</v>
      </c>
      <c r="AB14" s="218">
        <v>0</v>
      </c>
      <c r="AC14" s="218">
        <v>0</v>
      </c>
      <c r="AD14" s="219">
        <v>0</v>
      </c>
      <c r="AE14" s="240">
        <v>0</v>
      </c>
      <c r="AF14" s="241">
        <v>0</v>
      </c>
      <c r="AG14" s="217">
        <v>0</v>
      </c>
      <c r="AH14" s="219">
        <v>0</v>
      </c>
      <c r="AI14" s="219">
        <v>0</v>
      </c>
      <c r="AJ14" s="220">
        <v>0</v>
      </c>
      <c r="AK14" s="218">
        <v>1</v>
      </c>
      <c r="AL14" s="218">
        <v>0</v>
      </c>
      <c r="AM14" s="218">
        <v>1</v>
      </c>
      <c r="AN14" s="219">
        <v>0</v>
      </c>
      <c r="AO14" s="240">
        <v>2</v>
      </c>
      <c r="AP14" s="242">
        <v>2</v>
      </c>
      <c r="AQ14" s="239"/>
    </row>
    <row r="15" spans="2:43" ht="21" customHeight="1" x14ac:dyDescent="0.2">
      <c r="B15" s="106" t="s">
        <v>12</v>
      </c>
      <c r="C15" s="217">
        <v>0</v>
      </c>
      <c r="D15" s="219">
        <v>0</v>
      </c>
      <c r="E15" s="219">
        <v>0</v>
      </c>
      <c r="F15" s="220">
        <v>0</v>
      </c>
      <c r="G15" s="218">
        <v>0</v>
      </c>
      <c r="H15" s="218">
        <v>5</v>
      </c>
      <c r="I15" s="218">
        <v>11</v>
      </c>
      <c r="J15" s="219">
        <v>6</v>
      </c>
      <c r="K15" s="240">
        <v>22</v>
      </c>
      <c r="L15" s="241">
        <v>22</v>
      </c>
      <c r="M15" s="217">
        <v>0</v>
      </c>
      <c r="N15" s="219">
        <v>0</v>
      </c>
      <c r="O15" s="240">
        <v>0</v>
      </c>
      <c r="P15" s="222">
        <v>1</v>
      </c>
      <c r="Q15" s="218">
        <v>4</v>
      </c>
      <c r="R15" s="218">
        <v>10</v>
      </c>
      <c r="S15" s="218">
        <v>10</v>
      </c>
      <c r="T15" s="219">
        <v>5</v>
      </c>
      <c r="U15" s="240">
        <v>30</v>
      </c>
      <c r="V15" s="221">
        <v>30</v>
      </c>
      <c r="W15" s="222">
        <v>0</v>
      </c>
      <c r="X15" s="219">
        <v>0</v>
      </c>
      <c r="Y15" s="219">
        <v>0</v>
      </c>
      <c r="Z15" s="220">
        <v>0</v>
      </c>
      <c r="AA15" s="218">
        <v>0</v>
      </c>
      <c r="AB15" s="218">
        <v>0</v>
      </c>
      <c r="AC15" s="218">
        <v>0</v>
      </c>
      <c r="AD15" s="219">
        <v>0</v>
      </c>
      <c r="AE15" s="240">
        <v>0</v>
      </c>
      <c r="AF15" s="241">
        <v>0</v>
      </c>
      <c r="AG15" s="217">
        <v>0</v>
      </c>
      <c r="AH15" s="219">
        <v>0</v>
      </c>
      <c r="AI15" s="219">
        <v>0</v>
      </c>
      <c r="AJ15" s="220">
        <v>0</v>
      </c>
      <c r="AK15" s="218">
        <v>0</v>
      </c>
      <c r="AL15" s="218">
        <v>0</v>
      </c>
      <c r="AM15" s="218">
        <v>0</v>
      </c>
      <c r="AN15" s="219">
        <v>0</v>
      </c>
      <c r="AO15" s="240">
        <v>0</v>
      </c>
      <c r="AP15" s="242">
        <v>0</v>
      </c>
      <c r="AQ15" s="239"/>
    </row>
    <row r="16" spans="2:43" ht="21" customHeight="1" x14ac:dyDescent="0.2">
      <c r="B16" s="106" t="s">
        <v>13</v>
      </c>
      <c r="C16" s="217">
        <v>0</v>
      </c>
      <c r="D16" s="219">
        <v>0</v>
      </c>
      <c r="E16" s="219">
        <v>0</v>
      </c>
      <c r="F16" s="220">
        <v>0</v>
      </c>
      <c r="G16" s="218">
        <v>1</v>
      </c>
      <c r="H16" s="218">
        <v>2</v>
      </c>
      <c r="I16" s="218">
        <v>8</v>
      </c>
      <c r="J16" s="219">
        <v>6</v>
      </c>
      <c r="K16" s="240">
        <v>17</v>
      </c>
      <c r="L16" s="241">
        <v>17</v>
      </c>
      <c r="M16" s="217">
        <v>0</v>
      </c>
      <c r="N16" s="219">
        <v>0</v>
      </c>
      <c r="O16" s="240">
        <v>0</v>
      </c>
      <c r="P16" s="222">
        <v>0</v>
      </c>
      <c r="Q16" s="218">
        <v>2</v>
      </c>
      <c r="R16" s="218">
        <v>1</v>
      </c>
      <c r="S16" s="218">
        <v>5</v>
      </c>
      <c r="T16" s="219">
        <v>0</v>
      </c>
      <c r="U16" s="240">
        <v>8</v>
      </c>
      <c r="V16" s="221">
        <v>8</v>
      </c>
      <c r="W16" s="222">
        <v>0</v>
      </c>
      <c r="X16" s="219">
        <v>0</v>
      </c>
      <c r="Y16" s="219">
        <v>0</v>
      </c>
      <c r="Z16" s="220">
        <v>0</v>
      </c>
      <c r="AA16" s="218">
        <v>0</v>
      </c>
      <c r="AB16" s="218">
        <v>0</v>
      </c>
      <c r="AC16" s="218">
        <v>0</v>
      </c>
      <c r="AD16" s="219">
        <v>0</v>
      </c>
      <c r="AE16" s="240">
        <v>0</v>
      </c>
      <c r="AF16" s="241">
        <v>0</v>
      </c>
      <c r="AG16" s="217">
        <v>0</v>
      </c>
      <c r="AH16" s="219">
        <v>0</v>
      </c>
      <c r="AI16" s="219">
        <v>0</v>
      </c>
      <c r="AJ16" s="220">
        <v>0</v>
      </c>
      <c r="AK16" s="218">
        <v>0</v>
      </c>
      <c r="AL16" s="218">
        <v>0</v>
      </c>
      <c r="AM16" s="218">
        <v>0</v>
      </c>
      <c r="AN16" s="219">
        <v>0</v>
      </c>
      <c r="AO16" s="240">
        <v>0</v>
      </c>
      <c r="AP16" s="242">
        <v>0</v>
      </c>
      <c r="AQ16" s="239"/>
    </row>
    <row r="17" spans="2:43" ht="21" customHeight="1" x14ac:dyDescent="0.2">
      <c r="B17" s="106" t="s">
        <v>15</v>
      </c>
      <c r="C17" s="217">
        <v>0</v>
      </c>
      <c r="D17" s="219">
        <v>0</v>
      </c>
      <c r="E17" s="219">
        <v>0</v>
      </c>
      <c r="F17" s="220">
        <v>0</v>
      </c>
      <c r="G17" s="218">
        <v>0</v>
      </c>
      <c r="H17" s="218">
        <v>1</v>
      </c>
      <c r="I17" s="218">
        <v>10</v>
      </c>
      <c r="J17" s="219">
        <v>2</v>
      </c>
      <c r="K17" s="240">
        <v>13</v>
      </c>
      <c r="L17" s="241">
        <v>13</v>
      </c>
      <c r="M17" s="217">
        <v>0</v>
      </c>
      <c r="N17" s="219">
        <v>0</v>
      </c>
      <c r="O17" s="240">
        <v>0</v>
      </c>
      <c r="P17" s="222">
        <v>1</v>
      </c>
      <c r="Q17" s="218">
        <v>3</v>
      </c>
      <c r="R17" s="218">
        <v>0</v>
      </c>
      <c r="S17" s="218">
        <v>3</v>
      </c>
      <c r="T17" s="219">
        <v>2</v>
      </c>
      <c r="U17" s="240">
        <v>9</v>
      </c>
      <c r="V17" s="221">
        <v>9</v>
      </c>
      <c r="W17" s="222">
        <v>0</v>
      </c>
      <c r="X17" s="219">
        <v>0</v>
      </c>
      <c r="Y17" s="219">
        <v>0</v>
      </c>
      <c r="Z17" s="220">
        <v>0</v>
      </c>
      <c r="AA17" s="218">
        <v>0</v>
      </c>
      <c r="AB17" s="218">
        <v>0</v>
      </c>
      <c r="AC17" s="218">
        <v>0</v>
      </c>
      <c r="AD17" s="219">
        <v>0</v>
      </c>
      <c r="AE17" s="240">
        <v>0</v>
      </c>
      <c r="AF17" s="241">
        <v>0</v>
      </c>
      <c r="AG17" s="217">
        <v>0</v>
      </c>
      <c r="AH17" s="219">
        <v>0</v>
      </c>
      <c r="AI17" s="219">
        <v>0</v>
      </c>
      <c r="AJ17" s="220">
        <v>0</v>
      </c>
      <c r="AK17" s="218">
        <v>0</v>
      </c>
      <c r="AL17" s="218">
        <v>0</v>
      </c>
      <c r="AM17" s="218">
        <v>0</v>
      </c>
      <c r="AN17" s="219">
        <v>0</v>
      </c>
      <c r="AO17" s="240">
        <v>0</v>
      </c>
      <c r="AP17" s="242">
        <v>0</v>
      </c>
      <c r="AQ17" s="239"/>
    </row>
    <row r="18" spans="2:43" ht="21" customHeight="1" x14ac:dyDescent="0.2">
      <c r="B18" s="106" t="s">
        <v>16</v>
      </c>
      <c r="C18" s="217">
        <v>0</v>
      </c>
      <c r="D18" s="219">
        <v>0</v>
      </c>
      <c r="E18" s="219">
        <v>0</v>
      </c>
      <c r="F18" s="220">
        <v>0</v>
      </c>
      <c r="G18" s="218">
        <v>0</v>
      </c>
      <c r="H18" s="218">
        <v>6</v>
      </c>
      <c r="I18" s="218">
        <v>13</v>
      </c>
      <c r="J18" s="219">
        <v>5</v>
      </c>
      <c r="K18" s="240">
        <v>24</v>
      </c>
      <c r="L18" s="241">
        <v>24</v>
      </c>
      <c r="M18" s="217">
        <v>0</v>
      </c>
      <c r="N18" s="219">
        <v>0</v>
      </c>
      <c r="O18" s="240">
        <v>0</v>
      </c>
      <c r="P18" s="222">
        <v>3</v>
      </c>
      <c r="Q18" s="218">
        <v>6</v>
      </c>
      <c r="R18" s="218">
        <v>5</v>
      </c>
      <c r="S18" s="218">
        <v>7</v>
      </c>
      <c r="T18" s="219">
        <v>2</v>
      </c>
      <c r="U18" s="240">
        <v>23</v>
      </c>
      <c r="V18" s="221">
        <v>23</v>
      </c>
      <c r="W18" s="222">
        <v>0</v>
      </c>
      <c r="X18" s="219">
        <v>0</v>
      </c>
      <c r="Y18" s="219">
        <v>0</v>
      </c>
      <c r="Z18" s="220">
        <v>0</v>
      </c>
      <c r="AA18" s="218">
        <v>0</v>
      </c>
      <c r="AB18" s="218">
        <v>0</v>
      </c>
      <c r="AC18" s="218">
        <v>0</v>
      </c>
      <c r="AD18" s="219">
        <v>0</v>
      </c>
      <c r="AE18" s="240">
        <v>0</v>
      </c>
      <c r="AF18" s="241">
        <v>0</v>
      </c>
      <c r="AG18" s="217">
        <v>0</v>
      </c>
      <c r="AH18" s="219">
        <v>0</v>
      </c>
      <c r="AI18" s="219">
        <v>0</v>
      </c>
      <c r="AJ18" s="220">
        <v>0</v>
      </c>
      <c r="AK18" s="218">
        <v>0</v>
      </c>
      <c r="AL18" s="218">
        <v>0</v>
      </c>
      <c r="AM18" s="218">
        <v>0</v>
      </c>
      <c r="AN18" s="219">
        <v>1</v>
      </c>
      <c r="AO18" s="240">
        <v>1</v>
      </c>
      <c r="AP18" s="242">
        <v>1</v>
      </c>
      <c r="AQ18" s="239"/>
    </row>
    <row r="19" spans="2:43" ht="21" customHeight="1" x14ac:dyDescent="0.2">
      <c r="B19" s="106" t="s">
        <v>17</v>
      </c>
      <c r="C19" s="217">
        <v>0</v>
      </c>
      <c r="D19" s="219">
        <v>0</v>
      </c>
      <c r="E19" s="219">
        <v>0</v>
      </c>
      <c r="F19" s="220">
        <v>0</v>
      </c>
      <c r="G19" s="218">
        <v>0</v>
      </c>
      <c r="H19" s="218">
        <v>6</v>
      </c>
      <c r="I19" s="218">
        <v>8</v>
      </c>
      <c r="J19" s="219">
        <v>12</v>
      </c>
      <c r="K19" s="240">
        <v>26</v>
      </c>
      <c r="L19" s="241">
        <v>26</v>
      </c>
      <c r="M19" s="217">
        <v>0</v>
      </c>
      <c r="N19" s="219">
        <v>0</v>
      </c>
      <c r="O19" s="240">
        <v>0</v>
      </c>
      <c r="P19" s="222">
        <v>1</v>
      </c>
      <c r="Q19" s="218">
        <v>4</v>
      </c>
      <c r="R19" s="218">
        <v>5</v>
      </c>
      <c r="S19" s="218">
        <v>1</v>
      </c>
      <c r="T19" s="219">
        <v>4</v>
      </c>
      <c r="U19" s="240">
        <v>15</v>
      </c>
      <c r="V19" s="221">
        <v>15</v>
      </c>
      <c r="W19" s="222">
        <v>0</v>
      </c>
      <c r="X19" s="219">
        <v>0</v>
      </c>
      <c r="Y19" s="219">
        <v>0</v>
      </c>
      <c r="Z19" s="220">
        <v>0</v>
      </c>
      <c r="AA19" s="218">
        <v>0</v>
      </c>
      <c r="AB19" s="218">
        <v>0</v>
      </c>
      <c r="AC19" s="218">
        <v>0</v>
      </c>
      <c r="AD19" s="219">
        <v>0</v>
      </c>
      <c r="AE19" s="240">
        <v>0</v>
      </c>
      <c r="AF19" s="241">
        <v>0</v>
      </c>
      <c r="AG19" s="217">
        <v>0</v>
      </c>
      <c r="AH19" s="219">
        <v>0</v>
      </c>
      <c r="AI19" s="219">
        <v>0</v>
      </c>
      <c r="AJ19" s="220">
        <v>0</v>
      </c>
      <c r="AK19" s="218">
        <v>0</v>
      </c>
      <c r="AL19" s="218">
        <v>0</v>
      </c>
      <c r="AM19" s="218">
        <v>0</v>
      </c>
      <c r="AN19" s="219">
        <v>0</v>
      </c>
      <c r="AO19" s="240">
        <v>0</v>
      </c>
      <c r="AP19" s="242">
        <v>0</v>
      </c>
      <c r="AQ19" s="239"/>
    </row>
    <row r="20" spans="2:43" ht="21" customHeight="1" x14ac:dyDescent="0.2">
      <c r="B20" s="106" t="s">
        <v>18</v>
      </c>
      <c r="C20" s="217">
        <v>0</v>
      </c>
      <c r="D20" s="219">
        <v>0</v>
      </c>
      <c r="E20" s="219">
        <v>0</v>
      </c>
      <c r="F20" s="220">
        <v>0</v>
      </c>
      <c r="G20" s="218">
        <v>0</v>
      </c>
      <c r="H20" s="218">
        <v>8</v>
      </c>
      <c r="I20" s="218">
        <v>17</v>
      </c>
      <c r="J20" s="219">
        <v>5</v>
      </c>
      <c r="K20" s="240">
        <v>30</v>
      </c>
      <c r="L20" s="241">
        <v>30</v>
      </c>
      <c r="M20" s="217">
        <v>0</v>
      </c>
      <c r="N20" s="219">
        <v>0</v>
      </c>
      <c r="O20" s="240">
        <v>0</v>
      </c>
      <c r="P20" s="222">
        <v>3</v>
      </c>
      <c r="Q20" s="218">
        <v>5</v>
      </c>
      <c r="R20" s="218">
        <v>8</v>
      </c>
      <c r="S20" s="218">
        <v>6</v>
      </c>
      <c r="T20" s="219">
        <v>2</v>
      </c>
      <c r="U20" s="240">
        <v>24</v>
      </c>
      <c r="V20" s="221">
        <v>24</v>
      </c>
      <c r="W20" s="222">
        <v>0</v>
      </c>
      <c r="X20" s="219">
        <v>0</v>
      </c>
      <c r="Y20" s="219">
        <v>0</v>
      </c>
      <c r="Z20" s="220">
        <v>0</v>
      </c>
      <c r="AA20" s="218">
        <v>0</v>
      </c>
      <c r="AB20" s="218">
        <v>0</v>
      </c>
      <c r="AC20" s="218">
        <v>0</v>
      </c>
      <c r="AD20" s="219">
        <v>0</v>
      </c>
      <c r="AE20" s="240">
        <v>0</v>
      </c>
      <c r="AF20" s="241">
        <v>0</v>
      </c>
      <c r="AG20" s="217">
        <v>0</v>
      </c>
      <c r="AH20" s="219">
        <v>0</v>
      </c>
      <c r="AI20" s="219">
        <v>0</v>
      </c>
      <c r="AJ20" s="220">
        <v>0</v>
      </c>
      <c r="AK20" s="218">
        <v>0</v>
      </c>
      <c r="AL20" s="218">
        <v>0</v>
      </c>
      <c r="AM20" s="218">
        <v>0</v>
      </c>
      <c r="AN20" s="219">
        <v>1</v>
      </c>
      <c r="AO20" s="240">
        <v>1</v>
      </c>
      <c r="AP20" s="242">
        <v>1</v>
      </c>
      <c r="AQ20" s="239"/>
    </row>
    <row r="21" spans="2:43" ht="21" customHeight="1" x14ac:dyDescent="0.2">
      <c r="B21" s="106" t="s">
        <v>19</v>
      </c>
      <c r="C21" s="217">
        <v>0</v>
      </c>
      <c r="D21" s="219">
        <v>0</v>
      </c>
      <c r="E21" s="219">
        <v>0</v>
      </c>
      <c r="F21" s="220">
        <v>0</v>
      </c>
      <c r="G21" s="218">
        <v>0</v>
      </c>
      <c r="H21" s="218">
        <v>3</v>
      </c>
      <c r="I21" s="218">
        <v>5</v>
      </c>
      <c r="J21" s="219">
        <v>6</v>
      </c>
      <c r="K21" s="240">
        <v>14</v>
      </c>
      <c r="L21" s="241">
        <v>14</v>
      </c>
      <c r="M21" s="217">
        <v>0</v>
      </c>
      <c r="N21" s="219">
        <v>0</v>
      </c>
      <c r="O21" s="240">
        <v>0</v>
      </c>
      <c r="P21" s="222">
        <v>3</v>
      </c>
      <c r="Q21" s="218">
        <v>3</v>
      </c>
      <c r="R21" s="218">
        <v>4</v>
      </c>
      <c r="S21" s="218">
        <v>3</v>
      </c>
      <c r="T21" s="219">
        <v>0</v>
      </c>
      <c r="U21" s="240">
        <v>13</v>
      </c>
      <c r="V21" s="221">
        <v>13</v>
      </c>
      <c r="W21" s="222">
        <v>0</v>
      </c>
      <c r="X21" s="219">
        <v>0</v>
      </c>
      <c r="Y21" s="219">
        <v>0</v>
      </c>
      <c r="Z21" s="220">
        <v>0</v>
      </c>
      <c r="AA21" s="218">
        <v>0</v>
      </c>
      <c r="AB21" s="218">
        <v>0</v>
      </c>
      <c r="AC21" s="218">
        <v>0</v>
      </c>
      <c r="AD21" s="219">
        <v>0</v>
      </c>
      <c r="AE21" s="240">
        <v>0</v>
      </c>
      <c r="AF21" s="241">
        <v>0</v>
      </c>
      <c r="AG21" s="217">
        <v>0</v>
      </c>
      <c r="AH21" s="219">
        <v>0</v>
      </c>
      <c r="AI21" s="219">
        <v>0</v>
      </c>
      <c r="AJ21" s="220">
        <v>0</v>
      </c>
      <c r="AK21" s="218">
        <v>0</v>
      </c>
      <c r="AL21" s="218">
        <v>0</v>
      </c>
      <c r="AM21" s="218">
        <v>0</v>
      </c>
      <c r="AN21" s="219">
        <v>0</v>
      </c>
      <c r="AO21" s="240">
        <v>0</v>
      </c>
      <c r="AP21" s="242">
        <v>0</v>
      </c>
      <c r="AQ21" s="239"/>
    </row>
    <row r="22" spans="2:43" ht="21" customHeight="1" x14ac:dyDescent="0.2">
      <c r="B22" s="106" t="s">
        <v>20</v>
      </c>
      <c r="C22" s="217">
        <v>0</v>
      </c>
      <c r="D22" s="219">
        <v>0</v>
      </c>
      <c r="E22" s="219">
        <v>0</v>
      </c>
      <c r="F22" s="220">
        <v>1</v>
      </c>
      <c r="G22" s="218">
        <v>2</v>
      </c>
      <c r="H22" s="218">
        <v>6</v>
      </c>
      <c r="I22" s="218">
        <v>10</v>
      </c>
      <c r="J22" s="219">
        <v>5</v>
      </c>
      <c r="K22" s="240">
        <v>24</v>
      </c>
      <c r="L22" s="241">
        <v>24</v>
      </c>
      <c r="M22" s="217">
        <v>0</v>
      </c>
      <c r="N22" s="219">
        <v>0</v>
      </c>
      <c r="O22" s="240">
        <v>0</v>
      </c>
      <c r="P22" s="222">
        <v>0</v>
      </c>
      <c r="Q22" s="218">
        <v>2</v>
      </c>
      <c r="R22" s="218">
        <v>2</v>
      </c>
      <c r="S22" s="218">
        <v>2</v>
      </c>
      <c r="T22" s="219">
        <v>0</v>
      </c>
      <c r="U22" s="240">
        <v>6</v>
      </c>
      <c r="V22" s="221">
        <v>6</v>
      </c>
      <c r="W22" s="222">
        <v>0</v>
      </c>
      <c r="X22" s="219">
        <v>0</v>
      </c>
      <c r="Y22" s="219">
        <v>0</v>
      </c>
      <c r="Z22" s="220">
        <v>0</v>
      </c>
      <c r="AA22" s="218">
        <v>0</v>
      </c>
      <c r="AB22" s="218">
        <v>0</v>
      </c>
      <c r="AC22" s="218">
        <v>0</v>
      </c>
      <c r="AD22" s="219">
        <v>0</v>
      </c>
      <c r="AE22" s="240">
        <v>0</v>
      </c>
      <c r="AF22" s="241">
        <v>0</v>
      </c>
      <c r="AG22" s="217">
        <v>0</v>
      </c>
      <c r="AH22" s="219">
        <v>0</v>
      </c>
      <c r="AI22" s="219">
        <v>0</v>
      </c>
      <c r="AJ22" s="220">
        <v>0</v>
      </c>
      <c r="AK22" s="218">
        <v>0</v>
      </c>
      <c r="AL22" s="218">
        <v>0</v>
      </c>
      <c r="AM22" s="218">
        <v>0</v>
      </c>
      <c r="AN22" s="219">
        <v>1</v>
      </c>
      <c r="AO22" s="240">
        <v>1</v>
      </c>
      <c r="AP22" s="242">
        <v>1</v>
      </c>
      <c r="AQ22" s="239"/>
    </row>
    <row r="23" spans="2:43" ht="21" customHeight="1" x14ac:dyDescent="0.2">
      <c r="B23" s="106" t="s">
        <v>21</v>
      </c>
      <c r="C23" s="217">
        <v>0</v>
      </c>
      <c r="D23" s="219">
        <v>0</v>
      </c>
      <c r="E23" s="219">
        <v>0</v>
      </c>
      <c r="F23" s="220">
        <v>0</v>
      </c>
      <c r="G23" s="218">
        <v>0</v>
      </c>
      <c r="H23" s="218">
        <v>4</v>
      </c>
      <c r="I23" s="218">
        <v>7</v>
      </c>
      <c r="J23" s="219">
        <v>4</v>
      </c>
      <c r="K23" s="240">
        <v>15</v>
      </c>
      <c r="L23" s="241">
        <v>15</v>
      </c>
      <c r="M23" s="217">
        <v>0</v>
      </c>
      <c r="N23" s="219">
        <v>0</v>
      </c>
      <c r="O23" s="240">
        <v>0</v>
      </c>
      <c r="P23" s="222">
        <v>2</v>
      </c>
      <c r="Q23" s="218">
        <v>0</v>
      </c>
      <c r="R23" s="218">
        <v>4</v>
      </c>
      <c r="S23" s="218">
        <v>1</v>
      </c>
      <c r="T23" s="219">
        <v>0</v>
      </c>
      <c r="U23" s="240">
        <v>7</v>
      </c>
      <c r="V23" s="221">
        <v>7</v>
      </c>
      <c r="W23" s="222">
        <v>0</v>
      </c>
      <c r="X23" s="219">
        <v>0</v>
      </c>
      <c r="Y23" s="219">
        <v>0</v>
      </c>
      <c r="Z23" s="220">
        <v>0</v>
      </c>
      <c r="AA23" s="218">
        <v>0</v>
      </c>
      <c r="AB23" s="218">
        <v>0</v>
      </c>
      <c r="AC23" s="218">
        <v>0</v>
      </c>
      <c r="AD23" s="219">
        <v>0</v>
      </c>
      <c r="AE23" s="240">
        <v>0</v>
      </c>
      <c r="AF23" s="241">
        <v>0</v>
      </c>
      <c r="AG23" s="217">
        <v>0</v>
      </c>
      <c r="AH23" s="219">
        <v>0</v>
      </c>
      <c r="AI23" s="219">
        <v>0</v>
      </c>
      <c r="AJ23" s="220">
        <v>0</v>
      </c>
      <c r="AK23" s="218">
        <v>0</v>
      </c>
      <c r="AL23" s="218">
        <v>0</v>
      </c>
      <c r="AM23" s="218">
        <v>0</v>
      </c>
      <c r="AN23" s="219">
        <v>1</v>
      </c>
      <c r="AO23" s="240">
        <v>1</v>
      </c>
      <c r="AP23" s="242">
        <v>1</v>
      </c>
      <c r="AQ23" s="239"/>
    </row>
    <row r="24" spans="2:43" ht="21" customHeight="1" x14ac:dyDescent="0.2">
      <c r="B24" s="106" t="s">
        <v>22</v>
      </c>
      <c r="C24" s="217">
        <v>0</v>
      </c>
      <c r="D24" s="219">
        <v>0</v>
      </c>
      <c r="E24" s="219">
        <v>0</v>
      </c>
      <c r="F24" s="220">
        <v>0</v>
      </c>
      <c r="G24" s="218">
        <v>0</v>
      </c>
      <c r="H24" s="218">
        <v>4</v>
      </c>
      <c r="I24" s="218">
        <v>3</v>
      </c>
      <c r="J24" s="219">
        <v>1</v>
      </c>
      <c r="K24" s="240">
        <v>8</v>
      </c>
      <c r="L24" s="241">
        <v>8</v>
      </c>
      <c r="M24" s="217">
        <v>0</v>
      </c>
      <c r="N24" s="219">
        <v>0</v>
      </c>
      <c r="O24" s="240">
        <v>0</v>
      </c>
      <c r="P24" s="222">
        <v>0</v>
      </c>
      <c r="Q24" s="218">
        <v>2</v>
      </c>
      <c r="R24" s="218">
        <v>2</v>
      </c>
      <c r="S24" s="218">
        <v>2</v>
      </c>
      <c r="T24" s="219">
        <v>0</v>
      </c>
      <c r="U24" s="240">
        <v>6</v>
      </c>
      <c r="V24" s="221">
        <v>6</v>
      </c>
      <c r="W24" s="222">
        <v>0</v>
      </c>
      <c r="X24" s="219">
        <v>0</v>
      </c>
      <c r="Y24" s="219">
        <v>0</v>
      </c>
      <c r="Z24" s="220">
        <v>0</v>
      </c>
      <c r="AA24" s="218">
        <v>0</v>
      </c>
      <c r="AB24" s="218">
        <v>0</v>
      </c>
      <c r="AC24" s="218">
        <v>0</v>
      </c>
      <c r="AD24" s="219">
        <v>0</v>
      </c>
      <c r="AE24" s="240">
        <v>0</v>
      </c>
      <c r="AF24" s="241">
        <v>0</v>
      </c>
      <c r="AG24" s="217">
        <v>0</v>
      </c>
      <c r="AH24" s="219">
        <v>0</v>
      </c>
      <c r="AI24" s="219">
        <v>0</v>
      </c>
      <c r="AJ24" s="220">
        <v>0</v>
      </c>
      <c r="AK24" s="218">
        <v>0</v>
      </c>
      <c r="AL24" s="218">
        <v>0</v>
      </c>
      <c r="AM24" s="218">
        <v>1</v>
      </c>
      <c r="AN24" s="219">
        <v>0</v>
      </c>
      <c r="AO24" s="240">
        <v>1</v>
      </c>
      <c r="AP24" s="242">
        <v>1</v>
      </c>
      <c r="AQ24" s="239"/>
    </row>
    <row r="25" spans="2:43" ht="21" customHeight="1" x14ac:dyDescent="0.2">
      <c r="B25" s="106" t="s">
        <v>23</v>
      </c>
      <c r="C25" s="217">
        <v>0</v>
      </c>
      <c r="D25" s="219">
        <v>0</v>
      </c>
      <c r="E25" s="219">
        <v>0</v>
      </c>
      <c r="F25" s="220">
        <v>0</v>
      </c>
      <c r="G25" s="218">
        <v>0</v>
      </c>
      <c r="H25" s="218">
        <v>6</v>
      </c>
      <c r="I25" s="218">
        <v>7</v>
      </c>
      <c r="J25" s="219">
        <v>3</v>
      </c>
      <c r="K25" s="240">
        <v>16</v>
      </c>
      <c r="L25" s="241">
        <v>16</v>
      </c>
      <c r="M25" s="217">
        <v>0</v>
      </c>
      <c r="N25" s="219">
        <v>0</v>
      </c>
      <c r="O25" s="240">
        <v>0</v>
      </c>
      <c r="P25" s="222">
        <v>0</v>
      </c>
      <c r="Q25" s="218">
        <v>0</v>
      </c>
      <c r="R25" s="218">
        <v>1</v>
      </c>
      <c r="S25" s="218">
        <v>2</v>
      </c>
      <c r="T25" s="219">
        <v>1</v>
      </c>
      <c r="U25" s="240">
        <v>4</v>
      </c>
      <c r="V25" s="221">
        <v>4</v>
      </c>
      <c r="W25" s="222">
        <v>0</v>
      </c>
      <c r="X25" s="219">
        <v>0</v>
      </c>
      <c r="Y25" s="219">
        <v>0</v>
      </c>
      <c r="Z25" s="220">
        <v>0</v>
      </c>
      <c r="AA25" s="218">
        <v>0</v>
      </c>
      <c r="AB25" s="218">
        <v>0</v>
      </c>
      <c r="AC25" s="218">
        <v>0</v>
      </c>
      <c r="AD25" s="219">
        <v>0</v>
      </c>
      <c r="AE25" s="240">
        <v>0</v>
      </c>
      <c r="AF25" s="241">
        <v>0</v>
      </c>
      <c r="AG25" s="217">
        <v>0</v>
      </c>
      <c r="AH25" s="219">
        <v>0</v>
      </c>
      <c r="AI25" s="219">
        <v>0</v>
      </c>
      <c r="AJ25" s="220">
        <v>0</v>
      </c>
      <c r="AK25" s="218">
        <v>0</v>
      </c>
      <c r="AL25" s="218">
        <v>0</v>
      </c>
      <c r="AM25" s="218">
        <v>0</v>
      </c>
      <c r="AN25" s="219">
        <v>0</v>
      </c>
      <c r="AO25" s="240">
        <v>0</v>
      </c>
      <c r="AP25" s="242">
        <v>0</v>
      </c>
      <c r="AQ25" s="239"/>
    </row>
    <row r="26" spans="2:43" ht="21" customHeight="1" x14ac:dyDescent="0.2">
      <c r="B26" s="106" t="s">
        <v>24</v>
      </c>
      <c r="C26" s="217">
        <v>0</v>
      </c>
      <c r="D26" s="219">
        <v>0</v>
      </c>
      <c r="E26" s="219">
        <v>0</v>
      </c>
      <c r="F26" s="220">
        <v>0</v>
      </c>
      <c r="G26" s="218">
        <v>0</v>
      </c>
      <c r="H26" s="218">
        <v>3</v>
      </c>
      <c r="I26" s="218">
        <v>4</v>
      </c>
      <c r="J26" s="219">
        <v>2</v>
      </c>
      <c r="K26" s="240">
        <v>9</v>
      </c>
      <c r="L26" s="241">
        <v>9</v>
      </c>
      <c r="M26" s="217">
        <v>0</v>
      </c>
      <c r="N26" s="219">
        <v>0</v>
      </c>
      <c r="O26" s="240">
        <v>0</v>
      </c>
      <c r="P26" s="222">
        <v>2</v>
      </c>
      <c r="Q26" s="218">
        <v>1</v>
      </c>
      <c r="R26" s="218">
        <v>5</v>
      </c>
      <c r="S26" s="218">
        <v>3</v>
      </c>
      <c r="T26" s="219">
        <v>1</v>
      </c>
      <c r="U26" s="240">
        <v>12</v>
      </c>
      <c r="V26" s="221">
        <v>12</v>
      </c>
      <c r="W26" s="222">
        <v>0</v>
      </c>
      <c r="X26" s="219">
        <v>0</v>
      </c>
      <c r="Y26" s="219">
        <v>0</v>
      </c>
      <c r="Z26" s="220">
        <v>0</v>
      </c>
      <c r="AA26" s="218">
        <v>0</v>
      </c>
      <c r="AB26" s="218">
        <v>0</v>
      </c>
      <c r="AC26" s="218">
        <v>0</v>
      </c>
      <c r="AD26" s="219">
        <v>0</v>
      </c>
      <c r="AE26" s="240">
        <v>0</v>
      </c>
      <c r="AF26" s="241">
        <v>0</v>
      </c>
      <c r="AG26" s="217">
        <v>0</v>
      </c>
      <c r="AH26" s="219">
        <v>0</v>
      </c>
      <c r="AI26" s="219">
        <v>0</v>
      </c>
      <c r="AJ26" s="220">
        <v>0</v>
      </c>
      <c r="AK26" s="218">
        <v>0</v>
      </c>
      <c r="AL26" s="218">
        <v>0</v>
      </c>
      <c r="AM26" s="218">
        <v>0</v>
      </c>
      <c r="AN26" s="219">
        <v>0</v>
      </c>
      <c r="AO26" s="240">
        <v>0</v>
      </c>
      <c r="AP26" s="242">
        <v>0</v>
      </c>
      <c r="AQ26" s="239"/>
    </row>
    <row r="27" spans="2:43" ht="21" customHeight="1" x14ac:dyDescent="0.2">
      <c r="B27" s="106" t="s">
        <v>25</v>
      </c>
      <c r="C27" s="217">
        <v>0</v>
      </c>
      <c r="D27" s="219">
        <v>0</v>
      </c>
      <c r="E27" s="219">
        <v>0</v>
      </c>
      <c r="F27" s="220">
        <v>0</v>
      </c>
      <c r="G27" s="218">
        <v>0</v>
      </c>
      <c r="H27" s="218">
        <v>0</v>
      </c>
      <c r="I27" s="218">
        <v>0</v>
      </c>
      <c r="J27" s="219">
        <v>1</v>
      </c>
      <c r="K27" s="240">
        <v>1</v>
      </c>
      <c r="L27" s="241">
        <v>1</v>
      </c>
      <c r="M27" s="217">
        <v>0</v>
      </c>
      <c r="N27" s="219">
        <v>0</v>
      </c>
      <c r="O27" s="240">
        <v>0</v>
      </c>
      <c r="P27" s="222">
        <v>1</v>
      </c>
      <c r="Q27" s="218">
        <v>1</v>
      </c>
      <c r="R27" s="218">
        <v>2</v>
      </c>
      <c r="S27" s="218">
        <v>1</v>
      </c>
      <c r="T27" s="219">
        <v>1</v>
      </c>
      <c r="U27" s="240">
        <v>6</v>
      </c>
      <c r="V27" s="221">
        <v>6</v>
      </c>
      <c r="W27" s="222">
        <v>0</v>
      </c>
      <c r="X27" s="219">
        <v>0</v>
      </c>
      <c r="Y27" s="219">
        <v>0</v>
      </c>
      <c r="Z27" s="220">
        <v>0</v>
      </c>
      <c r="AA27" s="218">
        <v>0</v>
      </c>
      <c r="AB27" s="218">
        <v>0</v>
      </c>
      <c r="AC27" s="218">
        <v>0</v>
      </c>
      <c r="AD27" s="219">
        <v>0</v>
      </c>
      <c r="AE27" s="240">
        <v>0</v>
      </c>
      <c r="AF27" s="241">
        <v>0</v>
      </c>
      <c r="AG27" s="217">
        <v>0</v>
      </c>
      <c r="AH27" s="219">
        <v>0</v>
      </c>
      <c r="AI27" s="219">
        <v>0</v>
      </c>
      <c r="AJ27" s="220">
        <v>0</v>
      </c>
      <c r="AK27" s="218">
        <v>0</v>
      </c>
      <c r="AL27" s="218">
        <v>0</v>
      </c>
      <c r="AM27" s="218">
        <v>0</v>
      </c>
      <c r="AN27" s="219">
        <v>0</v>
      </c>
      <c r="AO27" s="240">
        <v>0</v>
      </c>
      <c r="AP27" s="242">
        <v>0</v>
      </c>
      <c r="AQ27" s="239"/>
    </row>
    <row r="28" spans="2:43" ht="21" customHeight="1" x14ac:dyDescent="0.2">
      <c r="B28" s="106" t="s">
        <v>26</v>
      </c>
      <c r="C28" s="217">
        <v>0</v>
      </c>
      <c r="D28" s="219">
        <v>0</v>
      </c>
      <c r="E28" s="219">
        <v>0</v>
      </c>
      <c r="F28" s="220">
        <v>0</v>
      </c>
      <c r="G28" s="218">
        <v>0</v>
      </c>
      <c r="H28" s="218">
        <v>2</v>
      </c>
      <c r="I28" s="218">
        <v>2</v>
      </c>
      <c r="J28" s="219">
        <v>3</v>
      </c>
      <c r="K28" s="240">
        <v>7</v>
      </c>
      <c r="L28" s="241">
        <v>7</v>
      </c>
      <c r="M28" s="217">
        <v>0</v>
      </c>
      <c r="N28" s="219">
        <v>0</v>
      </c>
      <c r="O28" s="240">
        <v>0</v>
      </c>
      <c r="P28" s="222">
        <v>0</v>
      </c>
      <c r="Q28" s="218">
        <v>0</v>
      </c>
      <c r="R28" s="218">
        <v>2</v>
      </c>
      <c r="S28" s="218">
        <v>1</v>
      </c>
      <c r="T28" s="219">
        <v>1</v>
      </c>
      <c r="U28" s="240">
        <v>4</v>
      </c>
      <c r="V28" s="221">
        <v>4</v>
      </c>
      <c r="W28" s="222">
        <v>0</v>
      </c>
      <c r="X28" s="219">
        <v>0</v>
      </c>
      <c r="Y28" s="219">
        <v>0</v>
      </c>
      <c r="Z28" s="220">
        <v>0</v>
      </c>
      <c r="AA28" s="218">
        <v>0</v>
      </c>
      <c r="AB28" s="218">
        <v>0</v>
      </c>
      <c r="AC28" s="218">
        <v>0</v>
      </c>
      <c r="AD28" s="219">
        <v>0</v>
      </c>
      <c r="AE28" s="240">
        <v>0</v>
      </c>
      <c r="AF28" s="241">
        <v>0</v>
      </c>
      <c r="AG28" s="217">
        <v>0</v>
      </c>
      <c r="AH28" s="219">
        <v>0</v>
      </c>
      <c r="AI28" s="219">
        <v>0</v>
      </c>
      <c r="AJ28" s="220">
        <v>0</v>
      </c>
      <c r="AK28" s="218">
        <v>0</v>
      </c>
      <c r="AL28" s="218">
        <v>0</v>
      </c>
      <c r="AM28" s="218">
        <v>0</v>
      </c>
      <c r="AN28" s="219">
        <v>0</v>
      </c>
      <c r="AO28" s="240">
        <v>0</v>
      </c>
      <c r="AP28" s="242">
        <v>0</v>
      </c>
      <c r="AQ28" s="239"/>
    </row>
    <row r="29" spans="2:43" ht="21" customHeight="1" x14ac:dyDescent="0.2">
      <c r="B29" s="106" t="s">
        <v>27</v>
      </c>
      <c r="C29" s="217">
        <v>0</v>
      </c>
      <c r="D29" s="219">
        <v>0</v>
      </c>
      <c r="E29" s="219">
        <v>0</v>
      </c>
      <c r="F29" s="220">
        <v>0</v>
      </c>
      <c r="G29" s="218">
        <v>1</v>
      </c>
      <c r="H29" s="218">
        <v>1</v>
      </c>
      <c r="I29" s="218">
        <v>2</v>
      </c>
      <c r="J29" s="219">
        <v>3</v>
      </c>
      <c r="K29" s="240">
        <v>7</v>
      </c>
      <c r="L29" s="241">
        <v>7</v>
      </c>
      <c r="M29" s="217">
        <v>0</v>
      </c>
      <c r="N29" s="219">
        <v>0</v>
      </c>
      <c r="O29" s="240">
        <v>0</v>
      </c>
      <c r="P29" s="222">
        <v>0</v>
      </c>
      <c r="Q29" s="218">
        <v>2</v>
      </c>
      <c r="R29" s="218">
        <v>0</v>
      </c>
      <c r="S29" s="218">
        <v>4</v>
      </c>
      <c r="T29" s="219">
        <v>0</v>
      </c>
      <c r="U29" s="240">
        <v>6</v>
      </c>
      <c r="V29" s="221">
        <v>6</v>
      </c>
      <c r="W29" s="222">
        <v>0</v>
      </c>
      <c r="X29" s="219">
        <v>0</v>
      </c>
      <c r="Y29" s="219">
        <v>0</v>
      </c>
      <c r="Z29" s="220">
        <v>0</v>
      </c>
      <c r="AA29" s="218">
        <v>0</v>
      </c>
      <c r="AB29" s="218">
        <v>0</v>
      </c>
      <c r="AC29" s="218">
        <v>0</v>
      </c>
      <c r="AD29" s="219">
        <v>0</v>
      </c>
      <c r="AE29" s="240">
        <v>0</v>
      </c>
      <c r="AF29" s="241">
        <v>0</v>
      </c>
      <c r="AG29" s="217">
        <v>0</v>
      </c>
      <c r="AH29" s="219">
        <v>0</v>
      </c>
      <c r="AI29" s="219">
        <v>0</v>
      </c>
      <c r="AJ29" s="220">
        <v>0</v>
      </c>
      <c r="AK29" s="218">
        <v>0</v>
      </c>
      <c r="AL29" s="218">
        <v>0</v>
      </c>
      <c r="AM29" s="218">
        <v>0</v>
      </c>
      <c r="AN29" s="219">
        <v>0</v>
      </c>
      <c r="AO29" s="240">
        <v>0</v>
      </c>
      <c r="AP29" s="242">
        <v>0</v>
      </c>
      <c r="AQ29" s="239"/>
    </row>
    <row r="30" spans="2:43" ht="21" customHeight="1" x14ac:dyDescent="0.2">
      <c r="B30" s="106" t="s">
        <v>28</v>
      </c>
      <c r="C30" s="217">
        <v>0</v>
      </c>
      <c r="D30" s="219">
        <v>0</v>
      </c>
      <c r="E30" s="219">
        <v>0</v>
      </c>
      <c r="F30" s="220">
        <v>0</v>
      </c>
      <c r="G30" s="218">
        <v>0</v>
      </c>
      <c r="H30" s="218">
        <v>0</v>
      </c>
      <c r="I30" s="218">
        <v>1</v>
      </c>
      <c r="J30" s="219">
        <v>1</v>
      </c>
      <c r="K30" s="240">
        <v>2</v>
      </c>
      <c r="L30" s="241">
        <v>2</v>
      </c>
      <c r="M30" s="217">
        <v>0</v>
      </c>
      <c r="N30" s="219">
        <v>0</v>
      </c>
      <c r="O30" s="240">
        <v>0</v>
      </c>
      <c r="P30" s="222">
        <v>0</v>
      </c>
      <c r="Q30" s="218">
        <v>0</v>
      </c>
      <c r="R30" s="218">
        <v>0</v>
      </c>
      <c r="S30" s="218">
        <v>1</v>
      </c>
      <c r="T30" s="219">
        <v>0</v>
      </c>
      <c r="U30" s="240">
        <v>1</v>
      </c>
      <c r="V30" s="221">
        <v>1</v>
      </c>
      <c r="W30" s="222">
        <v>0</v>
      </c>
      <c r="X30" s="219">
        <v>0</v>
      </c>
      <c r="Y30" s="219">
        <v>0</v>
      </c>
      <c r="Z30" s="220">
        <v>0</v>
      </c>
      <c r="AA30" s="218">
        <v>0</v>
      </c>
      <c r="AB30" s="218">
        <v>0</v>
      </c>
      <c r="AC30" s="218">
        <v>0</v>
      </c>
      <c r="AD30" s="219">
        <v>0</v>
      </c>
      <c r="AE30" s="240">
        <v>0</v>
      </c>
      <c r="AF30" s="241">
        <v>0</v>
      </c>
      <c r="AG30" s="217">
        <v>0</v>
      </c>
      <c r="AH30" s="219">
        <v>0</v>
      </c>
      <c r="AI30" s="219">
        <v>0</v>
      </c>
      <c r="AJ30" s="220">
        <v>0</v>
      </c>
      <c r="AK30" s="218">
        <v>0</v>
      </c>
      <c r="AL30" s="218">
        <v>0</v>
      </c>
      <c r="AM30" s="218">
        <v>0</v>
      </c>
      <c r="AN30" s="219">
        <v>0</v>
      </c>
      <c r="AO30" s="240">
        <v>0</v>
      </c>
      <c r="AP30" s="242">
        <v>0</v>
      </c>
      <c r="AQ30" s="239"/>
    </row>
    <row r="31" spans="2:43" ht="21" customHeight="1" x14ac:dyDescent="0.2">
      <c r="B31" s="106" t="s">
        <v>29</v>
      </c>
      <c r="C31" s="217">
        <v>0</v>
      </c>
      <c r="D31" s="219">
        <v>0</v>
      </c>
      <c r="E31" s="219">
        <v>0</v>
      </c>
      <c r="F31" s="220">
        <v>0</v>
      </c>
      <c r="G31" s="218">
        <v>0</v>
      </c>
      <c r="H31" s="218">
        <v>0</v>
      </c>
      <c r="I31" s="218">
        <v>0</v>
      </c>
      <c r="J31" s="219">
        <v>1</v>
      </c>
      <c r="K31" s="240">
        <v>1</v>
      </c>
      <c r="L31" s="241">
        <v>1</v>
      </c>
      <c r="M31" s="217">
        <v>0</v>
      </c>
      <c r="N31" s="219">
        <v>0</v>
      </c>
      <c r="O31" s="240">
        <v>0</v>
      </c>
      <c r="P31" s="222">
        <v>0</v>
      </c>
      <c r="Q31" s="218">
        <v>0</v>
      </c>
      <c r="R31" s="218">
        <v>0</v>
      </c>
      <c r="S31" s="218">
        <v>0</v>
      </c>
      <c r="T31" s="219">
        <v>1</v>
      </c>
      <c r="U31" s="240">
        <v>1</v>
      </c>
      <c r="V31" s="221">
        <v>1</v>
      </c>
      <c r="W31" s="222">
        <v>0</v>
      </c>
      <c r="X31" s="219">
        <v>0</v>
      </c>
      <c r="Y31" s="219">
        <v>0</v>
      </c>
      <c r="Z31" s="220">
        <v>0</v>
      </c>
      <c r="AA31" s="218">
        <v>0</v>
      </c>
      <c r="AB31" s="218">
        <v>0</v>
      </c>
      <c r="AC31" s="218">
        <v>0</v>
      </c>
      <c r="AD31" s="219">
        <v>0</v>
      </c>
      <c r="AE31" s="240">
        <v>0</v>
      </c>
      <c r="AF31" s="241">
        <v>0</v>
      </c>
      <c r="AG31" s="217">
        <v>0</v>
      </c>
      <c r="AH31" s="219">
        <v>0</v>
      </c>
      <c r="AI31" s="219">
        <v>0</v>
      </c>
      <c r="AJ31" s="220">
        <v>0</v>
      </c>
      <c r="AK31" s="218">
        <v>0</v>
      </c>
      <c r="AL31" s="218">
        <v>0</v>
      </c>
      <c r="AM31" s="218">
        <v>0</v>
      </c>
      <c r="AN31" s="219">
        <v>0</v>
      </c>
      <c r="AO31" s="240">
        <v>0</v>
      </c>
      <c r="AP31" s="242">
        <v>0</v>
      </c>
      <c r="AQ31" s="239"/>
    </row>
    <row r="32" spans="2:43" ht="21" customHeight="1" x14ac:dyDescent="0.2">
      <c r="B32" s="106" t="s">
        <v>30</v>
      </c>
      <c r="C32" s="217">
        <v>0</v>
      </c>
      <c r="D32" s="219">
        <v>0</v>
      </c>
      <c r="E32" s="219">
        <v>0</v>
      </c>
      <c r="F32" s="220">
        <v>0</v>
      </c>
      <c r="G32" s="218">
        <v>0</v>
      </c>
      <c r="H32" s="218">
        <v>1</v>
      </c>
      <c r="I32" s="218">
        <v>2</v>
      </c>
      <c r="J32" s="219">
        <v>1</v>
      </c>
      <c r="K32" s="240">
        <v>4</v>
      </c>
      <c r="L32" s="241">
        <v>4</v>
      </c>
      <c r="M32" s="217">
        <v>0</v>
      </c>
      <c r="N32" s="219">
        <v>0</v>
      </c>
      <c r="O32" s="240">
        <v>0</v>
      </c>
      <c r="P32" s="222">
        <v>0</v>
      </c>
      <c r="Q32" s="218">
        <v>1</v>
      </c>
      <c r="R32" s="218">
        <v>1</v>
      </c>
      <c r="S32" s="218">
        <v>3</v>
      </c>
      <c r="T32" s="219">
        <v>0</v>
      </c>
      <c r="U32" s="240">
        <v>5</v>
      </c>
      <c r="V32" s="221">
        <v>5</v>
      </c>
      <c r="W32" s="222">
        <v>0</v>
      </c>
      <c r="X32" s="219">
        <v>0</v>
      </c>
      <c r="Y32" s="219">
        <v>0</v>
      </c>
      <c r="Z32" s="220">
        <v>0</v>
      </c>
      <c r="AA32" s="218">
        <v>0</v>
      </c>
      <c r="AB32" s="218">
        <v>0</v>
      </c>
      <c r="AC32" s="218">
        <v>0</v>
      </c>
      <c r="AD32" s="219">
        <v>0</v>
      </c>
      <c r="AE32" s="240">
        <v>0</v>
      </c>
      <c r="AF32" s="241">
        <v>0</v>
      </c>
      <c r="AG32" s="217">
        <v>0</v>
      </c>
      <c r="AH32" s="219">
        <v>0</v>
      </c>
      <c r="AI32" s="219">
        <v>0</v>
      </c>
      <c r="AJ32" s="220">
        <v>0</v>
      </c>
      <c r="AK32" s="218">
        <v>0</v>
      </c>
      <c r="AL32" s="218">
        <v>0</v>
      </c>
      <c r="AM32" s="218">
        <v>0</v>
      </c>
      <c r="AN32" s="219">
        <v>0</v>
      </c>
      <c r="AO32" s="240">
        <v>0</v>
      </c>
      <c r="AP32" s="242">
        <v>0</v>
      </c>
      <c r="AQ32" s="239"/>
    </row>
    <row r="33" spans="2:43" ht="21" customHeight="1" x14ac:dyDescent="0.2">
      <c r="B33" s="106" t="s">
        <v>31</v>
      </c>
      <c r="C33" s="217">
        <v>0</v>
      </c>
      <c r="D33" s="219">
        <v>0</v>
      </c>
      <c r="E33" s="219">
        <v>0</v>
      </c>
      <c r="F33" s="220">
        <v>0</v>
      </c>
      <c r="G33" s="218">
        <v>0</v>
      </c>
      <c r="H33" s="218">
        <v>2</v>
      </c>
      <c r="I33" s="218">
        <v>0</v>
      </c>
      <c r="J33" s="219">
        <v>1</v>
      </c>
      <c r="K33" s="240">
        <v>3</v>
      </c>
      <c r="L33" s="241">
        <v>3</v>
      </c>
      <c r="M33" s="217">
        <v>0</v>
      </c>
      <c r="N33" s="219">
        <v>0</v>
      </c>
      <c r="O33" s="240">
        <v>0</v>
      </c>
      <c r="P33" s="222">
        <v>0</v>
      </c>
      <c r="Q33" s="218">
        <v>0</v>
      </c>
      <c r="R33" s="218">
        <v>0</v>
      </c>
      <c r="S33" s="218">
        <v>0</v>
      </c>
      <c r="T33" s="219">
        <v>0</v>
      </c>
      <c r="U33" s="240">
        <v>0</v>
      </c>
      <c r="V33" s="221">
        <v>0</v>
      </c>
      <c r="W33" s="222">
        <v>0</v>
      </c>
      <c r="X33" s="219">
        <v>0</v>
      </c>
      <c r="Y33" s="219">
        <v>0</v>
      </c>
      <c r="Z33" s="220">
        <v>0</v>
      </c>
      <c r="AA33" s="218">
        <v>0</v>
      </c>
      <c r="AB33" s="218">
        <v>0</v>
      </c>
      <c r="AC33" s="218">
        <v>0</v>
      </c>
      <c r="AD33" s="219">
        <v>0</v>
      </c>
      <c r="AE33" s="240">
        <v>0</v>
      </c>
      <c r="AF33" s="241">
        <v>0</v>
      </c>
      <c r="AG33" s="217">
        <v>0</v>
      </c>
      <c r="AH33" s="219">
        <v>0</v>
      </c>
      <c r="AI33" s="219">
        <v>0</v>
      </c>
      <c r="AJ33" s="220">
        <v>0</v>
      </c>
      <c r="AK33" s="218">
        <v>0</v>
      </c>
      <c r="AL33" s="218">
        <v>0</v>
      </c>
      <c r="AM33" s="218">
        <v>0</v>
      </c>
      <c r="AN33" s="219">
        <v>0</v>
      </c>
      <c r="AO33" s="240">
        <v>0</v>
      </c>
      <c r="AP33" s="242">
        <v>0</v>
      </c>
      <c r="AQ33" s="239"/>
    </row>
    <row r="34" spans="2:43" ht="21" customHeight="1" x14ac:dyDescent="0.2">
      <c r="B34" s="106" t="s">
        <v>32</v>
      </c>
      <c r="C34" s="217">
        <v>0</v>
      </c>
      <c r="D34" s="219">
        <v>0</v>
      </c>
      <c r="E34" s="219">
        <v>0</v>
      </c>
      <c r="F34" s="220">
        <v>0</v>
      </c>
      <c r="G34" s="218">
        <v>0</v>
      </c>
      <c r="H34" s="218">
        <v>0</v>
      </c>
      <c r="I34" s="218">
        <v>0</v>
      </c>
      <c r="J34" s="219">
        <v>0</v>
      </c>
      <c r="K34" s="240">
        <v>0</v>
      </c>
      <c r="L34" s="241">
        <v>0</v>
      </c>
      <c r="M34" s="217">
        <v>0</v>
      </c>
      <c r="N34" s="219">
        <v>0</v>
      </c>
      <c r="O34" s="240">
        <v>0</v>
      </c>
      <c r="P34" s="222">
        <v>0</v>
      </c>
      <c r="Q34" s="218">
        <v>0</v>
      </c>
      <c r="R34" s="218">
        <v>0</v>
      </c>
      <c r="S34" s="218">
        <v>0</v>
      </c>
      <c r="T34" s="219">
        <v>0</v>
      </c>
      <c r="U34" s="240">
        <v>0</v>
      </c>
      <c r="V34" s="221">
        <v>0</v>
      </c>
      <c r="W34" s="222">
        <v>0</v>
      </c>
      <c r="X34" s="219">
        <v>0</v>
      </c>
      <c r="Y34" s="219">
        <v>0</v>
      </c>
      <c r="Z34" s="220">
        <v>0</v>
      </c>
      <c r="AA34" s="218">
        <v>0</v>
      </c>
      <c r="AB34" s="218">
        <v>0</v>
      </c>
      <c r="AC34" s="218">
        <v>0</v>
      </c>
      <c r="AD34" s="219">
        <v>0</v>
      </c>
      <c r="AE34" s="240">
        <v>0</v>
      </c>
      <c r="AF34" s="241">
        <v>0</v>
      </c>
      <c r="AG34" s="217">
        <v>0</v>
      </c>
      <c r="AH34" s="219">
        <v>0</v>
      </c>
      <c r="AI34" s="219">
        <v>0</v>
      </c>
      <c r="AJ34" s="220">
        <v>0</v>
      </c>
      <c r="AK34" s="218">
        <v>0</v>
      </c>
      <c r="AL34" s="218">
        <v>0</v>
      </c>
      <c r="AM34" s="218">
        <v>0</v>
      </c>
      <c r="AN34" s="219">
        <v>0</v>
      </c>
      <c r="AO34" s="240">
        <v>0</v>
      </c>
      <c r="AP34" s="242">
        <v>0</v>
      </c>
      <c r="AQ34" s="239"/>
    </row>
    <row r="35" spans="2:43" ht="21" customHeight="1" x14ac:dyDescent="0.2">
      <c r="B35" s="106" t="s">
        <v>33</v>
      </c>
      <c r="C35" s="217">
        <v>0</v>
      </c>
      <c r="D35" s="219">
        <v>0</v>
      </c>
      <c r="E35" s="219">
        <v>0</v>
      </c>
      <c r="F35" s="220">
        <v>0</v>
      </c>
      <c r="G35" s="218">
        <v>0</v>
      </c>
      <c r="H35" s="218">
        <v>0</v>
      </c>
      <c r="I35" s="218">
        <v>1</v>
      </c>
      <c r="J35" s="219">
        <v>0</v>
      </c>
      <c r="K35" s="240">
        <v>1</v>
      </c>
      <c r="L35" s="241">
        <v>1</v>
      </c>
      <c r="M35" s="217">
        <v>0</v>
      </c>
      <c r="N35" s="219">
        <v>0</v>
      </c>
      <c r="O35" s="240">
        <v>0</v>
      </c>
      <c r="P35" s="222">
        <v>0</v>
      </c>
      <c r="Q35" s="218">
        <v>0</v>
      </c>
      <c r="R35" s="218">
        <v>0</v>
      </c>
      <c r="S35" s="218">
        <v>0</v>
      </c>
      <c r="T35" s="219">
        <v>0</v>
      </c>
      <c r="U35" s="240">
        <v>0</v>
      </c>
      <c r="V35" s="221">
        <v>0</v>
      </c>
      <c r="W35" s="222">
        <v>0</v>
      </c>
      <c r="X35" s="219">
        <v>0</v>
      </c>
      <c r="Y35" s="219">
        <v>0</v>
      </c>
      <c r="Z35" s="220">
        <v>0</v>
      </c>
      <c r="AA35" s="218">
        <v>0</v>
      </c>
      <c r="AB35" s="218">
        <v>0</v>
      </c>
      <c r="AC35" s="218">
        <v>0</v>
      </c>
      <c r="AD35" s="219">
        <v>0</v>
      </c>
      <c r="AE35" s="240">
        <v>0</v>
      </c>
      <c r="AF35" s="241">
        <v>0</v>
      </c>
      <c r="AG35" s="217">
        <v>0</v>
      </c>
      <c r="AH35" s="219">
        <v>0</v>
      </c>
      <c r="AI35" s="219">
        <v>0</v>
      </c>
      <c r="AJ35" s="220">
        <v>0</v>
      </c>
      <c r="AK35" s="218">
        <v>0</v>
      </c>
      <c r="AL35" s="218">
        <v>0</v>
      </c>
      <c r="AM35" s="218">
        <v>0</v>
      </c>
      <c r="AN35" s="219">
        <v>0</v>
      </c>
      <c r="AO35" s="240">
        <v>0</v>
      </c>
      <c r="AP35" s="242">
        <v>0</v>
      </c>
      <c r="AQ35" s="239"/>
    </row>
    <row r="36" spans="2:43" ht="21" customHeight="1" x14ac:dyDescent="0.2">
      <c r="B36" s="106" t="s">
        <v>34</v>
      </c>
      <c r="C36" s="217">
        <v>0</v>
      </c>
      <c r="D36" s="219">
        <v>0</v>
      </c>
      <c r="E36" s="219">
        <v>0</v>
      </c>
      <c r="F36" s="220">
        <v>0</v>
      </c>
      <c r="G36" s="218">
        <v>0</v>
      </c>
      <c r="H36" s="218">
        <v>0</v>
      </c>
      <c r="I36" s="218">
        <v>1</v>
      </c>
      <c r="J36" s="219">
        <v>0</v>
      </c>
      <c r="K36" s="240">
        <v>1</v>
      </c>
      <c r="L36" s="241">
        <v>1</v>
      </c>
      <c r="M36" s="217">
        <v>0</v>
      </c>
      <c r="N36" s="219">
        <v>0</v>
      </c>
      <c r="O36" s="240">
        <v>0</v>
      </c>
      <c r="P36" s="222">
        <v>0</v>
      </c>
      <c r="Q36" s="218">
        <v>0</v>
      </c>
      <c r="R36" s="218">
        <v>1</v>
      </c>
      <c r="S36" s="218">
        <v>0</v>
      </c>
      <c r="T36" s="219">
        <v>0</v>
      </c>
      <c r="U36" s="240">
        <v>1</v>
      </c>
      <c r="V36" s="221">
        <v>1</v>
      </c>
      <c r="W36" s="222">
        <v>0</v>
      </c>
      <c r="X36" s="219">
        <v>0</v>
      </c>
      <c r="Y36" s="219">
        <v>0</v>
      </c>
      <c r="Z36" s="220">
        <v>0</v>
      </c>
      <c r="AA36" s="218">
        <v>0</v>
      </c>
      <c r="AB36" s="218">
        <v>0</v>
      </c>
      <c r="AC36" s="218">
        <v>0</v>
      </c>
      <c r="AD36" s="219">
        <v>0</v>
      </c>
      <c r="AE36" s="240">
        <v>0</v>
      </c>
      <c r="AF36" s="241">
        <v>0</v>
      </c>
      <c r="AG36" s="217">
        <v>0</v>
      </c>
      <c r="AH36" s="219">
        <v>0</v>
      </c>
      <c r="AI36" s="219">
        <v>0</v>
      </c>
      <c r="AJ36" s="220">
        <v>0</v>
      </c>
      <c r="AK36" s="218">
        <v>0</v>
      </c>
      <c r="AL36" s="218">
        <v>0</v>
      </c>
      <c r="AM36" s="218">
        <v>0</v>
      </c>
      <c r="AN36" s="219">
        <v>0</v>
      </c>
      <c r="AO36" s="240">
        <v>0</v>
      </c>
      <c r="AP36" s="242">
        <v>0</v>
      </c>
      <c r="AQ36" s="239"/>
    </row>
    <row r="37" spans="2:43" ht="21" customHeight="1" x14ac:dyDescent="0.2">
      <c r="B37" s="106" t="s">
        <v>35</v>
      </c>
      <c r="C37" s="217">
        <v>0</v>
      </c>
      <c r="D37" s="219">
        <v>0</v>
      </c>
      <c r="E37" s="219">
        <v>0</v>
      </c>
      <c r="F37" s="220">
        <v>0</v>
      </c>
      <c r="G37" s="218">
        <v>0</v>
      </c>
      <c r="H37" s="218">
        <v>0</v>
      </c>
      <c r="I37" s="218">
        <v>1</v>
      </c>
      <c r="J37" s="219">
        <v>3</v>
      </c>
      <c r="K37" s="240">
        <v>4</v>
      </c>
      <c r="L37" s="241">
        <v>4</v>
      </c>
      <c r="M37" s="217">
        <v>0</v>
      </c>
      <c r="N37" s="219">
        <v>0</v>
      </c>
      <c r="O37" s="240">
        <v>0</v>
      </c>
      <c r="P37" s="222">
        <v>1</v>
      </c>
      <c r="Q37" s="218">
        <v>0</v>
      </c>
      <c r="R37" s="218">
        <v>2</v>
      </c>
      <c r="S37" s="218">
        <v>0</v>
      </c>
      <c r="T37" s="219">
        <v>0</v>
      </c>
      <c r="U37" s="240">
        <v>3</v>
      </c>
      <c r="V37" s="221">
        <v>3</v>
      </c>
      <c r="W37" s="222">
        <v>0</v>
      </c>
      <c r="X37" s="219">
        <v>0</v>
      </c>
      <c r="Y37" s="219">
        <v>0</v>
      </c>
      <c r="Z37" s="220">
        <v>0</v>
      </c>
      <c r="AA37" s="218">
        <v>0</v>
      </c>
      <c r="AB37" s="218">
        <v>0</v>
      </c>
      <c r="AC37" s="218">
        <v>0</v>
      </c>
      <c r="AD37" s="219">
        <v>0</v>
      </c>
      <c r="AE37" s="240">
        <v>0</v>
      </c>
      <c r="AF37" s="241">
        <v>0</v>
      </c>
      <c r="AG37" s="217">
        <v>0</v>
      </c>
      <c r="AH37" s="219">
        <v>0</v>
      </c>
      <c r="AI37" s="219">
        <v>0</v>
      </c>
      <c r="AJ37" s="220">
        <v>0</v>
      </c>
      <c r="AK37" s="218">
        <v>0</v>
      </c>
      <c r="AL37" s="218">
        <v>0</v>
      </c>
      <c r="AM37" s="218">
        <v>0</v>
      </c>
      <c r="AN37" s="219">
        <v>0</v>
      </c>
      <c r="AO37" s="240">
        <v>0</v>
      </c>
      <c r="AP37" s="242">
        <v>0</v>
      </c>
      <c r="AQ37" s="239"/>
    </row>
    <row r="38" spans="2:43" ht="21" customHeight="1" x14ac:dyDescent="0.2">
      <c r="B38" s="106" t="s">
        <v>36</v>
      </c>
      <c r="C38" s="217">
        <v>0</v>
      </c>
      <c r="D38" s="219">
        <v>0</v>
      </c>
      <c r="E38" s="219">
        <v>0</v>
      </c>
      <c r="F38" s="220">
        <v>0</v>
      </c>
      <c r="G38" s="218">
        <v>0</v>
      </c>
      <c r="H38" s="218">
        <v>1</v>
      </c>
      <c r="I38" s="218">
        <v>2</v>
      </c>
      <c r="J38" s="219">
        <v>0</v>
      </c>
      <c r="K38" s="240">
        <v>3</v>
      </c>
      <c r="L38" s="241">
        <v>3</v>
      </c>
      <c r="M38" s="217">
        <v>0</v>
      </c>
      <c r="N38" s="219">
        <v>0</v>
      </c>
      <c r="O38" s="240">
        <v>0</v>
      </c>
      <c r="P38" s="222">
        <v>0</v>
      </c>
      <c r="Q38" s="218">
        <v>0</v>
      </c>
      <c r="R38" s="218">
        <v>2</v>
      </c>
      <c r="S38" s="218">
        <v>1</v>
      </c>
      <c r="T38" s="219">
        <v>1</v>
      </c>
      <c r="U38" s="240">
        <v>4</v>
      </c>
      <c r="V38" s="221">
        <v>4</v>
      </c>
      <c r="W38" s="222">
        <v>0</v>
      </c>
      <c r="X38" s="219">
        <v>0</v>
      </c>
      <c r="Y38" s="219">
        <v>0</v>
      </c>
      <c r="Z38" s="220">
        <v>0</v>
      </c>
      <c r="AA38" s="218">
        <v>0</v>
      </c>
      <c r="AB38" s="218">
        <v>0</v>
      </c>
      <c r="AC38" s="218">
        <v>0</v>
      </c>
      <c r="AD38" s="219">
        <v>0</v>
      </c>
      <c r="AE38" s="240">
        <v>0</v>
      </c>
      <c r="AF38" s="241">
        <v>0</v>
      </c>
      <c r="AG38" s="217">
        <v>0</v>
      </c>
      <c r="AH38" s="219">
        <v>0</v>
      </c>
      <c r="AI38" s="219">
        <v>0</v>
      </c>
      <c r="AJ38" s="220">
        <v>0</v>
      </c>
      <c r="AK38" s="218">
        <v>0</v>
      </c>
      <c r="AL38" s="218">
        <v>0</v>
      </c>
      <c r="AM38" s="218">
        <v>0</v>
      </c>
      <c r="AN38" s="219">
        <v>0</v>
      </c>
      <c r="AO38" s="240">
        <v>0</v>
      </c>
      <c r="AP38" s="242">
        <v>0</v>
      </c>
      <c r="AQ38" s="239"/>
    </row>
    <row r="39" spans="2:43" ht="21" customHeight="1" thickBot="1" x14ac:dyDescent="0.25">
      <c r="B39" s="108" t="s">
        <v>37</v>
      </c>
      <c r="C39" s="223">
        <v>0</v>
      </c>
      <c r="D39" s="225">
        <v>0</v>
      </c>
      <c r="E39" s="225">
        <v>0</v>
      </c>
      <c r="F39" s="226">
        <v>0</v>
      </c>
      <c r="G39" s="224">
        <v>0</v>
      </c>
      <c r="H39" s="224">
        <v>1</v>
      </c>
      <c r="I39" s="224">
        <v>0</v>
      </c>
      <c r="J39" s="225">
        <v>0</v>
      </c>
      <c r="K39" s="243">
        <v>1</v>
      </c>
      <c r="L39" s="244">
        <v>1</v>
      </c>
      <c r="M39" s="223">
        <v>0</v>
      </c>
      <c r="N39" s="225">
        <v>0</v>
      </c>
      <c r="O39" s="243">
        <v>0</v>
      </c>
      <c r="P39" s="228">
        <v>0</v>
      </c>
      <c r="Q39" s="224">
        <v>0</v>
      </c>
      <c r="R39" s="224">
        <v>0</v>
      </c>
      <c r="S39" s="224">
        <v>0</v>
      </c>
      <c r="T39" s="225">
        <v>0</v>
      </c>
      <c r="U39" s="243">
        <v>0</v>
      </c>
      <c r="V39" s="227">
        <v>0</v>
      </c>
      <c r="W39" s="228">
        <v>0</v>
      </c>
      <c r="X39" s="225">
        <v>0</v>
      </c>
      <c r="Y39" s="225">
        <v>0</v>
      </c>
      <c r="Z39" s="226">
        <v>0</v>
      </c>
      <c r="AA39" s="224">
        <v>0</v>
      </c>
      <c r="AB39" s="224">
        <v>0</v>
      </c>
      <c r="AC39" s="224">
        <v>0</v>
      </c>
      <c r="AD39" s="225">
        <v>0</v>
      </c>
      <c r="AE39" s="243">
        <v>0</v>
      </c>
      <c r="AF39" s="244">
        <v>0</v>
      </c>
      <c r="AG39" s="223">
        <v>0</v>
      </c>
      <c r="AH39" s="225">
        <v>0</v>
      </c>
      <c r="AI39" s="225">
        <v>0</v>
      </c>
      <c r="AJ39" s="226">
        <v>0</v>
      </c>
      <c r="AK39" s="224">
        <v>0</v>
      </c>
      <c r="AL39" s="224">
        <v>0</v>
      </c>
      <c r="AM39" s="224">
        <v>0</v>
      </c>
      <c r="AN39" s="225">
        <v>0</v>
      </c>
      <c r="AO39" s="243">
        <v>0</v>
      </c>
      <c r="AP39" s="245">
        <v>0</v>
      </c>
      <c r="AQ39" s="239"/>
    </row>
    <row r="40" spans="2:43" x14ac:dyDescent="0.2"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39"/>
      <c r="N40" s="239"/>
      <c r="O40" s="239"/>
      <c r="P40" s="239"/>
      <c r="Q40" s="239"/>
      <c r="R40" s="239"/>
      <c r="S40" s="239"/>
      <c r="T40" s="239"/>
      <c r="U40" s="239"/>
      <c r="V40" s="239"/>
      <c r="W40" s="239"/>
      <c r="X40" s="239"/>
      <c r="Y40" s="239"/>
      <c r="Z40" s="239"/>
      <c r="AA40" s="239"/>
      <c r="AB40" s="239"/>
      <c r="AC40" s="239"/>
      <c r="AD40" s="239"/>
      <c r="AE40" s="239"/>
      <c r="AF40" s="239"/>
      <c r="AG40" s="239"/>
      <c r="AH40" s="239"/>
      <c r="AI40" s="239"/>
      <c r="AJ40" s="239"/>
      <c r="AK40" s="239"/>
      <c r="AL40" s="239"/>
      <c r="AM40" s="239"/>
      <c r="AN40" s="239"/>
      <c r="AO40" s="239"/>
      <c r="AP40" s="239"/>
      <c r="AQ40" s="239"/>
    </row>
    <row r="41" spans="2:43" x14ac:dyDescent="0.2">
      <c r="C41" s="246"/>
      <c r="D41" s="246"/>
      <c r="E41" s="246"/>
      <c r="F41" s="246"/>
      <c r="G41" s="246"/>
      <c r="H41" s="246"/>
      <c r="I41" s="246"/>
      <c r="J41" s="246"/>
      <c r="K41" s="246"/>
      <c r="L41" s="246"/>
      <c r="M41" s="239"/>
      <c r="N41" s="239"/>
      <c r="O41" s="239"/>
      <c r="P41" s="239"/>
      <c r="Q41" s="239"/>
      <c r="R41" s="239"/>
      <c r="S41" s="239"/>
      <c r="T41" s="239"/>
      <c r="U41" s="239"/>
      <c r="V41" s="239"/>
      <c r="W41" s="239"/>
      <c r="X41" s="239"/>
      <c r="Y41" s="239"/>
      <c r="Z41" s="239"/>
      <c r="AA41" s="239"/>
      <c r="AB41" s="239"/>
      <c r="AC41" s="239"/>
      <c r="AD41" s="239"/>
      <c r="AE41" s="239"/>
      <c r="AF41" s="239"/>
      <c r="AG41" s="239"/>
      <c r="AH41" s="239"/>
      <c r="AI41" s="239"/>
      <c r="AJ41" s="239"/>
      <c r="AK41" s="239"/>
      <c r="AL41" s="239"/>
      <c r="AM41" s="239"/>
      <c r="AN41" s="239"/>
      <c r="AO41" s="239"/>
      <c r="AP41" s="239"/>
      <c r="AQ41" s="239"/>
    </row>
    <row r="42" spans="2:43" x14ac:dyDescent="0.2">
      <c r="C42" s="246"/>
      <c r="D42" s="246"/>
      <c r="E42" s="246"/>
      <c r="F42" s="246"/>
      <c r="G42" s="246"/>
      <c r="H42" s="246"/>
      <c r="I42" s="246"/>
      <c r="J42" s="246"/>
      <c r="K42" s="246"/>
      <c r="L42" s="246"/>
      <c r="M42" s="239"/>
      <c r="N42" s="239"/>
      <c r="O42" s="239"/>
      <c r="P42" s="239"/>
      <c r="Q42" s="239"/>
      <c r="R42" s="239"/>
      <c r="S42" s="239"/>
      <c r="T42" s="239"/>
      <c r="U42" s="239"/>
      <c r="V42" s="239"/>
      <c r="W42" s="239"/>
      <c r="X42" s="239"/>
      <c r="Y42" s="239"/>
      <c r="Z42" s="239"/>
      <c r="AA42" s="239"/>
      <c r="AB42" s="239"/>
      <c r="AC42" s="239"/>
      <c r="AD42" s="239"/>
      <c r="AE42" s="239"/>
      <c r="AF42" s="239"/>
      <c r="AG42" s="239"/>
      <c r="AH42" s="239"/>
      <c r="AI42" s="239"/>
      <c r="AJ42" s="239"/>
      <c r="AK42" s="239"/>
      <c r="AL42" s="239"/>
      <c r="AM42" s="239"/>
      <c r="AN42" s="239"/>
      <c r="AO42" s="239"/>
      <c r="AP42" s="239"/>
      <c r="AQ42" s="239"/>
    </row>
    <row r="43" spans="2:43" x14ac:dyDescent="0.2">
      <c r="C43" s="246"/>
      <c r="D43" s="246"/>
      <c r="E43" s="246"/>
      <c r="F43" s="246"/>
      <c r="G43" s="246"/>
      <c r="H43" s="246"/>
      <c r="I43" s="246"/>
      <c r="J43" s="246"/>
      <c r="K43" s="246"/>
      <c r="L43" s="246"/>
      <c r="M43" s="239"/>
      <c r="N43" s="239"/>
      <c r="O43" s="239"/>
      <c r="P43" s="239"/>
      <c r="Q43" s="239"/>
      <c r="R43" s="239"/>
      <c r="S43" s="239"/>
      <c r="T43" s="239"/>
      <c r="U43" s="239"/>
      <c r="V43" s="239"/>
      <c r="W43" s="239"/>
      <c r="X43" s="239"/>
      <c r="Y43" s="239"/>
      <c r="Z43" s="239"/>
      <c r="AA43" s="239"/>
      <c r="AB43" s="239"/>
      <c r="AC43" s="239"/>
      <c r="AD43" s="239"/>
      <c r="AE43" s="239"/>
      <c r="AF43" s="239"/>
      <c r="AG43" s="239"/>
      <c r="AH43" s="239"/>
      <c r="AI43" s="239"/>
      <c r="AJ43" s="239"/>
      <c r="AK43" s="239"/>
      <c r="AL43" s="239"/>
      <c r="AM43" s="239"/>
      <c r="AN43" s="239"/>
      <c r="AO43" s="239"/>
      <c r="AP43" s="239"/>
      <c r="AQ43" s="239"/>
    </row>
    <row r="44" spans="2:43" x14ac:dyDescent="0.2">
      <c r="C44" s="246"/>
      <c r="D44" s="246"/>
      <c r="E44" s="246"/>
      <c r="F44" s="246"/>
      <c r="G44" s="246"/>
      <c r="H44" s="246"/>
      <c r="I44" s="246"/>
      <c r="J44" s="246"/>
      <c r="K44" s="246"/>
      <c r="L44" s="246"/>
      <c r="M44" s="239"/>
      <c r="N44" s="239"/>
      <c r="O44" s="239"/>
      <c r="P44" s="239"/>
      <c r="Q44" s="239"/>
      <c r="R44" s="239"/>
      <c r="S44" s="239"/>
      <c r="T44" s="239"/>
      <c r="U44" s="239"/>
      <c r="V44" s="239"/>
      <c r="W44" s="239"/>
      <c r="X44" s="239"/>
      <c r="Y44" s="239"/>
      <c r="Z44" s="239"/>
      <c r="AA44" s="239"/>
      <c r="AB44" s="239"/>
      <c r="AC44" s="239"/>
      <c r="AD44" s="239"/>
      <c r="AE44" s="239"/>
      <c r="AF44" s="239"/>
      <c r="AG44" s="239"/>
      <c r="AH44" s="239"/>
      <c r="AI44" s="239"/>
      <c r="AJ44" s="239"/>
      <c r="AK44" s="239"/>
      <c r="AL44" s="239"/>
      <c r="AM44" s="239"/>
      <c r="AN44" s="239"/>
      <c r="AO44" s="239"/>
      <c r="AP44" s="239"/>
      <c r="AQ44" s="239"/>
    </row>
    <row r="45" spans="2:43" x14ac:dyDescent="0.2">
      <c r="C45" s="70"/>
      <c r="D45" s="70"/>
      <c r="E45" s="70"/>
      <c r="F45" s="70"/>
      <c r="G45" s="70"/>
      <c r="H45" s="70"/>
      <c r="I45" s="70"/>
      <c r="J45" s="70"/>
      <c r="K45" s="70"/>
      <c r="L45" s="70"/>
    </row>
    <row r="46" spans="2:43" x14ac:dyDescent="0.2">
      <c r="C46" s="70"/>
      <c r="D46" s="70"/>
      <c r="E46" s="70"/>
      <c r="F46" s="70"/>
      <c r="G46" s="70"/>
      <c r="H46" s="70"/>
      <c r="I46" s="70"/>
      <c r="J46" s="70"/>
      <c r="K46" s="70"/>
      <c r="L46" s="70"/>
    </row>
    <row r="47" spans="2:43" x14ac:dyDescent="0.2">
      <c r="C47" s="70"/>
      <c r="D47" s="70"/>
      <c r="E47" s="70"/>
      <c r="F47" s="70"/>
      <c r="G47" s="70"/>
      <c r="H47" s="70"/>
      <c r="I47" s="70"/>
      <c r="J47" s="70"/>
      <c r="K47" s="70"/>
      <c r="L47" s="70"/>
    </row>
    <row r="48" spans="2:43" x14ac:dyDescent="0.2">
      <c r="C48" s="70"/>
      <c r="D48" s="70"/>
      <c r="E48" s="70"/>
      <c r="F48" s="70"/>
      <c r="G48" s="70"/>
      <c r="H48" s="70"/>
      <c r="I48" s="70"/>
      <c r="J48" s="70"/>
      <c r="K48" s="70"/>
      <c r="L48" s="70"/>
    </row>
    <row r="49" spans="3:12" x14ac:dyDescent="0.2">
      <c r="C49" s="70"/>
      <c r="D49" s="70"/>
      <c r="E49" s="70"/>
      <c r="F49" s="70"/>
      <c r="G49" s="70"/>
      <c r="H49" s="70"/>
      <c r="I49" s="70"/>
      <c r="J49" s="70"/>
      <c r="K49" s="70"/>
      <c r="L49" s="70"/>
    </row>
    <row r="50" spans="3:12" x14ac:dyDescent="0.2">
      <c r="C50" s="70"/>
      <c r="D50" s="70"/>
      <c r="E50" s="70"/>
      <c r="F50" s="70"/>
      <c r="G50" s="70"/>
      <c r="H50" s="70"/>
      <c r="I50" s="70"/>
      <c r="J50" s="70"/>
      <c r="K50" s="70"/>
      <c r="L50" s="70"/>
    </row>
    <row r="51" spans="3:12" x14ac:dyDescent="0.2">
      <c r="C51" s="70"/>
      <c r="D51" s="70"/>
      <c r="E51" s="70"/>
      <c r="F51" s="70"/>
      <c r="G51" s="70"/>
      <c r="H51" s="70"/>
      <c r="I51" s="70"/>
      <c r="J51" s="70"/>
      <c r="K51" s="70"/>
      <c r="L51" s="70"/>
    </row>
    <row r="52" spans="3:12" x14ac:dyDescent="0.2">
      <c r="C52" s="70"/>
      <c r="D52" s="70"/>
      <c r="E52" s="70"/>
      <c r="F52" s="70"/>
      <c r="G52" s="70"/>
      <c r="H52" s="70"/>
      <c r="I52" s="70"/>
      <c r="J52" s="70"/>
      <c r="K52" s="70"/>
      <c r="L52" s="70"/>
    </row>
    <row r="53" spans="3:12" x14ac:dyDescent="0.2">
      <c r="C53" s="70"/>
      <c r="D53" s="70"/>
      <c r="E53" s="70"/>
      <c r="F53" s="70"/>
      <c r="G53" s="70"/>
      <c r="H53" s="70"/>
      <c r="I53" s="70"/>
      <c r="J53" s="70"/>
      <c r="K53" s="70"/>
      <c r="L53" s="70"/>
    </row>
    <row r="54" spans="3:12" x14ac:dyDescent="0.2">
      <c r="C54" s="70"/>
      <c r="D54" s="70"/>
      <c r="E54" s="70"/>
      <c r="F54" s="70"/>
      <c r="G54" s="70"/>
      <c r="H54" s="70"/>
      <c r="I54" s="70"/>
      <c r="J54" s="70"/>
      <c r="K54" s="70"/>
      <c r="L54" s="70"/>
    </row>
    <row r="55" spans="3:12" x14ac:dyDescent="0.2">
      <c r="C55" s="70"/>
      <c r="D55" s="70"/>
      <c r="E55" s="70"/>
      <c r="F55" s="70"/>
      <c r="G55" s="70"/>
      <c r="H55" s="70"/>
      <c r="I55" s="70"/>
      <c r="J55" s="70"/>
      <c r="K55" s="70"/>
      <c r="L55" s="70"/>
    </row>
    <row r="56" spans="3:12" x14ac:dyDescent="0.2">
      <c r="C56" s="70"/>
      <c r="D56" s="70"/>
      <c r="E56" s="70"/>
      <c r="F56" s="70"/>
      <c r="G56" s="70"/>
      <c r="H56" s="70"/>
      <c r="I56" s="70"/>
      <c r="J56" s="70"/>
      <c r="K56" s="70"/>
      <c r="L56" s="70"/>
    </row>
    <row r="57" spans="3:12" x14ac:dyDescent="0.2">
      <c r="C57" s="70"/>
      <c r="D57" s="70"/>
      <c r="E57" s="70"/>
      <c r="F57" s="70"/>
      <c r="G57" s="70"/>
      <c r="H57" s="70"/>
      <c r="I57" s="70"/>
      <c r="J57" s="70"/>
      <c r="K57" s="70"/>
      <c r="L57" s="70"/>
    </row>
    <row r="58" spans="3:12" x14ac:dyDescent="0.2">
      <c r="C58" s="70"/>
      <c r="D58" s="70"/>
      <c r="E58" s="70"/>
      <c r="F58" s="70"/>
      <c r="G58" s="70"/>
      <c r="H58" s="70"/>
      <c r="I58" s="70"/>
      <c r="J58" s="70"/>
      <c r="K58" s="70"/>
      <c r="L58" s="70"/>
    </row>
    <row r="59" spans="3:12" x14ac:dyDescent="0.2">
      <c r="C59" s="70"/>
      <c r="D59" s="70"/>
      <c r="E59" s="70"/>
      <c r="F59" s="70"/>
      <c r="G59" s="70"/>
      <c r="H59" s="70"/>
      <c r="I59" s="70"/>
      <c r="J59" s="70"/>
      <c r="K59" s="70"/>
      <c r="L59" s="70"/>
    </row>
    <row r="60" spans="3:12" x14ac:dyDescent="0.2">
      <c r="C60" s="70"/>
      <c r="D60" s="70"/>
      <c r="E60" s="70"/>
      <c r="F60" s="70"/>
      <c r="G60" s="70"/>
      <c r="H60" s="70"/>
      <c r="I60" s="70"/>
      <c r="J60" s="70"/>
      <c r="K60" s="70"/>
      <c r="L60" s="70"/>
    </row>
    <row r="61" spans="3:12" x14ac:dyDescent="0.2">
      <c r="C61" s="70"/>
      <c r="D61" s="70"/>
      <c r="E61" s="70"/>
      <c r="F61" s="70"/>
      <c r="G61" s="70"/>
      <c r="H61" s="70"/>
      <c r="I61" s="70"/>
      <c r="J61" s="70"/>
      <c r="K61" s="70"/>
      <c r="L61" s="70"/>
    </row>
    <row r="62" spans="3:12" x14ac:dyDescent="0.2">
      <c r="C62" s="70"/>
      <c r="D62" s="70"/>
      <c r="E62" s="70"/>
      <c r="F62" s="70"/>
      <c r="G62" s="70"/>
      <c r="H62" s="70"/>
      <c r="I62" s="70"/>
      <c r="J62" s="70"/>
      <c r="K62" s="70"/>
      <c r="L62" s="70"/>
    </row>
    <row r="63" spans="3:12" x14ac:dyDescent="0.2">
      <c r="C63" s="70"/>
      <c r="D63" s="70"/>
      <c r="E63" s="70"/>
      <c r="F63" s="70"/>
      <c r="G63" s="70"/>
      <c r="H63" s="70"/>
      <c r="I63" s="70"/>
      <c r="J63" s="70"/>
      <c r="K63" s="70"/>
      <c r="L63" s="70"/>
    </row>
    <row r="64" spans="3:12" x14ac:dyDescent="0.2">
      <c r="C64" s="70"/>
      <c r="D64" s="70"/>
      <c r="E64" s="70"/>
      <c r="F64" s="70"/>
      <c r="G64" s="70"/>
      <c r="H64" s="70"/>
      <c r="I64" s="70"/>
      <c r="J64" s="70"/>
      <c r="K64" s="70"/>
      <c r="L64" s="70"/>
    </row>
    <row r="65" spans="3:12" x14ac:dyDescent="0.2">
      <c r="C65" s="70"/>
      <c r="D65" s="70"/>
      <c r="E65" s="70"/>
      <c r="F65" s="70"/>
      <c r="G65" s="70"/>
      <c r="H65" s="70"/>
      <c r="I65" s="70"/>
      <c r="J65" s="70"/>
      <c r="K65" s="70"/>
      <c r="L65" s="70"/>
    </row>
    <row r="66" spans="3:12" x14ac:dyDescent="0.2">
      <c r="C66" s="70"/>
      <c r="D66" s="70"/>
      <c r="E66" s="70"/>
      <c r="F66" s="70"/>
      <c r="G66" s="70"/>
      <c r="H66" s="70"/>
      <c r="I66" s="70"/>
      <c r="J66" s="70"/>
      <c r="K66" s="70"/>
      <c r="L66" s="70"/>
    </row>
    <row r="67" spans="3:12" x14ac:dyDescent="0.2">
      <c r="C67" s="70"/>
      <c r="D67" s="70"/>
      <c r="E67" s="70"/>
      <c r="F67" s="70"/>
      <c r="G67" s="70"/>
      <c r="H67" s="70"/>
      <c r="I67" s="70"/>
      <c r="J67" s="70"/>
      <c r="K67" s="70"/>
      <c r="L67" s="70"/>
    </row>
    <row r="68" spans="3:12" x14ac:dyDescent="0.2">
      <c r="C68" s="70"/>
      <c r="D68" s="70"/>
      <c r="E68" s="70"/>
      <c r="F68" s="70"/>
      <c r="G68" s="70"/>
      <c r="H68" s="70"/>
      <c r="I68" s="70"/>
      <c r="J68" s="70"/>
      <c r="K68" s="70"/>
      <c r="L68" s="70"/>
    </row>
    <row r="69" spans="3:12" x14ac:dyDescent="0.2">
      <c r="C69" s="70"/>
      <c r="D69" s="70"/>
      <c r="E69" s="70"/>
      <c r="F69" s="70"/>
      <c r="G69" s="70"/>
      <c r="H69" s="70"/>
      <c r="I69" s="70"/>
      <c r="J69" s="70"/>
      <c r="K69" s="70"/>
      <c r="L69" s="70"/>
    </row>
    <row r="70" spans="3:12" x14ac:dyDescent="0.2">
      <c r="C70" s="70"/>
      <c r="D70" s="70"/>
      <c r="E70" s="70"/>
      <c r="F70" s="70"/>
      <c r="G70" s="70"/>
      <c r="H70" s="70"/>
      <c r="I70" s="70"/>
      <c r="J70" s="70"/>
      <c r="K70" s="70"/>
      <c r="L70" s="70"/>
    </row>
    <row r="71" spans="3:12" x14ac:dyDescent="0.2">
      <c r="C71" s="70"/>
      <c r="D71" s="70"/>
      <c r="E71" s="70"/>
      <c r="F71" s="70"/>
      <c r="G71" s="70"/>
      <c r="H71" s="70"/>
      <c r="I71" s="70"/>
      <c r="J71" s="70"/>
      <c r="K71" s="70"/>
      <c r="L71" s="70"/>
    </row>
    <row r="72" spans="3:12" x14ac:dyDescent="0.2">
      <c r="C72" s="70"/>
      <c r="D72" s="70"/>
      <c r="E72" s="70"/>
      <c r="F72" s="70"/>
      <c r="G72" s="70"/>
      <c r="H72" s="70"/>
      <c r="I72" s="70"/>
      <c r="J72" s="70"/>
      <c r="K72" s="70"/>
      <c r="L72" s="70"/>
    </row>
    <row r="73" spans="3:12" x14ac:dyDescent="0.2">
      <c r="C73" s="70"/>
      <c r="D73" s="70"/>
      <c r="E73" s="70"/>
      <c r="F73" s="70"/>
      <c r="G73" s="70"/>
      <c r="H73" s="70"/>
      <c r="I73" s="70"/>
      <c r="J73" s="70"/>
      <c r="K73" s="70"/>
      <c r="L73" s="70"/>
    </row>
    <row r="74" spans="3:12" x14ac:dyDescent="0.2">
      <c r="C74" s="70"/>
      <c r="D74" s="70"/>
      <c r="E74" s="70"/>
      <c r="F74" s="70"/>
      <c r="G74" s="70"/>
      <c r="H74" s="70"/>
      <c r="I74" s="70"/>
      <c r="J74" s="70"/>
      <c r="K74" s="70"/>
      <c r="L74" s="70"/>
    </row>
    <row r="75" spans="3:12" x14ac:dyDescent="0.2">
      <c r="C75" s="70"/>
      <c r="D75" s="70"/>
      <c r="E75" s="70"/>
      <c r="F75" s="70"/>
      <c r="G75" s="70"/>
      <c r="H75" s="70"/>
      <c r="I75" s="70"/>
      <c r="J75" s="70"/>
      <c r="K75" s="70"/>
      <c r="L75" s="70"/>
    </row>
    <row r="76" spans="3:12" x14ac:dyDescent="0.2">
      <c r="C76" s="70"/>
      <c r="D76" s="70"/>
      <c r="E76" s="70"/>
      <c r="F76" s="70"/>
      <c r="G76" s="70"/>
      <c r="H76" s="70"/>
      <c r="I76" s="70"/>
      <c r="J76" s="70"/>
      <c r="K76" s="70"/>
      <c r="L76" s="70"/>
    </row>
    <row r="77" spans="3:12" x14ac:dyDescent="0.2">
      <c r="C77" s="70"/>
      <c r="D77" s="70"/>
      <c r="E77" s="70"/>
      <c r="F77" s="70"/>
      <c r="G77" s="70"/>
      <c r="H77" s="70"/>
      <c r="I77" s="70"/>
      <c r="J77" s="70"/>
      <c r="K77" s="70"/>
      <c r="L77" s="70"/>
    </row>
    <row r="78" spans="3:12" x14ac:dyDescent="0.2">
      <c r="C78" s="70"/>
      <c r="D78" s="70"/>
      <c r="E78" s="70"/>
      <c r="F78" s="70"/>
      <c r="G78" s="70"/>
      <c r="H78" s="70"/>
      <c r="I78" s="70"/>
      <c r="J78" s="70"/>
      <c r="K78" s="70"/>
      <c r="L78" s="70"/>
    </row>
    <row r="79" spans="3:12" x14ac:dyDescent="0.2">
      <c r="C79" s="70"/>
      <c r="D79" s="70"/>
      <c r="E79" s="70"/>
      <c r="F79" s="70"/>
      <c r="G79" s="70"/>
      <c r="H79" s="70"/>
      <c r="I79" s="70"/>
      <c r="J79" s="70"/>
      <c r="K79" s="70"/>
      <c r="L79" s="70"/>
    </row>
    <row r="80" spans="3:12" x14ac:dyDescent="0.2">
      <c r="C80" s="70"/>
      <c r="D80" s="70"/>
      <c r="E80" s="70"/>
      <c r="F80" s="70"/>
      <c r="G80" s="70"/>
      <c r="H80" s="70"/>
      <c r="I80" s="70"/>
      <c r="J80" s="70"/>
      <c r="K80" s="70"/>
      <c r="L80" s="70"/>
    </row>
    <row r="81" spans="3:12" x14ac:dyDescent="0.2">
      <c r="C81" s="70"/>
      <c r="D81" s="70"/>
      <c r="E81" s="70"/>
      <c r="F81" s="70"/>
      <c r="G81" s="70"/>
      <c r="H81" s="70"/>
      <c r="I81" s="70"/>
      <c r="J81" s="70"/>
      <c r="K81" s="70"/>
      <c r="L81" s="70"/>
    </row>
    <row r="82" spans="3:12" x14ac:dyDescent="0.2">
      <c r="C82" s="70"/>
      <c r="D82" s="70"/>
      <c r="E82" s="70"/>
      <c r="F82" s="70"/>
      <c r="G82" s="70"/>
      <c r="H82" s="70"/>
      <c r="I82" s="70"/>
      <c r="J82" s="70"/>
      <c r="K82" s="70"/>
      <c r="L82" s="70"/>
    </row>
    <row r="83" spans="3:12" x14ac:dyDescent="0.2">
      <c r="C83" s="70"/>
      <c r="D83" s="70"/>
      <c r="E83" s="70"/>
      <c r="F83" s="70"/>
      <c r="G83" s="70"/>
      <c r="H83" s="70"/>
      <c r="I83" s="70"/>
      <c r="J83" s="70"/>
      <c r="K83" s="70"/>
      <c r="L83" s="70"/>
    </row>
    <row r="84" spans="3:12" x14ac:dyDescent="0.2">
      <c r="C84" s="70"/>
      <c r="D84" s="70"/>
      <c r="E84" s="70"/>
      <c r="F84" s="70"/>
      <c r="G84" s="70"/>
      <c r="H84" s="70"/>
      <c r="I84" s="70"/>
      <c r="J84" s="70"/>
      <c r="K84" s="70"/>
      <c r="L84" s="70"/>
    </row>
    <row r="85" spans="3:12" x14ac:dyDescent="0.2">
      <c r="C85" s="70"/>
      <c r="D85" s="70"/>
      <c r="E85" s="70"/>
      <c r="F85" s="70"/>
      <c r="G85" s="70"/>
      <c r="H85" s="70"/>
      <c r="I85" s="70"/>
      <c r="J85" s="70"/>
      <c r="K85" s="70"/>
      <c r="L85" s="70"/>
    </row>
    <row r="86" spans="3:12" x14ac:dyDescent="0.2">
      <c r="C86" s="70"/>
      <c r="D86" s="70"/>
      <c r="E86" s="70"/>
      <c r="F86" s="70"/>
      <c r="G86" s="70"/>
      <c r="H86" s="70"/>
      <c r="I86" s="70"/>
      <c r="J86" s="70"/>
      <c r="K86" s="70"/>
      <c r="L86" s="70"/>
    </row>
    <row r="87" spans="3:12" x14ac:dyDescent="0.2">
      <c r="C87" s="70"/>
      <c r="D87" s="70"/>
      <c r="E87" s="70"/>
      <c r="F87" s="70"/>
      <c r="G87" s="70"/>
      <c r="H87" s="70"/>
      <c r="I87" s="70"/>
      <c r="J87" s="70"/>
      <c r="K87" s="70"/>
      <c r="L87" s="70"/>
    </row>
    <row r="88" spans="3:12" x14ac:dyDescent="0.2">
      <c r="C88" s="70"/>
      <c r="D88" s="70"/>
      <c r="E88" s="70"/>
      <c r="F88" s="70"/>
      <c r="G88" s="70"/>
      <c r="H88" s="70"/>
      <c r="I88" s="70"/>
      <c r="J88" s="70"/>
      <c r="K88" s="70"/>
      <c r="L88" s="70"/>
    </row>
    <row r="89" spans="3:12" x14ac:dyDescent="0.2">
      <c r="C89" s="70"/>
      <c r="D89" s="70"/>
      <c r="E89" s="70"/>
      <c r="F89" s="70"/>
      <c r="G89" s="70"/>
      <c r="H89" s="70"/>
      <c r="I89" s="70"/>
      <c r="J89" s="70"/>
      <c r="K89" s="70"/>
      <c r="L89" s="70"/>
    </row>
    <row r="90" spans="3:12" x14ac:dyDescent="0.2">
      <c r="C90" s="70"/>
      <c r="D90" s="70"/>
      <c r="E90" s="70"/>
      <c r="F90" s="70"/>
      <c r="G90" s="70"/>
      <c r="H90" s="70"/>
      <c r="I90" s="70"/>
      <c r="J90" s="70"/>
      <c r="K90" s="70"/>
      <c r="L90" s="70"/>
    </row>
    <row r="91" spans="3:12" x14ac:dyDescent="0.2">
      <c r="C91" s="70"/>
      <c r="D91" s="70"/>
      <c r="E91" s="70"/>
      <c r="F91" s="70"/>
      <c r="G91" s="70"/>
      <c r="H91" s="70"/>
      <c r="I91" s="70"/>
      <c r="J91" s="70"/>
      <c r="K91" s="70"/>
      <c r="L91" s="70"/>
    </row>
    <row r="92" spans="3:12" x14ac:dyDescent="0.2">
      <c r="C92" s="70"/>
      <c r="D92" s="70"/>
      <c r="E92" s="70"/>
      <c r="F92" s="70"/>
      <c r="G92" s="70"/>
      <c r="H92" s="70"/>
      <c r="I92" s="70"/>
      <c r="J92" s="70"/>
      <c r="K92" s="70"/>
      <c r="L92" s="70"/>
    </row>
    <row r="93" spans="3:12" x14ac:dyDescent="0.2">
      <c r="C93" s="70"/>
      <c r="D93" s="70"/>
      <c r="E93" s="70"/>
      <c r="F93" s="70"/>
      <c r="G93" s="70"/>
      <c r="H93" s="70"/>
      <c r="I93" s="70"/>
      <c r="J93" s="70"/>
      <c r="K93" s="70"/>
      <c r="L93" s="70"/>
    </row>
    <row r="94" spans="3:12" x14ac:dyDescent="0.2">
      <c r="C94" s="70"/>
      <c r="D94" s="70"/>
      <c r="E94" s="70"/>
      <c r="F94" s="70"/>
      <c r="G94" s="70"/>
      <c r="H94" s="70"/>
      <c r="I94" s="70"/>
      <c r="J94" s="70"/>
      <c r="K94" s="70"/>
      <c r="L94" s="70"/>
    </row>
    <row r="95" spans="3:12" x14ac:dyDescent="0.2">
      <c r="C95" s="70"/>
      <c r="D95" s="70"/>
      <c r="E95" s="70"/>
      <c r="F95" s="70"/>
      <c r="G95" s="70"/>
      <c r="H95" s="70"/>
      <c r="I95" s="70"/>
      <c r="J95" s="70"/>
      <c r="K95" s="70"/>
      <c r="L95" s="70"/>
    </row>
    <row r="96" spans="3:12" x14ac:dyDescent="0.2">
      <c r="C96" s="70"/>
      <c r="D96" s="70"/>
      <c r="E96" s="70"/>
      <c r="F96" s="70"/>
      <c r="G96" s="70"/>
      <c r="H96" s="70"/>
      <c r="I96" s="70"/>
      <c r="J96" s="70"/>
      <c r="K96" s="70"/>
      <c r="L96" s="70"/>
    </row>
    <row r="97" spans="3:12" x14ac:dyDescent="0.2">
      <c r="C97" s="70"/>
      <c r="D97" s="70"/>
      <c r="E97" s="70"/>
      <c r="F97" s="70"/>
      <c r="G97" s="70"/>
      <c r="H97" s="70"/>
      <c r="I97" s="70"/>
      <c r="J97" s="70"/>
      <c r="K97" s="70"/>
      <c r="L97" s="70"/>
    </row>
    <row r="98" spans="3:12" x14ac:dyDescent="0.2">
      <c r="C98" s="70"/>
      <c r="D98" s="70"/>
      <c r="E98" s="70"/>
      <c r="F98" s="70"/>
      <c r="G98" s="70"/>
      <c r="H98" s="70"/>
      <c r="I98" s="70"/>
      <c r="J98" s="70"/>
      <c r="K98" s="70"/>
      <c r="L98" s="70"/>
    </row>
    <row r="99" spans="3:12" x14ac:dyDescent="0.2">
      <c r="C99" s="70"/>
      <c r="D99" s="70"/>
      <c r="E99" s="70"/>
      <c r="F99" s="70"/>
      <c r="G99" s="70"/>
      <c r="H99" s="70"/>
      <c r="I99" s="70"/>
      <c r="J99" s="70"/>
      <c r="K99" s="70"/>
      <c r="L99" s="70"/>
    </row>
    <row r="100" spans="3:12" x14ac:dyDescent="0.2">
      <c r="C100" s="70"/>
      <c r="D100" s="70"/>
      <c r="E100" s="70"/>
      <c r="F100" s="70"/>
      <c r="G100" s="70"/>
      <c r="H100" s="70"/>
      <c r="I100" s="70"/>
      <c r="J100" s="70"/>
      <c r="K100" s="70"/>
      <c r="L100" s="70"/>
    </row>
    <row r="101" spans="3:12" x14ac:dyDescent="0.2">
      <c r="C101" s="70"/>
      <c r="D101" s="70"/>
      <c r="E101" s="70"/>
      <c r="F101" s="70"/>
      <c r="G101" s="70"/>
      <c r="H101" s="70"/>
      <c r="I101" s="70"/>
      <c r="J101" s="70"/>
      <c r="K101" s="70"/>
      <c r="L101" s="70"/>
    </row>
    <row r="102" spans="3:12" x14ac:dyDescent="0.2">
      <c r="C102" s="70"/>
      <c r="D102" s="70"/>
      <c r="E102" s="70"/>
      <c r="F102" s="70"/>
      <c r="G102" s="70"/>
      <c r="H102" s="70"/>
      <c r="I102" s="70"/>
      <c r="J102" s="70"/>
      <c r="K102" s="70"/>
      <c r="L102" s="70"/>
    </row>
    <row r="103" spans="3:12" x14ac:dyDescent="0.2">
      <c r="C103" s="70"/>
      <c r="D103" s="70"/>
      <c r="E103" s="70"/>
      <c r="F103" s="70"/>
      <c r="G103" s="70"/>
      <c r="H103" s="70"/>
      <c r="I103" s="70"/>
      <c r="J103" s="70"/>
      <c r="K103" s="70"/>
      <c r="L103" s="70"/>
    </row>
    <row r="104" spans="3:12" x14ac:dyDescent="0.2">
      <c r="C104" s="70"/>
      <c r="D104" s="70"/>
      <c r="E104" s="70"/>
      <c r="F104" s="70"/>
      <c r="G104" s="70"/>
      <c r="H104" s="70"/>
      <c r="I104" s="70"/>
      <c r="J104" s="70"/>
      <c r="K104" s="70"/>
      <c r="L104" s="70"/>
    </row>
    <row r="105" spans="3:12" x14ac:dyDescent="0.2">
      <c r="C105" s="70"/>
      <c r="D105" s="70"/>
      <c r="E105" s="70"/>
      <c r="F105" s="70"/>
      <c r="G105" s="70"/>
      <c r="H105" s="70"/>
      <c r="I105" s="70"/>
      <c r="J105" s="70"/>
      <c r="K105" s="70"/>
      <c r="L105" s="70"/>
    </row>
    <row r="106" spans="3:12" x14ac:dyDescent="0.2">
      <c r="C106" s="70"/>
      <c r="D106" s="70"/>
      <c r="E106" s="70"/>
      <c r="F106" s="70"/>
      <c r="G106" s="70"/>
      <c r="H106" s="70"/>
      <c r="I106" s="70"/>
      <c r="J106" s="70"/>
      <c r="K106" s="70"/>
      <c r="L106" s="70"/>
    </row>
    <row r="107" spans="3:12" x14ac:dyDescent="0.2">
      <c r="C107" s="70"/>
      <c r="D107" s="70"/>
      <c r="E107" s="70"/>
      <c r="F107" s="70"/>
      <c r="G107" s="70"/>
      <c r="H107" s="70"/>
      <c r="I107" s="70"/>
      <c r="J107" s="70"/>
      <c r="K107" s="70"/>
      <c r="L107" s="70"/>
    </row>
    <row r="108" spans="3:12" x14ac:dyDescent="0.2">
      <c r="C108" s="70"/>
      <c r="D108" s="70"/>
      <c r="E108" s="70"/>
      <c r="F108" s="70"/>
      <c r="G108" s="70"/>
      <c r="H108" s="70"/>
      <c r="I108" s="70"/>
      <c r="J108" s="70"/>
      <c r="K108" s="70"/>
      <c r="L108" s="70"/>
    </row>
    <row r="109" spans="3:12" x14ac:dyDescent="0.2">
      <c r="C109" s="70"/>
      <c r="D109" s="70"/>
      <c r="E109" s="70"/>
      <c r="F109" s="70"/>
      <c r="G109" s="70"/>
      <c r="H109" s="70"/>
      <c r="I109" s="70"/>
      <c r="J109" s="70"/>
      <c r="K109" s="70"/>
      <c r="L109" s="70"/>
    </row>
    <row r="110" spans="3:12" x14ac:dyDescent="0.2">
      <c r="C110" s="70"/>
      <c r="D110" s="70"/>
      <c r="E110" s="70"/>
      <c r="F110" s="70"/>
      <c r="G110" s="70"/>
      <c r="H110" s="70"/>
      <c r="I110" s="70"/>
      <c r="J110" s="70"/>
      <c r="K110" s="70"/>
      <c r="L110" s="70"/>
    </row>
    <row r="111" spans="3:12" x14ac:dyDescent="0.2">
      <c r="C111" s="70"/>
      <c r="D111" s="70"/>
      <c r="E111" s="70"/>
      <c r="F111" s="70"/>
      <c r="G111" s="70"/>
      <c r="H111" s="70"/>
      <c r="I111" s="70"/>
      <c r="J111" s="70"/>
      <c r="K111" s="70"/>
      <c r="L111" s="70"/>
    </row>
    <row r="112" spans="3:12" x14ac:dyDescent="0.2">
      <c r="C112" s="70"/>
      <c r="D112" s="70"/>
      <c r="E112" s="70"/>
      <c r="F112" s="70"/>
      <c r="G112" s="70"/>
      <c r="H112" s="70"/>
      <c r="I112" s="70"/>
      <c r="J112" s="70"/>
      <c r="K112" s="70"/>
      <c r="L112" s="70"/>
    </row>
    <row r="113" spans="3:12" x14ac:dyDescent="0.2">
      <c r="C113" s="70"/>
      <c r="D113" s="70"/>
      <c r="E113" s="70"/>
      <c r="F113" s="70"/>
      <c r="G113" s="70"/>
      <c r="H113" s="70"/>
      <c r="I113" s="70"/>
      <c r="J113" s="70"/>
      <c r="K113" s="70"/>
      <c r="L113" s="70"/>
    </row>
    <row r="114" spans="3:12" x14ac:dyDescent="0.2">
      <c r="C114" s="70"/>
      <c r="D114" s="70"/>
      <c r="E114" s="70"/>
      <c r="F114" s="70"/>
      <c r="G114" s="70"/>
      <c r="H114" s="70"/>
      <c r="I114" s="70"/>
      <c r="J114" s="70"/>
      <c r="K114" s="70"/>
      <c r="L114" s="70"/>
    </row>
    <row r="115" spans="3:12" x14ac:dyDescent="0.2">
      <c r="C115" s="70"/>
      <c r="D115" s="70"/>
      <c r="E115" s="70"/>
      <c r="F115" s="70"/>
      <c r="G115" s="70"/>
      <c r="H115" s="70"/>
      <c r="I115" s="70"/>
      <c r="J115" s="70"/>
      <c r="K115" s="70"/>
      <c r="L115" s="70"/>
    </row>
    <row r="116" spans="3:12" x14ac:dyDescent="0.2">
      <c r="C116" s="70"/>
      <c r="D116" s="70"/>
      <c r="E116" s="70"/>
      <c r="F116" s="70"/>
      <c r="G116" s="70"/>
      <c r="H116" s="70"/>
      <c r="I116" s="70"/>
      <c r="J116" s="70"/>
      <c r="K116" s="70"/>
      <c r="L116" s="70"/>
    </row>
    <row r="117" spans="3:12" x14ac:dyDescent="0.2">
      <c r="C117" s="70"/>
      <c r="D117" s="70"/>
      <c r="E117" s="70"/>
      <c r="F117" s="70"/>
      <c r="G117" s="70"/>
      <c r="H117" s="70"/>
      <c r="I117" s="70"/>
      <c r="J117" s="70"/>
      <c r="K117" s="70"/>
      <c r="L117" s="70"/>
    </row>
    <row r="118" spans="3:12" x14ac:dyDescent="0.2">
      <c r="C118" s="70"/>
      <c r="D118" s="70"/>
      <c r="E118" s="70"/>
      <c r="F118" s="70"/>
      <c r="G118" s="70"/>
      <c r="H118" s="70"/>
      <c r="I118" s="70"/>
      <c r="J118" s="70"/>
      <c r="K118" s="70"/>
      <c r="L118" s="70"/>
    </row>
    <row r="119" spans="3:12" x14ac:dyDescent="0.2">
      <c r="C119" s="70"/>
      <c r="D119" s="70"/>
      <c r="E119" s="70"/>
      <c r="F119" s="70"/>
      <c r="G119" s="70"/>
      <c r="H119" s="70"/>
      <c r="I119" s="70"/>
      <c r="J119" s="70"/>
      <c r="K119" s="70"/>
      <c r="L119" s="70"/>
    </row>
    <row r="120" spans="3:12" x14ac:dyDescent="0.2">
      <c r="C120" s="70"/>
      <c r="D120" s="70"/>
      <c r="E120" s="70"/>
      <c r="F120" s="70"/>
      <c r="G120" s="70"/>
      <c r="H120" s="70"/>
      <c r="I120" s="70"/>
      <c r="J120" s="70"/>
      <c r="K120" s="70"/>
      <c r="L120" s="70"/>
    </row>
    <row r="121" spans="3:12" x14ac:dyDescent="0.2">
      <c r="C121" s="70"/>
      <c r="D121" s="70"/>
      <c r="E121" s="70"/>
      <c r="F121" s="70"/>
      <c r="G121" s="70"/>
      <c r="H121" s="70"/>
      <c r="I121" s="70"/>
      <c r="J121" s="70"/>
      <c r="K121" s="70"/>
      <c r="L121" s="70"/>
    </row>
    <row r="122" spans="3:12" x14ac:dyDescent="0.2">
      <c r="C122" s="70"/>
      <c r="D122" s="70"/>
      <c r="E122" s="70"/>
      <c r="F122" s="70"/>
      <c r="G122" s="70"/>
      <c r="H122" s="70"/>
      <c r="I122" s="70"/>
      <c r="J122" s="70"/>
      <c r="K122" s="70"/>
      <c r="L122" s="70"/>
    </row>
    <row r="123" spans="3:12" x14ac:dyDescent="0.2">
      <c r="C123" s="70"/>
      <c r="D123" s="70"/>
      <c r="E123" s="70"/>
      <c r="F123" s="70"/>
      <c r="G123" s="70"/>
      <c r="H123" s="70"/>
      <c r="I123" s="70"/>
      <c r="J123" s="70"/>
      <c r="K123" s="70"/>
      <c r="L123" s="70"/>
    </row>
    <row r="124" spans="3:12" x14ac:dyDescent="0.2">
      <c r="C124" s="70"/>
      <c r="D124" s="70"/>
      <c r="E124" s="70"/>
      <c r="F124" s="70"/>
      <c r="G124" s="70"/>
      <c r="H124" s="70"/>
      <c r="I124" s="70"/>
      <c r="J124" s="70"/>
      <c r="K124" s="70"/>
      <c r="L124" s="70"/>
    </row>
    <row r="125" spans="3:12" x14ac:dyDescent="0.2">
      <c r="C125" s="70"/>
      <c r="D125" s="70"/>
      <c r="E125" s="70"/>
      <c r="F125" s="70"/>
      <c r="G125" s="70"/>
      <c r="H125" s="70"/>
      <c r="I125" s="70"/>
      <c r="J125" s="70"/>
      <c r="K125" s="70"/>
      <c r="L125" s="70"/>
    </row>
    <row r="126" spans="3:12" x14ac:dyDescent="0.2">
      <c r="C126" s="70"/>
      <c r="D126" s="70"/>
      <c r="E126" s="70"/>
      <c r="F126" s="70"/>
      <c r="G126" s="70"/>
      <c r="H126" s="70"/>
      <c r="I126" s="70"/>
      <c r="J126" s="70"/>
      <c r="K126" s="70"/>
      <c r="L126" s="70"/>
    </row>
    <row r="127" spans="3:12" x14ac:dyDescent="0.2">
      <c r="C127" s="70"/>
      <c r="D127" s="70"/>
      <c r="E127" s="70"/>
      <c r="F127" s="70"/>
      <c r="G127" s="70"/>
      <c r="H127" s="70"/>
      <c r="I127" s="70"/>
      <c r="J127" s="70"/>
      <c r="K127" s="70"/>
      <c r="L127" s="70"/>
    </row>
    <row r="128" spans="3:12" x14ac:dyDescent="0.2">
      <c r="C128" s="70"/>
      <c r="D128" s="70"/>
      <c r="E128" s="70"/>
      <c r="F128" s="70"/>
      <c r="G128" s="70"/>
      <c r="H128" s="70"/>
      <c r="I128" s="70"/>
      <c r="J128" s="70"/>
      <c r="K128" s="70"/>
      <c r="L128" s="70"/>
    </row>
    <row r="129" spans="3:12" x14ac:dyDescent="0.2">
      <c r="C129" s="70"/>
      <c r="D129" s="70"/>
      <c r="E129" s="70"/>
      <c r="F129" s="70"/>
      <c r="G129" s="70"/>
      <c r="H129" s="70"/>
      <c r="I129" s="70"/>
      <c r="J129" s="70"/>
      <c r="K129" s="70"/>
      <c r="L129" s="70"/>
    </row>
    <row r="130" spans="3:12" x14ac:dyDescent="0.2">
      <c r="C130" s="70"/>
      <c r="D130" s="70"/>
      <c r="E130" s="70"/>
      <c r="F130" s="70"/>
      <c r="G130" s="70"/>
      <c r="H130" s="70"/>
      <c r="I130" s="70"/>
      <c r="J130" s="70"/>
      <c r="K130" s="70"/>
      <c r="L130" s="70"/>
    </row>
    <row r="131" spans="3:12" x14ac:dyDescent="0.2">
      <c r="C131" s="70"/>
      <c r="D131" s="70"/>
      <c r="E131" s="70"/>
      <c r="F131" s="70"/>
      <c r="G131" s="70"/>
      <c r="H131" s="70"/>
      <c r="I131" s="70"/>
      <c r="J131" s="70"/>
      <c r="K131" s="70"/>
      <c r="L131" s="70"/>
    </row>
    <row r="132" spans="3:12" x14ac:dyDescent="0.2">
      <c r="C132" s="70"/>
      <c r="D132" s="70"/>
      <c r="E132" s="70"/>
      <c r="F132" s="70"/>
      <c r="G132" s="70"/>
      <c r="H132" s="70"/>
      <c r="I132" s="70"/>
      <c r="J132" s="70"/>
      <c r="K132" s="70"/>
      <c r="L132" s="70"/>
    </row>
    <row r="133" spans="3:12" x14ac:dyDescent="0.2">
      <c r="C133" s="70"/>
      <c r="D133" s="70"/>
      <c r="E133" s="70"/>
      <c r="F133" s="70"/>
      <c r="G133" s="70"/>
      <c r="H133" s="70"/>
      <c r="I133" s="70"/>
      <c r="J133" s="70"/>
      <c r="K133" s="70"/>
      <c r="L133" s="70"/>
    </row>
    <row r="134" spans="3:12" x14ac:dyDescent="0.2">
      <c r="C134" s="70"/>
      <c r="D134" s="70"/>
      <c r="E134" s="70"/>
      <c r="F134" s="70"/>
      <c r="G134" s="70"/>
      <c r="H134" s="70"/>
      <c r="I134" s="70"/>
      <c r="J134" s="70"/>
      <c r="K134" s="70"/>
      <c r="L134" s="70"/>
    </row>
    <row r="135" spans="3:12" x14ac:dyDescent="0.2">
      <c r="C135" s="70"/>
      <c r="D135" s="70"/>
      <c r="E135" s="70"/>
      <c r="F135" s="70"/>
      <c r="G135" s="70"/>
      <c r="H135" s="70"/>
      <c r="I135" s="70"/>
      <c r="J135" s="70"/>
      <c r="K135" s="70"/>
      <c r="L135" s="70"/>
    </row>
    <row r="136" spans="3:12" x14ac:dyDescent="0.2">
      <c r="C136" s="70"/>
      <c r="D136" s="70"/>
      <c r="E136" s="70"/>
      <c r="F136" s="70"/>
      <c r="G136" s="70"/>
      <c r="H136" s="70"/>
      <c r="I136" s="70"/>
      <c r="J136" s="70"/>
      <c r="K136" s="70"/>
      <c r="L136" s="70"/>
    </row>
    <row r="137" spans="3:12" x14ac:dyDescent="0.2">
      <c r="C137" s="70"/>
      <c r="D137" s="70"/>
      <c r="E137" s="70"/>
      <c r="F137" s="70"/>
      <c r="G137" s="70"/>
      <c r="H137" s="70"/>
      <c r="I137" s="70"/>
      <c r="J137" s="70"/>
      <c r="K137" s="70"/>
      <c r="L137" s="70"/>
    </row>
    <row r="138" spans="3:12" x14ac:dyDescent="0.2">
      <c r="C138" s="70"/>
      <c r="D138" s="70"/>
      <c r="E138" s="70"/>
      <c r="F138" s="70"/>
      <c r="G138" s="70"/>
      <c r="H138" s="70"/>
      <c r="I138" s="70"/>
      <c r="J138" s="70"/>
      <c r="K138" s="70"/>
      <c r="L138" s="70"/>
    </row>
    <row r="139" spans="3:12" x14ac:dyDescent="0.2">
      <c r="C139" s="70"/>
      <c r="D139" s="70"/>
      <c r="E139" s="70"/>
      <c r="F139" s="70"/>
      <c r="G139" s="70"/>
      <c r="H139" s="70"/>
      <c r="I139" s="70"/>
      <c r="J139" s="70"/>
      <c r="K139" s="70"/>
      <c r="L139" s="70"/>
    </row>
    <row r="140" spans="3:12" x14ac:dyDescent="0.2">
      <c r="C140" s="70"/>
      <c r="D140" s="70"/>
      <c r="E140" s="70"/>
      <c r="F140" s="70"/>
      <c r="G140" s="70"/>
      <c r="H140" s="70"/>
      <c r="I140" s="70"/>
      <c r="J140" s="70"/>
      <c r="K140" s="70"/>
      <c r="L140" s="70"/>
    </row>
    <row r="141" spans="3:12" x14ac:dyDescent="0.2">
      <c r="C141" s="70"/>
      <c r="D141" s="70"/>
      <c r="E141" s="70"/>
      <c r="F141" s="70"/>
      <c r="G141" s="70"/>
      <c r="H141" s="70"/>
      <c r="I141" s="70"/>
      <c r="J141" s="70"/>
      <c r="K141" s="70"/>
      <c r="L141" s="70"/>
    </row>
    <row r="142" spans="3:12" x14ac:dyDescent="0.2">
      <c r="C142" s="70"/>
      <c r="D142" s="70"/>
      <c r="E142" s="70"/>
      <c r="F142" s="70"/>
      <c r="G142" s="70"/>
      <c r="H142" s="70"/>
      <c r="I142" s="70"/>
      <c r="J142" s="70"/>
      <c r="K142" s="70"/>
      <c r="L142" s="70"/>
    </row>
    <row r="143" spans="3:12" x14ac:dyDescent="0.2">
      <c r="C143" s="70"/>
      <c r="D143" s="70"/>
      <c r="E143" s="70"/>
      <c r="F143" s="70"/>
      <c r="G143" s="70"/>
      <c r="H143" s="70"/>
      <c r="I143" s="70"/>
      <c r="J143" s="70"/>
      <c r="K143" s="70"/>
      <c r="L143" s="70"/>
    </row>
    <row r="144" spans="3:12" x14ac:dyDescent="0.2">
      <c r="C144" s="70"/>
      <c r="D144" s="70"/>
      <c r="E144" s="70"/>
      <c r="F144" s="70"/>
      <c r="G144" s="70"/>
      <c r="H144" s="70"/>
      <c r="I144" s="70"/>
      <c r="J144" s="70"/>
      <c r="K144" s="70"/>
      <c r="L144" s="70"/>
    </row>
    <row r="145" spans="3:12" x14ac:dyDescent="0.2">
      <c r="C145" s="70"/>
      <c r="D145" s="70"/>
      <c r="E145" s="70"/>
      <c r="F145" s="70"/>
      <c r="G145" s="70"/>
      <c r="H145" s="70"/>
      <c r="I145" s="70"/>
      <c r="J145" s="70"/>
      <c r="K145" s="70"/>
      <c r="L145" s="70"/>
    </row>
    <row r="146" spans="3:12" x14ac:dyDescent="0.2">
      <c r="C146" s="70"/>
      <c r="D146" s="70"/>
      <c r="E146" s="70"/>
      <c r="F146" s="70"/>
      <c r="G146" s="70"/>
      <c r="H146" s="70"/>
      <c r="I146" s="70"/>
      <c r="J146" s="70"/>
      <c r="K146" s="70"/>
      <c r="L146" s="70"/>
    </row>
    <row r="147" spans="3:12" x14ac:dyDescent="0.2">
      <c r="C147" s="70"/>
      <c r="D147" s="70"/>
      <c r="E147" s="70"/>
      <c r="F147" s="70"/>
      <c r="G147" s="70"/>
      <c r="H147" s="70"/>
      <c r="I147" s="70"/>
      <c r="J147" s="70"/>
      <c r="K147" s="70"/>
      <c r="L147" s="70"/>
    </row>
    <row r="148" spans="3:12" x14ac:dyDescent="0.2">
      <c r="C148" s="70"/>
      <c r="D148" s="70"/>
      <c r="E148" s="70"/>
      <c r="F148" s="70"/>
      <c r="G148" s="70"/>
      <c r="H148" s="70"/>
      <c r="I148" s="70"/>
      <c r="J148" s="70"/>
      <c r="K148" s="70"/>
      <c r="L148" s="70"/>
    </row>
    <row r="149" spans="3:12" x14ac:dyDescent="0.2">
      <c r="C149" s="70"/>
      <c r="D149" s="70"/>
      <c r="E149" s="70"/>
      <c r="F149" s="70"/>
      <c r="G149" s="70"/>
      <c r="H149" s="70"/>
      <c r="I149" s="70"/>
      <c r="J149" s="70"/>
      <c r="K149" s="70"/>
      <c r="L149" s="70"/>
    </row>
    <row r="150" spans="3:12" x14ac:dyDescent="0.2">
      <c r="C150" s="70"/>
      <c r="D150" s="70"/>
      <c r="E150" s="70"/>
      <c r="F150" s="70"/>
      <c r="G150" s="70"/>
      <c r="H150" s="70"/>
      <c r="I150" s="70"/>
      <c r="J150" s="70"/>
      <c r="K150" s="70"/>
      <c r="L150" s="70"/>
    </row>
    <row r="151" spans="3:12" x14ac:dyDescent="0.2">
      <c r="C151" s="70"/>
      <c r="D151" s="70"/>
      <c r="E151" s="70"/>
      <c r="F151" s="70"/>
      <c r="G151" s="70"/>
      <c r="H151" s="70"/>
      <c r="I151" s="70"/>
      <c r="J151" s="70"/>
      <c r="K151" s="70"/>
      <c r="L151" s="70"/>
    </row>
    <row r="152" spans="3:12" x14ac:dyDescent="0.2">
      <c r="C152" s="70"/>
      <c r="D152" s="70"/>
      <c r="E152" s="70"/>
      <c r="F152" s="70"/>
      <c r="G152" s="70"/>
      <c r="H152" s="70"/>
      <c r="I152" s="70"/>
      <c r="J152" s="70"/>
      <c r="K152" s="70"/>
      <c r="L152" s="70"/>
    </row>
    <row r="153" spans="3:12" x14ac:dyDescent="0.2">
      <c r="C153" s="70"/>
      <c r="D153" s="70"/>
      <c r="E153" s="70"/>
      <c r="F153" s="70"/>
      <c r="G153" s="70"/>
      <c r="H153" s="70"/>
      <c r="I153" s="70"/>
      <c r="J153" s="70"/>
      <c r="K153" s="70"/>
      <c r="L153" s="70"/>
    </row>
    <row r="154" spans="3:12" x14ac:dyDescent="0.2">
      <c r="C154" s="70"/>
      <c r="D154" s="70"/>
      <c r="E154" s="70"/>
      <c r="F154" s="70"/>
      <c r="G154" s="70"/>
      <c r="H154" s="70"/>
      <c r="I154" s="70"/>
      <c r="J154" s="70"/>
      <c r="K154" s="70"/>
      <c r="L154" s="70"/>
    </row>
    <row r="155" spans="3:12" x14ac:dyDescent="0.2">
      <c r="C155" s="70"/>
      <c r="D155" s="70"/>
      <c r="E155" s="70"/>
      <c r="F155" s="70"/>
      <c r="G155" s="70"/>
      <c r="H155" s="70"/>
      <c r="I155" s="70"/>
      <c r="J155" s="70"/>
      <c r="K155" s="70"/>
      <c r="L155" s="70"/>
    </row>
    <row r="156" spans="3:12" x14ac:dyDescent="0.2">
      <c r="C156" s="70"/>
      <c r="D156" s="70"/>
      <c r="E156" s="70"/>
      <c r="F156" s="70"/>
      <c r="G156" s="70"/>
      <c r="H156" s="70"/>
      <c r="I156" s="70"/>
      <c r="J156" s="70"/>
      <c r="K156" s="70"/>
      <c r="L156" s="70"/>
    </row>
    <row r="157" spans="3:12" x14ac:dyDescent="0.2">
      <c r="C157" s="70"/>
      <c r="D157" s="70"/>
      <c r="E157" s="70"/>
      <c r="F157" s="70"/>
      <c r="G157" s="70"/>
      <c r="H157" s="70"/>
      <c r="I157" s="70"/>
      <c r="J157" s="70"/>
      <c r="K157" s="70"/>
      <c r="L157" s="70"/>
    </row>
    <row r="158" spans="3:12" x14ac:dyDescent="0.2">
      <c r="C158" s="70"/>
      <c r="D158" s="70"/>
      <c r="E158" s="70"/>
      <c r="F158" s="70"/>
      <c r="G158" s="70"/>
      <c r="H158" s="70"/>
      <c r="I158" s="70"/>
      <c r="J158" s="70"/>
      <c r="K158" s="70"/>
      <c r="L158" s="70"/>
    </row>
    <row r="159" spans="3:12" x14ac:dyDescent="0.2">
      <c r="C159" s="70"/>
      <c r="D159" s="70"/>
      <c r="E159" s="70"/>
      <c r="F159" s="70"/>
      <c r="G159" s="70"/>
      <c r="H159" s="70"/>
      <c r="I159" s="70"/>
      <c r="J159" s="70"/>
      <c r="K159" s="70"/>
      <c r="L159" s="70"/>
    </row>
    <row r="160" spans="3:12" x14ac:dyDescent="0.2">
      <c r="C160" s="70"/>
      <c r="D160" s="70"/>
      <c r="E160" s="70"/>
      <c r="F160" s="70"/>
      <c r="G160" s="70"/>
      <c r="H160" s="70"/>
      <c r="I160" s="70"/>
      <c r="J160" s="70"/>
      <c r="K160" s="70"/>
      <c r="L160" s="70"/>
    </row>
    <row r="161" spans="3:12" x14ac:dyDescent="0.2">
      <c r="C161" s="70"/>
      <c r="D161" s="70"/>
      <c r="E161" s="70"/>
      <c r="F161" s="70"/>
      <c r="G161" s="70"/>
      <c r="H161" s="70"/>
      <c r="I161" s="70"/>
      <c r="J161" s="70"/>
      <c r="K161" s="70"/>
      <c r="L161" s="70"/>
    </row>
    <row r="162" spans="3:12" x14ac:dyDescent="0.2">
      <c r="C162" s="70"/>
      <c r="D162" s="70"/>
      <c r="E162" s="70"/>
      <c r="F162" s="70"/>
      <c r="G162" s="70"/>
      <c r="H162" s="70"/>
      <c r="I162" s="70"/>
      <c r="J162" s="70"/>
      <c r="K162" s="70"/>
      <c r="L162" s="70"/>
    </row>
    <row r="163" spans="3:12" x14ac:dyDescent="0.2">
      <c r="C163" s="70"/>
      <c r="D163" s="70"/>
      <c r="E163" s="70"/>
      <c r="F163" s="70"/>
      <c r="G163" s="70"/>
      <c r="H163" s="70"/>
      <c r="I163" s="70"/>
      <c r="J163" s="70"/>
      <c r="K163" s="70"/>
      <c r="L163" s="70"/>
    </row>
    <row r="164" spans="3:12" x14ac:dyDescent="0.2">
      <c r="C164" s="70"/>
      <c r="D164" s="70"/>
      <c r="E164" s="70"/>
      <c r="F164" s="70"/>
      <c r="G164" s="70"/>
      <c r="H164" s="70"/>
      <c r="I164" s="70"/>
      <c r="J164" s="70"/>
      <c r="K164" s="70"/>
      <c r="L164" s="70"/>
    </row>
    <row r="165" spans="3:12" x14ac:dyDescent="0.2">
      <c r="C165" s="70"/>
      <c r="D165" s="70"/>
      <c r="E165" s="70"/>
      <c r="F165" s="70"/>
      <c r="G165" s="70"/>
      <c r="H165" s="70"/>
      <c r="I165" s="70"/>
      <c r="J165" s="70"/>
      <c r="K165" s="70"/>
      <c r="L165" s="70"/>
    </row>
    <row r="166" spans="3:12" x14ac:dyDescent="0.2">
      <c r="C166" s="70"/>
      <c r="D166" s="70"/>
      <c r="E166" s="70"/>
      <c r="F166" s="70"/>
      <c r="G166" s="70"/>
      <c r="H166" s="70"/>
      <c r="I166" s="70"/>
      <c r="J166" s="70"/>
      <c r="K166" s="70"/>
      <c r="L166" s="70"/>
    </row>
    <row r="167" spans="3:12" x14ac:dyDescent="0.2">
      <c r="C167" s="70"/>
      <c r="D167" s="70"/>
      <c r="E167" s="70"/>
      <c r="F167" s="70"/>
      <c r="G167" s="70"/>
      <c r="H167" s="70"/>
      <c r="I167" s="70"/>
      <c r="J167" s="70"/>
      <c r="K167" s="70"/>
      <c r="L167" s="70"/>
    </row>
    <row r="168" spans="3:12" x14ac:dyDescent="0.2">
      <c r="C168" s="70"/>
      <c r="D168" s="70"/>
      <c r="E168" s="70"/>
      <c r="F168" s="70"/>
      <c r="G168" s="70"/>
      <c r="H168" s="70"/>
      <c r="I168" s="70"/>
      <c r="J168" s="70"/>
      <c r="K168" s="70"/>
      <c r="L168" s="70"/>
    </row>
    <row r="169" spans="3:12" x14ac:dyDescent="0.2">
      <c r="C169" s="70"/>
      <c r="D169" s="70"/>
      <c r="E169" s="70"/>
      <c r="F169" s="70"/>
      <c r="G169" s="70"/>
      <c r="H169" s="70"/>
      <c r="I169" s="70"/>
      <c r="J169" s="70"/>
      <c r="K169" s="70"/>
      <c r="L169" s="70"/>
    </row>
    <row r="170" spans="3:12" x14ac:dyDescent="0.2">
      <c r="C170" s="70"/>
      <c r="D170" s="70"/>
      <c r="E170" s="70"/>
      <c r="F170" s="70"/>
      <c r="G170" s="70"/>
      <c r="H170" s="70"/>
      <c r="I170" s="70"/>
      <c r="J170" s="70"/>
      <c r="K170" s="70"/>
      <c r="L170" s="70"/>
    </row>
    <row r="171" spans="3:12" x14ac:dyDescent="0.2">
      <c r="C171" s="70"/>
      <c r="D171" s="70"/>
      <c r="E171" s="70"/>
      <c r="F171" s="70"/>
      <c r="G171" s="70"/>
      <c r="H171" s="70"/>
      <c r="I171" s="70"/>
      <c r="J171" s="70"/>
      <c r="K171" s="70"/>
      <c r="L171" s="70"/>
    </row>
    <row r="172" spans="3:12" x14ac:dyDescent="0.2">
      <c r="C172" s="70"/>
      <c r="D172" s="70"/>
      <c r="E172" s="70"/>
      <c r="F172" s="70"/>
      <c r="G172" s="70"/>
      <c r="H172" s="70"/>
      <c r="I172" s="70"/>
      <c r="J172" s="70"/>
      <c r="K172" s="70"/>
      <c r="L172" s="70"/>
    </row>
    <row r="173" spans="3:12" x14ac:dyDescent="0.2">
      <c r="C173" s="70"/>
      <c r="D173" s="70"/>
      <c r="E173" s="70"/>
      <c r="F173" s="70"/>
      <c r="G173" s="70"/>
      <c r="H173" s="70"/>
      <c r="I173" s="70"/>
      <c r="J173" s="70"/>
      <c r="K173" s="70"/>
      <c r="L173" s="70"/>
    </row>
    <row r="174" spans="3:12" x14ac:dyDescent="0.2">
      <c r="C174" s="70"/>
      <c r="D174" s="70"/>
      <c r="E174" s="70"/>
      <c r="F174" s="70"/>
      <c r="G174" s="70"/>
      <c r="H174" s="70"/>
      <c r="I174" s="70"/>
      <c r="J174" s="70"/>
      <c r="K174" s="70"/>
      <c r="L174" s="70"/>
    </row>
    <row r="175" spans="3:12" x14ac:dyDescent="0.2">
      <c r="C175" s="70"/>
      <c r="D175" s="70"/>
      <c r="E175" s="70"/>
      <c r="F175" s="70"/>
      <c r="G175" s="70"/>
      <c r="H175" s="70"/>
      <c r="I175" s="70"/>
      <c r="J175" s="70"/>
      <c r="K175" s="70"/>
      <c r="L175" s="70"/>
    </row>
    <row r="176" spans="3:12" x14ac:dyDescent="0.2">
      <c r="C176" s="70"/>
      <c r="D176" s="70"/>
      <c r="E176" s="70"/>
      <c r="F176" s="70"/>
      <c r="G176" s="70"/>
      <c r="H176" s="70"/>
      <c r="I176" s="70"/>
      <c r="J176" s="70"/>
      <c r="K176" s="70"/>
      <c r="L176" s="70"/>
    </row>
    <row r="177" spans="3:12" x14ac:dyDescent="0.2">
      <c r="C177" s="70"/>
      <c r="D177" s="70"/>
      <c r="E177" s="70"/>
      <c r="F177" s="70"/>
      <c r="G177" s="70"/>
      <c r="H177" s="70"/>
      <c r="I177" s="70"/>
      <c r="J177" s="70"/>
      <c r="K177" s="70"/>
      <c r="L177" s="70"/>
    </row>
    <row r="178" spans="3:12" x14ac:dyDescent="0.2">
      <c r="C178" s="70"/>
      <c r="D178" s="70"/>
      <c r="E178" s="70"/>
      <c r="F178" s="70"/>
      <c r="G178" s="70"/>
      <c r="H178" s="70"/>
      <c r="I178" s="70"/>
      <c r="J178" s="70"/>
      <c r="K178" s="70"/>
      <c r="L178" s="70"/>
    </row>
    <row r="179" spans="3:12" x14ac:dyDescent="0.2">
      <c r="C179" s="70"/>
      <c r="D179" s="70"/>
      <c r="E179" s="70"/>
      <c r="F179" s="70"/>
      <c r="G179" s="70"/>
      <c r="H179" s="70"/>
      <c r="I179" s="70"/>
      <c r="J179" s="70"/>
      <c r="K179" s="70"/>
      <c r="L179" s="70"/>
    </row>
    <row r="180" spans="3:12" x14ac:dyDescent="0.2">
      <c r="C180" s="70"/>
      <c r="D180" s="70"/>
      <c r="E180" s="70"/>
      <c r="F180" s="70"/>
      <c r="G180" s="70"/>
      <c r="H180" s="70"/>
      <c r="I180" s="70"/>
      <c r="J180" s="70"/>
      <c r="K180" s="70"/>
      <c r="L180" s="70"/>
    </row>
    <row r="181" spans="3:12" x14ac:dyDescent="0.2">
      <c r="C181" s="70"/>
      <c r="D181" s="70"/>
      <c r="E181" s="70"/>
      <c r="F181" s="70"/>
      <c r="G181" s="70"/>
      <c r="H181" s="70"/>
      <c r="I181" s="70"/>
      <c r="J181" s="70"/>
      <c r="K181" s="70"/>
      <c r="L181" s="70"/>
    </row>
    <row r="182" spans="3:12" x14ac:dyDescent="0.2">
      <c r="C182" s="70"/>
      <c r="D182" s="70"/>
      <c r="E182" s="70"/>
      <c r="F182" s="70"/>
      <c r="G182" s="70"/>
      <c r="H182" s="70"/>
      <c r="I182" s="70"/>
      <c r="J182" s="70"/>
      <c r="K182" s="70"/>
      <c r="L182" s="70"/>
    </row>
    <row r="183" spans="3:12" x14ac:dyDescent="0.2">
      <c r="C183" s="70"/>
      <c r="D183" s="70"/>
      <c r="E183" s="70"/>
      <c r="F183" s="70"/>
      <c r="G183" s="70"/>
      <c r="H183" s="70"/>
      <c r="I183" s="70"/>
      <c r="J183" s="70"/>
      <c r="K183" s="70"/>
      <c r="L183" s="70"/>
    </row>
    <row r="184" spans="3:12" x14ac:dyDescent="0.2">
      <c r="C184" s="70"/>
      <c r="D184" s="70"/>
      <c r="E184" s="70"/>
      <c r="F184" s="70"/>
      <c r="G184" s="70"/>
      <c r="H184" s="70"/>
      <c r="I184" s="70"/>
      <c r="J184" s="70"/>
      <c r="K184" s="70"/>
      <c r="L184" s="70"/>
    </row>
    <row r="185" spans="3:12" x14ac:dyDescent="0.2">
      <c r="C185" s="70"/>
      <c r="D185" s="70"/>
      <c r="E185" s="70"/>
      <c r="F185" s="70"/>
      <c r="G185" s="70"/>
      <c r="H185" s="70"/>
      <c r="I185" s="70"/>
      <c r="J185" s="70"/>
      <c r="K185" s="70"/>
      <c r="L185" s="70"/>
    </row>
    <row r="186" spans="3:12" x14ac:dyDescent="0.2">
      <c r="C186" s="70"/>
      <c r="D186" s="70"/>
      <c r="E186" s="70"/>
      <c r="F186" s="70"/>
      <c r="G186" s="70"/>
      <c r="H186" s="70"/>
      <c r="I186" s="70"/>
      <c r="J186" s="70"/>
      <c r="K186" s="70"/>
      <c r="L186" s="70"/>
    </row>
    <row r="187" spans="3:12" x14ac:dyDescent="0.2">
      <c r="C187" s="70"/>
      <c r="D187" s="70"/>
      <c r="E187" s="70"/>
      <c r="F187" s="70"/>
      <c r="G187" s="70"/>
      <c r="H187" s="70"/>
      <c r="I187" s="70"/>
      <c r="J187" s="70"/>
      <c r="K187" s="70"/>
      <c r="L187" s="70"/>
    </row>
    <row r="188" spans="3:12" x14ac:dyDescent="0.2">
      <c r="C188" s="70"/>
      <c r="D188" s="70"/>
      <c r="E188" s="70"/>
      <c r="F188" s="70"/>
      <c r="G188" s="70"/>
      <c r="H188" s="70"/>
      <c r="I188" s="70"/>
      <c r="J188" s="70"/>
      <c r="K188" s="70"/>
      <c r="L188" s="70"/>
    </row>
    <row r="189" spans="3:12" x14ac:dyDescent="0.2">
      <c r="C189" s="70"/>
      <c r="D189" s="70"/>
      <c r="E189" s="70"/>
      <c r="F189" s="70"/>
      <c r="G189" s="70"/>
      <c r="H189" s="70"/>
      <c r="I189" s="70"/>
      <c r="J189" s="70"/>
      <c r="K189" s="70"/>
      <c r="L189" s="70"/>
    </row>
    <row r="190" spans="3:12" x14ac:dyDescent="0.2">
      <c r="C190" s="70"/>
      <c r="D190" s="70"/>
      <c r="E190" s="70"/>
      <c r="F190" s="70"/>
      <c r="G190" s="70"/>
      <c r="H190" s="70"/>
      <c r="I190" s="70"/>
      <c r="J190" s="70"/>
      <c r="K190" s="70"/>
      <c r="L190" s="70"/>
    </row>
    <row r="191" spans="3:12" x14ac:dyDescent="0.2">
      <c r="C191" s="70"/>
      <c r="D191" s="70"/>
      <c r="E191" s="70"/>
      <c r="F191" s="70"/>
      <c r="G191" s="70"/>
      <c r="H191" s="70"/>
      <c r="I191" s="70"/>
      <c r="J191" s="70"/>
      <c r="K191" s="70"/>
      <c r="L191" s="70"/>
    </row>
    <row r="192" spans="3:12" x14ac:dyDescent="0.2">
      <c r="C192" s="70"/>
      <c r="D192" s="70"/>
      <c r="E192" s="70"/>
      <c r="F192" s="70"/>
      <c r="G192" s="70"/>
      <c r="H192" s="70"/>
      <c r="I192" s="70"/>
      <c r="J192" s="70"/>
      <c r="K192" s="70"/>
      <c r="L192" s="70"/>
    </row>
    <row r="193" spans="3:12" x14ac:dyDescent="0.2">
      <c r="C193" s="70"/>
      <c r="D193" s="70"/>
      <c r="E193" s="70"/>
      <c r="F193" s="70"/>
      <c r="G193" s="70"/>
      <c r="H193" s="70"/>
      <c r="I193" s="70"/>
      <c r="J193" s="70"/>
      <c r="K193" s="70"/>
      <c r="L193" s="70"/>
    </row>
    <row r="194" spans="3:12" x14ac:dyDescent="0.2">
      <c r="C194" s="70"/>
      <c r="D194" s="70"/>
      <c r="E194" s="70"/>
      <c r="F194" s="70"/>
      <c r="G194" s="70"/>
      <c r="H194" s="70"/>
      <c r="I194" s="70"/>
      <c r="J194" s="70"/>
      <c r="K194" s="70"/>
      <c r="L194" s="70"/>
    </row>
    <row r="195" spans="3:12" x14ac:dyDescent="0.2">
      <c r="C195" s="70"/>
      <c r="D195" s="70"/>
      <c r="E195" s="70"/>
      <c r="F195" s="70"/>
      <c r="G195" s="70"/>
      <c r="H195" s="70"/>
      <c r="I195" s="70"/>
      <c r="J195" s="70"/>
      <c r="K195" s="70"/>
      <c r="L195" s="70"/>
    </row>
    <row r="196" spans="3:12" x14ac:dyDescent="0.2">
      <c r="C196" s="70"/>
      <c r="D196" s="70"/>
      <c r="E196" s="70"/>
      <c r="F196" s="70"/>
      <c r="G196" s="70"/>
      <c r="H196" s="70"/>
      <c r="I196" s="70"/>
      <c r="J196" s="70"/>
      <c r="K196" s="70"/>
      <c r="L196" s="70"/>
    </row>
    <row r="197" spans="3:12" x14ac:dyDescent="0.2">
      <c r="C197" s="70"/>
      <c r="D197" s="70"/>
      <c r="E197" s="70"/>
      <c r="F197" s="70"/>
      <c r="G197" s="70"/>
      <c r="H197" s="70"/>
      <c r="I197" s="70"/>
      <c r="J197" s="70"/>
      <c r="K197" s="70"/>
      <c r="L197" s="70"/>
    </row>
    <row r="198" spans="3:12" x14ac:dyDescent="0.2">
      <c r="C198" s="70"/>
      <c r="D198" s="70"/>
      <c r="E198" s="70"/>
      <c r="F198" s="70"/>
      <c r="G198" s="70"/>
      <c r="H198" s="70"/>
      <c r="I198" s="70"/>
      <c r="J198" s="70"/>
      <c r="K198" s="70"/>
      <c r="L198" s="70"/>
    </row>
    <row r="199" spans="3:12" x14ac:dyDescent="0.2">
      <c r="C199" s="70"/>
      <c r="D199" s="70"/>
      <c r="E199" s="70"/>
      <c r="F199" s="70"/>
      <c r="G199" s="70"/>
      <c r="H199" s="70"/>
      <c r="I199" s="70"/>
      <c r="J199" s="70"/>
      <c r="K199" s="70"/>
      <c r="L199" s="70"/>
    </row>
    <row r="200" spans="3:12" x14ac:dyDescent="0.2">
      <c r="C200" s="70"/>
      <c r="D200" s="70"/>
      <c r="E200" s="70"/>
      <c r="F200" s="70"/>
      <c r="G200" s="70"/>
      <c r="H200" s="70"/>
      <c r="I200" s="70"/>
      <c r="J200" s="70"/>
      <c r="K200" s="70"/>
      <c r="L200" s="70"/>
    </row>
    <row r="201" spans="3:12" x14ac:dyDescent="0.2">
      <c r="C201" s="70"/>
      <c r="D201" s="70"/>
      <c r="E201" s="70"/>
      <c r="F201" s="70"/>
      <c r="G201" s="70"/>
      <c r="H201" s="70"/>
      <c r="I201" s="70"/>
      <c r="J201" s="70"/>
      <c r="K201" s="70"/>
      <c r="L201" s="70"/>
    </row>
    <row r="202" spans="3:12" x14ac:dyDescent="0.2">
      <c r="C202" s="70"/>
      <c r="D202" s="70"/>
      <c r="E202" s="70"/>
      <c r="F202" s="70"/>
      <c r="G202" s="70"/>
      <c r="H202" s="70"/>
      <c r="I202" s="70"/>
      <c r="J202" s="70"/>
      <c r="K202" s="70"/>
      <c r="L202" s="70"/>
    </row>
    <row r="203" spans="3:12" x14ac:dyDescent="0.2">
      <c r="C203" s="70"/>
      <c r="D203" s="70"/>
      <c r="E203" s="70"/>
      <c r="F203" s="70"/>
      <c r="G203" s="70"/>
      <c r="H203" s="70"/>
      <c r="I203" s="70"/>
      <c r="J203" s="70"/>
      <c r="K203" s="70"/>
      <c r="L203" s="70"/>
    </row>
    <row r="204" spans="3:12" x14ac:dyDescent="0.2">
      <c r="C204" s="70"/>
      <c r="D204" s="70"/>
      <c r="E204" s="70"/>
      <c r="F204" s="70"/>
      <c r="G204" s="70"/>
      <c r="H204" s="70"/>
      <c r="I204" s="70"/>
      <c r="J204" s="70"/>
      <c r="K204" s="70"/>
      <c r="L204" s="70"/>
    </row>
    <row r="205" spans="3:12" x14ac:dyDescent="0.2">
      <c r="C205" s="70"/>
      <c r="D205" s="70"/>
      <c r="E205" s="70"/>
      <c r="F205" s="70"/>
      <c r="G205" s="70"/>
      <c r="H205" s="70"/>
      <c r="I205" s="70"/>
      <c r="J205" s="70"/>
      <c r="K205" s="70"/>
      <c r="L205" s="70"/>
    </row>
    <row r="206" spans="3:12" x14ac:dyDescent="0.2">
      <c r="C206" s="70"/>
      <c r="D206" s="70"/>
      <c r="E206" s="70"/>
      <c r="F206" s="70"/>
      <c r="G206" s="70"/>
      <c r="H206" s="70"/>
      <c r="I206" s="70"/>
      <c r="J206" s="70"/>
      <c r="K206" s="70"/>
      <c r="L206" s="70"/>
    </row>
    <row r="207" spans="3:12" x14ac:dyDescent="0.2">
      <c r="C207" s="70"/>
      <c r="D207" s="70"/>
      <c r="E207" s="70"/>
      <c r="F207" s="70"/>
      <c r="G207" s="70"/>
      <c r="H207" s="70"/>
      <c r="I207" s="70"/>
      <c r="J207" s="70"/>
      <c r="K207" s="70"/>
      <c r="L207" s="70"/>
    </row>
    <row r="208" spans="3:12" x14ac:dyDescent="0.2">
      <c r="C208" s="70"/>
      <c r="D208" s="70"/>
      <c r="E208" s="70"/>
      <c r="F208" s="70"/>
      <c r="G208" s="70"/>
      <c r="H208" s="70"/>
      <c r="I208" s="70"/>
      <c r="J208" s="70"/>
      <c r="K208" s="70"/>
      <c r="L208" s="70"/>
    </row>
    <row r="209" spans="3:12" x14ac:dyDescent="0.2">
      <c r="C209" s="70"/>
      <c r="D209" s="70"/>
      <c r="E209" s="70"/>
      <c r="F209" s="70"/>
      <c r="G209" s="70"/>
      <c r="H209" s="70"/>
      <c r="I209" s="70"/>
      <c r="J209" s="70"/>
      <c r="K209" s="70"/>
      <c r="L209" s="70"/>
    </row>
    <row r="210" spans="3:12" x14ac:dyDescent="0.2">
      <c r="C210" s="70"/>
      <c r="D210" s="70"/>
      <c r="E210" s="70"/>
      <c r="F210" s="70"/>
      <c r="G210" s="70"/>
      <c r="H210" s="70"/>
      <c r="I210" s="70"/>
      <c r="J210" s="70"/>
      <c r="K210" s="70"/>
      <c r="L210" s="70"/>
    </row>
    <row r="211" spans="3:12" x14ac:dyDescent="0.2">
      <c r="C211" s="70"/>
      <c r="D211" s="70"/>
      <c r="E211" s="70"/>
      <c r="F211" s="70"/>
      <c r="G211" s="70"/>
      <c r="H211" s="70"/>
      <c r="I211" s="70"/>
      <c r="J211" s="70"/>
      <c r="K211" s="70"/>
      <c r="L211" s="70"/>
    </row>
    <row r="212" spans="3:12" x14ac:dyDescent="0.2">
      <c r="C212" s="70"/>
      <c r="D212" s="70"/>
      <c r="E212" s="70"/>
      <c r="F212" s="70"/>
      <c r="G212" s="70"/>
      <c r="H212" s="70"/>
      <c r="I212" s="70"/>
      <c r="J212" s="70"/>
      <c r="K212" s="70"/>
      <c r="L212" s="70"/>
    </row>
    <row r="213" spans="3:12" x14ac:dyDescent="0.2">
      <c r="C213" s="70"/>
      <c r="D213" s="70"/>
      <c r="E213" s="70"/>
      <c r="F213" s="70"/>
      <c r="G213" s="70"/>
      <c r="H213" s="70"/>
      <c r="I213" s="70"/>
      <c r="J213" s="70"/>
      <c r="K213" s="70"/>
      <c r="L213" s="70"/>
    </row>
    <row r="214" spans="3:12" x14ac:dyDescent="0.2">
      <c r="C214" s="70"/>
      <c r="D214" s="70"/>
      <c r="E214" s="70"/>
      <c r="F214" s="70"/>
      <c r="G214" s="70"/>
      <c r="H214" s="70"/>
      <c r="I214" s="70"/>
      <c r="J214" s="70"/>
      <c r="K214" s="70"/>
      <c r="L214" s="70"/>
    </row>
    <row r="215" spans="3:12" x14ac:dyDescent="0.2">
      <c r="C215" s="70"/>
      <c r="D215" s="70"/>
      <c r="E215" s="70"/>
      <c r="F215" s="70"/>
      <c r="G215" s="70"/>
      <c r="H215" s="70"/>
      <c r="I215" s="70"/>
      <c r="J215" s="70"/>
      <c r="K215" s="70"/>
      <c r="L215" s="70"/>
    </row>
    <row r="216" spans="3:12" x14ac:dyDescent="0.2">
      <c r="C216" s="70"/>
      <c r="D216" s="70"/>
      <c r="E216" s="70"/>
      <c r="F216" s="70"/>
      <c r="G216" s="70"/>
      <c r="H216" s="70"/>
      <c r="I216" s="70"/>
      <c r="J216" s="70"/>
      <c r="K216" s="70"/>
      <c r="L216" s="70"/>
    </row>
    <row r="217" spans="3:12" x14ac:dyDescent="0.2">
      <c r="C217" s="70"/>
      <c r="D217" s="70"/>
      <c r="E217" s="70"/>
      <c r="F217" s="70"/>
      <c r="G217" s="70"/>
      <c r="H217" s="70"/>
      <c r="I217" s="70"/>
      <c r="J217" s="70"/>
      <c r="K217" s="70"/>
      <c r="L217" s="70"/>
    </row>
    <row r="218" spans="3:12" x14ac:dyDescent="0.2">
      <c r="C218" s="70"/>
      <c r="D218" s="70"/>
      <c r="E218" s="70"/>
      <c r="F218" s="70"/>
      <c r="G218" s="70"/>
      <c r="H218" s="70"/>
      <c r="I218" s="70"/>
      <c r="J218" s="70"/>
      <c r="K218" s="70"/>
      <c r="L218" s="70"/>
    </row>
  </sheetData>
  <mergeCells count="18">
    <mergeCell ref="H1:I1"/>
    <mergeCell ref="W3:AF3"/>
    <mergeCell ref="AG3:AP3"/>
    <mergeCell ref="M4:O4"/>
    <mergeCell ref="P4:U4"/>
    <mergeCell ref="V4:V5"/>
    <mergeCell ref="W4:Y4"/>
    <mergeCell ref="Z4:AE4"/>
    <mergeCell ref="AF4:AF5"/>
    <mergeCell ref="AG4:AI4"/>
    <mergeCell ref="AJ4:AO4"/>
    <mergeCell ref="AP4:AP5"/>
    <mergeCell ref="B3:B4"/>
    <mergeCell ref="C3:L3"/>
    <mergeCell ref="M3:V3"/>
    <mergeCell ref="C4:E4"/>
    <mergeCell ref="F4:K4"/>
    <mergeCell ref="L4:L5"/>
  </mergeCells>
  <phoneticPr fontId="4"/>
  <pageMargins left="0.78740157480314965" right="0.31496062992125984" top="0.27559055118110237" bottom="0.39370078740157483" header="0.19685039370078741" footer="0.19685039370078741"/>
  <pageSetup paperSize="9" scale="45" orientation="landscape" r:id="rId1"/>
  <headerFooter alignWithMargins="0">
    <oddFooter>&amp;L&amp;20&amp;A&amp;C&amp;P/&amp;N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AQ218"/>
  <sheetViews>
    <sheetView zoomScaleNormal="100" zoomScaleSheetLayoutView="55" workbookViewId="0">
      <pane xSplit="2" ySplit="6" topLeftCell="C7" activePane="bottomRight" state="frozen"/>
      <selection activeCell="F37" sqref="F37"/>
      <selection pane="topRight" activeCell="F37" sqref="F37"/>
      <selection pane="bottomLeft" activeCell="F37" sqref="F3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3" width="8.88671875" style="71" customWidth="1"/>
    <col min="4" max="4" width="8.109375" style="71" customWidth="1"/>
    <col min="5" max="5" width="10.109375" style="71" bestFit="1" customWidth="1"/>
    <col min="6" max="6" width="9.6640625" style="71" bestFit="1" customWidth="1"/>
    <col min="7" max="7" width="9.109375" style="71" bestFit="1" customWidth="1"/>
    <col min="8" max="11" width="9" style="71"/>
    <col min="12" max="12" width="9.6640625" style="71" customWidth="1"/>
    <col min="13" max="22" width="8.77734375" style="71" customWidth="1"/>
    <col min="23" max="42" width="9.6640625" style="71" customWidth="1"/>
    <col min="43" max="16384" width="9" style="71"/>
  </cols>
  <sheetData>
    <row r="1" spans="2:43" ht="24" customHeight="1" x14ac:dyDescent="0.2">
      <c r="B1" s="10" t="s">
        <v>56</v>
      </c>
      <c r="F1" s="63">
        <f>第１表!F2</f>
        <v>7</v>
      </c>
      <c r="G1" s="16">
        <f>第１表!G2</f>
        <v>2</v>
      </c>
      <c r="H1" s="530">
        <f>IF(G1&lt;3,G1-2+12,G1-2)</f>
        <v>12</v>
      </c>
      <c r="I1" s="530"/>
    </row>
    <row r="2" spans="2:43" ht="24" customHeight="1" thickBot="1" x14ac:dyDescent="0.25">
      <c r="B2" s="10" t="s">
        <v>155</v>
      </c>
      <c r="F2" s="10" t="s">
        <v>136</v>
      </c>
    </row>
    <row r="3" spans="2:43" ht="21" customHeight="1" x14ac:dyDescent="0.2">
      <c r="B3" s="504"/>
      <c r="C3" s="507" t="s">
        <v>57</v>
      </c>
      <c r="D3" s="508"/>
      <c r="E3" s="508"/>
      <c r="F3" s="508"/>
      <c r="G3" s="508"/>
      <c r="H3" s="508"/>
      <c r="I3" s="508"/>
      <c r="J3" s="508"/>
      <c r="K3" s="508"/>
      <c r="L3" s="508"/>
      <c r="M3" s="507" t="s">
        <v>58</v>
      </c>
      <c r="N3" s="510"/>
      <c r="O3" s="510"/>
      <c r="P3" s="510"/>
      <c r="Q3" s="510"/>
      <c r="R3" s="510"/>
      <c r="S3" s="510"/>
      <c r="T3" s="510"/>
      <c r="U3" s="510"/>
      <c r="V3" s="510"/>
      <c r="W3" s="507" t="s">
        <v>59</v>
      </c>
      <c r="X3" s="508"/>
      <c r="Y3" s="508"/>
      <c r="Z3" s="508"/>
      <c r="AA3" s="508"/>
      <c r="AB3" s="508"/>
      <c r="AC3" s="508"/>
      <c r="AD3" s="508"/>
      <c r="AE3" s="508"/>
      <c r="AF3" s="508"/>
      <c r="AG3" s="507" t="s">
        <v>147</v>
      </c>
      <c r="AH3" s="508"/>
      <c r="AI3" s="508"/>
      <c r="AJ3" s="508"/>
      <c r="AK3" s="508"/>
      <c r="AL3" s="508"/>
      <c r="AM3" s="508"/>
      <c r="AN3" s="508"/>
      <c r="AO3" s="508"/>
      <c r="AP3" s="509"/>
    </row>
    <row r="4" spans="2:43" ht="21" customHeight="1" x14ac:dyDescent="0.2">
      <c r="B4" s="506"/>
      <c r="C4" s="512" t="s">
        <v>61</v>
      </c>
      <c r="D4" s="513"/>
      <c r="E4" s="514"/>
      <c r="F4" s="515" t="s">
        <v>62</v>
      </c>
      <c r="G4" s="516"/>
      <c r="H4" s="516"/>
      <c r="I4" s="516"/>
      <c r="J4" s="516"/>
      <c r="K4" s="517"/>
      <c r="L4" s="527" t="s">
        <v>52</v>
      </c>
      <c r="M4" s="512" t="s">
        <v>61</v>
      </c>
      <c r="N4" s="513"/>
      <c r="O4" s="514"/>
      <c r="P4" s="515" t="s">
        <v>62</v>
      </c>
      <c r="Q4" s="516"/>
      <c r="R4" s="516"/>
      <c r="S4" s="516"/>
      <c r="T4" s="516"/>
      <c r="U4" s="517"/>
      <c r="V4" s="518" t="s">
        <v>52</v>
      </c>
      <c r="W4" s="512" t="s">
        <v>61</v>
      </c>
      <c r="X4" s="513"/>
      <c r="Y4" s="514"/>
      <c r="Z4" s="515" t="s">
        <v>62</v>
      </c>
      <c r="AA4" s="516"/>
      <c r="AB4" s="516"/>
      <c r="AC4" s="516"/>
      <c r="AD4" s="516"/>
      <c r="AE4" s="517"/>
      <c r="AF4" s="527" t="s">
        <v>52</v>
      </c>
      <c r="AG4" s="512" t="s">
        <v>61</v>
      </c>
      <c r="AH4" s="513"/>
      <c r="AI4" s="514"/>
      <c r="AJ4" s="515" t="s">
        <v>62</v>
      </c>
      <c r="AK4" s="516"/>
      <c r="AL4" s="516"/>
      <c r="AM4" s="516"/>
      <c r="AN4" s="516"/>
      <c r="AO4" s="517"/>
      <c r="AP4" s="518" t="s">
        <v>52</v>
      </c>
    </row>
    <row r="5" spans="2:43" ht="30" customHeight="1" thickBot="1" x14ac:dyDescent="0.25">
      <c r="B5" s="72" t="s">
        <v>42</v>
      </c>
      <c r="C5" s="229" t="s">
        <v>43</v>
      </c>
      <c r="D5" s="230" t="s">
        <v>44</v>
      </c>
      <c r="E5" s="230" t="s">
        <v>45</v>
      </c>
      <c r="F5" s="231" t="s">
        <v>47</v>
      </c>
      <c r="G5" s="232" t="s">
        <v>48</v>
      </c>
      <c r="H5" s="232" t="s">
        <v>49</v>
      </c>
      <c r="I5" s="233" t="s">
        <v>50</v>
      </c>
      <c r="J5" s="230" t="s">
        <v>51</v>
      </c>
      <c r="K5" s="234" t="s">
        <v>95</v>
      </c>
      <c r="L5" s="526"/>
      <c r="M5" s="229" t="s">
        <v>43</v>
      </c>
      <c r="N5" s="230" t="s">
        <v>44</v>
      </c>
      <c r="O5" s="234" t="s">
        <v>45</v>
      </c>
      <c r="P5" s="235" t="s">
        <v>47</v>
      </c>
      <c r="Q5" s="232" t="s">
        <v>48</v>
      </c>
      <c r="R5" s="232" t="s">
        <v>49</v>
      </c>
      <c r="S5" s="233" t="s">
        <v>50</v>
      </c>
      <c r="T5" s="230" t="s">
        <v>51</v>
      </c>
      <c r="U5" s="234" t="s">
        <v>45</v>
      </c>
      <c r="V5" s="519"/>
      <c r="W5" s="229" t="s">
        <v>43</v>
      </c>
      <c r="X5" s="230" t="s">
        <v>44</v>
      </c>
      <c r="Y5" s="230" t="s">
        <v>45</v>
      </c>
      <c r="Z5" s="231" t="s">
        <v>47</v>
      </c>
      <c r="AA5" s="232" t="s">
        <v>48</v>
      </c>
      <c r="AB5" s="232" t="s">
        <v>49</v>
      </c>
      <c r="AC5" s="233" t="s">
        <v>50</v>
      </c>
      <c r="AD5" s="230" t="s">
        <v>51</v>
      </c>
      <c r="AE5" s="234" t="s">
        <v>45</v>
      </c>
      <c r="AF5" s="526"/>
      <c r="AG5" s="229" t="s">
        <v>43</v>
      </c>
      <c r="AH5" s="230" t="s">
        <v>44</v>
      </c>
      <c r="AI5" s="230" t="s">
        <v>45</v>
      </c>
      <c r="AJ5" s="231" t="s">
        <v>47</v>
      </c>
      <c r="AK5" s="232" t="s">
        <v>48</v>
      </c>
      <c r="AL5" s="232" t="s">
        <v>49</v>
      </c>
      <c r="AM5" s="233" t="s">
        <v>50</v>
      </c>
      <c r="AN5" s="230" t="s">
        <v>51</v>
      </c>
      <c r="AO5" s="234" t="s">
        <v>45</v>
      </c>
      <c r="AP5" s="519"/>
    </row>
    <row r="6" spans="2:43" ht="21" customHeight="1" x14ac:dyDescent="0.2">
      <c r="B6" s="84" t="s">
        <v>4</v>
      </c>
      <c r="C6" s="211">
        <v>0</v>
      </c>
      <c r="D6" s="213">
        <v>0</v>
      </c>
      <c r="E6" s="213">
        <v>0</v>
      </c>
      <c r="F6" s="214">
        <v>14</v>
      </c>
      <c r="G6" s="212">
        <v>45</v>
      </c>
      <c r="H6" s="212">
        <v>332</v>
      </c>
      <c r="I6" s="212">
        <v>442</v>
      </c>
      <c r="J6" s="213">
        <v>272</v>
      </c>
      <c r="K6" s="236">
        <v>1105</v>
      </c>
      <c r="L6" s="237">
        <v>1105</v>
      </c>
      <c r="M6" s="211">
        <v>0</v>
      </c>
      <c r="N6" s="213">
        <v>0</v>
      </c>
      <c r="O6" s="236">
        <v>0</v>
      </c>
      <c r="P6" s="216">
        <v>65</v>
      </c>
      <c r="Q6" s="212">
        <v>140</v>
      </c>
      <c r="R6" s="212">
        <v>201</v>
      </c>
      <c r="S6" s="212">
        <v>284</v>
      </c>
      <c r="T6" s="213">
        <v>141</v>
      </c>
      <c r="U6" s="236">
        <v>831</v>
      </c>
      <c r="V6" s="215">
        <v>831</v>
      </c>
      <c r="W6" s="216">
        <v>0</v>
      </c>
      <c r="X6" s="213">
        <v>0</v>
      </c>
      <c r="Y6" s="213">
        <v>0</v>
      </c>
      <c r="Z6" s="214">
        <v>0</v>
      </c>
      <c r="AA6" s="212">
        <v>0</v>
      </c>
      <c r="AB6" s="212">
        <v>0</v>
      </c>
      <c r="AC6" s="212">
        <v>0</v>
      </c>
      <c r="AD6" s="213">
        <v>0</v>
      </c>
      <c r="AE6" s="236">
        <v>0</v>
      </c>
      <c r="AF6" s="237">
        <v>0</v>
      </c>
      <c r="AG6" s="211">
        <v>0</v>
      </c>
      <c r="AH6" s="213">
        <v>0</v>
      </c>
      <c r="AI6" s="213">
        <v>0</v>
      </c>
      <c r="AJ6" s="214">
        <v>1</v>
      </c>
      <c r="AK6" s="212">
        <v>1</v>
      </c>
      <c r="AL6" s="212">
        <v>1</v>
      </c>
      <c r="AM6" s="212">
        <v>15</v>
      </c>
      <c r="AN6" s="213">
        <v>21</v>
      </c>
      <c r="AO6" s="236">
        <v>39</v>
      </c>
      <c r="AP6" s="238">
        <v>39</v>
      </c>
      <c r="AQ6" s="239"/>
    </row>
    <row r="7" spans="2:43" ht="21" customHeight="1" x14ac:dyDescent="0.2">
      <c r="B7" s="95" t="s">
        <v>5</v>
      </c>
      <c r="C7" s="217">
        <v>0</v>
      </c>
      <c r="D7" s="219">
        <v>0</v>
      </c>
      <c r="E7" s="219">
        <v>0</v>
      </c>
      <c r="F7" s="220">
        <v>12</v>
      </c>
      <c r="G7" s="218">
        <v>34</v>
      </c>
      <c r="H7" s="218">
        <v>161</v>
      </c>
      <c r="I7" s="218">
        <v>195</v>
      </c>
      <c r="J7" s="219">
        <v>121</v>
      </c>
      <c r="K7" s="240">
        <v>523</v>
      </c>
      <c r="L7" s="241">
        <v>523</v>
      </c>
      <c r="M7" s="217">
        <v>0</v>
      </c>
      <c r="N7" s="219">
        <v>0</v>
      </c>
      <c r="O7" s="240">
        <v>0</v>
      </c>
      <c r="P7" s="222">
        <v>30</v>
      </c>
      <c r="Q7" s="218">
        <v>79</v>
      </c>
      <c r="R7" s="218">
        <v>95</v>
      </c>
      <c r="S7" s="218">
        <v>134</v>
      </c>
      <c r="T7" s="219">
        <v>76</v>
      </c>
      <c r="U7" s="240">
        <v>414</v>
      </c>
      <c r="V7" s="221">
        <v>414</v>
      </c>
      <c r="W7" s="222">
        <v>0</v>
      </c>
      <c r="X7" s="219">
        <v>0</v>
      </c>
      <c r="Y7" s="219">
        <v>0</v>
      </c>
      <c r="Z7" s="220">
        <v>0</v>
      </c>
      <c r="AA7" s="218">
        <v>0</v>
      </c>
      <c r="AB7" s="218">
        <v>0</v>
      </c>
      <c r="AC7" s="218">
        <v>0</v>
      </c>
      <c r="AD7" s="219">
        <v>0</v>
      </c>
      <c r="AE7" s="240">
        <v>0</v>
      </c>
      <c r="AF7" s="241">
        <v>0</v>
      </c>
      <c r="AG7" s="217">
        <v>0</v>
      </c>
      <c r="AH7" s="219">
        <v>0</v>
      </c>
      <c r="AI7" s="219">
        <v>0</v>
      </c>
      <c r="AJ7" s="220">
        <v>1</v>
      </c>
      <c r="AK7" s="218">
        <v>0</v>
      </c>
      <c r="AL7" s="218">
        <v>0</v>
      </c>
      <c r="AM7" s="218">
        <v>6</v>
      </c>
      <c r="AN7" s="219">
        <v>5</v>
      </c>
      <c r="AO7" s="240">
        <v>12</v>
      </c>
      <c r="AP7" s="242">
        <v>12</v>
      </c>
      <c r="AQ7" s="239"/>
    </row>
    <row r="8" spans="2:43" ht="21" customHeight="1" x14ac:dyDescent="0.2">
      <c r="B8" s="106" t="s">
        <v>6</v>
      </c>
      <c r="C8" s="217">
        <v>0</v>
      </c>
      <c r="D8" s="219">
        <v>0</v>
      </c>
      <c r="E8" s="219">
        <v>0</v>
      </c>
      <c r="F8" s="220">
        <v>2</v>
      </c>
      <c r="G8" s="218">
        <v>6</v>
      </c>
      <c r="H8" s="218">
        <v>38</v>
      </c>
      <c r="I8" s="218">
        <v>57</v>
      </c>
      <c r="J8" s="219">
        <v>41</v>
      </c>
      <c r="K8" s="240">
        <v>144</v>
      </c>
      <c r="L8" s="241">
        <v>144</v>
      </c>
      <c r="M8" s="217">
        <v>0</v>
      </c>
      <c r="N8" s="219">
        <v>0</v>
      </c>
      <c r="O8" s="240">
        <v>0</v>
      </c>
      <c r="P8" s="222">
        <v>11</v>
      </c>
      <c r="Q8" s="218">
        <v>9</v>
      </c>
      <c r="R8" s="218">
        <v>24</v>
      </c>
      <c r="S8" s="218">
        <v>41</v>
      </c>
      <c r="T8" s="219">
        <v>17</v>
      </c>
      <c r="U8" s="240">
        <v>102</v>
      </c>
      <c r="V8" s="221">
        <v>102</v>
      </c>
      <c r="W8" s="222">
        <v>0</v>
      </c>
      <c r="X8" s="219">
        <v>0</v>
      </c>
      <c r="Y8" s="219">
        <v>0</v>
      </c>
      <c r="Z8" s="220">
        <v>0</v>
      </c>
      <c r="AA8" s="218">
        <v>0</v>
      </c>
      <c r="AB8" s="218">
        <v>0</v>
      </c>
      <c r="AC8" s="218">
        <v>0</v>
      </c>
      <c r="AD8" s="219">
        <v>0</v>
      </c>
      <c r="AE8" s="240">
        <v>0</v>
      </c>
      <c r="AF8" s="241">
        <v>0</v>
      </c>
      <c r="AG8" s="217">
        <v>0</v>
      </c>
      <c r="AH8" s="219">
        <v>0</v>
      </c>
      <c r="AI8" s="219">
        <v>0</v>
      </c>
      <c r="AJ8" s="220">
        <v>0</v>
      </c>
      <c r="AK8" s="218">
        <v>0</v>
      </c>
      <c r="AL8" s="218">
        <v>0</v>
      </c>
      <c r="AM8" s="218">
        <v>2</v>
      </c>
      <c r="AN8" s="219">
        <v>2</v>
      </c>
      <c r="AO8" s="240">
        <v>4</v>
      </c>
      <c r="AP8" s="242">
        <v>4</v>
      </c>
      <c r="AQ8" s="239"/>
    </row>
    <row r="9" spans="2:43" ht="21" customHeight="1" x14ac:dyDescent="0.2">
      <c r="B9" s="106" t="s">
        <v>14</v>
      </c>
      <c r="C9" s="217">
        <v>0</v>
      </c>
      <c r="D9" s="219">
        <v>0</v>
      </c>
      <c r="E9" s="219">
        <v>0</v>
      </c>
      <c r="F9" s="220">
        <v>0</v>
      </c>
      <c r="G9" s="218">
        <v>0</v>
      </c>
      <c r="H9" s="218">
        <v>29</v>
      </c>
      <c r="I9" s="218">
        <v>48</v>
      </c>
      <c r="J9" s="219">
        <v>16</v>
      </c>
      <c r="K9" s="240">
        <v>93</v>
      </c>
      <c r="L9" s="241">
        <v>93</v>
      </c>
      <c r="M9" s="217">
        <v>0</v>
      </c>
      <c r="N9" s="219">
        <v>0</v>
      </c>
      <c r="O9" s="240">
        <v>0</v>
      </c>
      <c r="P9" s="222">
        <v>3</v>
      </c>
      <c r="Q9" s="218">
        <v>7</v>
      </c>
      <c r="R9" s="218">
        <v>6</v>
      </c>
      <c r="S9" s="218">
        <v>18</v>
      </c>
      <c r="T9" s="219">
        <v>8</v>
      </c>
      <c r="U9" s="240">
        <v>42</v>
      </c>
      <c r="V9" s="221">
        <v>42</v>
      </c>
      <c r="W9" s="222">
        <v>0</v>
      </c>
      <c r="X9" s="219">
        <v>0</v>
      </c>
      <c r="Y9" s="219">
        <v>0</v>
      </c>
      <c r="Z9" s="220">
        <v>0</v>
      </c>
      <c r="AA9" s="218">
        <v>0</v>
      </c>
      <c r="AB9" s="218">
        <v>0</v>
      </c>
      <c r="AC9" s="218">
        <v>0</v>
      </c>
      <c r="AD9" s="219">
        <v>0</v>
      </c>
      <c r="AE9" s="240">
        <v>0</v>
      </c>
      <c r="AF9" s="241">
        <v>0</v>
      </c>
      <c r="AG9" s="217">
        <v>0</v>
      </c>
      <c r="AH9" s="219">
        <v>0</v>
      </c>
      <c r="AI9" s="219">
        <v>0</v>
      </c>
      <c r="AJ9" s="220">
        <v>0</v>
      </c>
      <c r="AK9" s="218">
        <v>0</v>
      </c>
      <c r="AL9" s="218">
        <v>0</v>
      </c>
      <c r="AM9" s="218">
        <v>2</v>
      </c>
      <c r="AN9" s="219">
        <v>4</v>
      </c>
      <c r="AO9" s="240">
        <v>6</v>
      </c>
      <c r="AP9" s="242">
        <v>6</v>
      </c>
      <c r="AQ9" s="239"/>
    </row>
    <row r="10" spans="2:43" ht="21" customHeight="1" x14ac:dyDescent="0.2">
      <c r="B10" s="106" t="s">
        <v>7</v>
      </c>
      <c r="C10" s="217">
        <v>0</v>
      </c>
      <c r="D10" s="219">
        <v>0</v>
      </c>
      <c r="E10" s="219">
        <v>0</v>
      </c>
      <c r="F10" s="220">
        <v>0</v>
      </c>
      <c r="G10" s="218">
        <v>0</v>
      </c>
      <c r="H10" s="218">
        <v>9</v>
      </c>
      <c r="I10" s="218">
        <v>14</v>
      </c>
      <c r="J10" s="219">
        <v>7</v>
      </c>
      <c r="K10" s="240">
        <v>30</v>
      </c>
      <c r="L10" s="241">
        <v>30</v>
      </c>
      <c r="M10" s="217">
        <v>0</v>
      </c>
      <c r="N10" s="219">
        <v>0</v>
      </c>
      <c r="O10" s="240">
        <v>0</v>
      </c>
      <c r="P10" s="222">
        <v>1</v>
      </c>
      <c r="Q10" s="218">
        <v>2</v>
      </c>
      <c r="R10" s="218">
        <v>3</v>
      </c>
      <c r="S10" s="218">
        <v>8</v>
      </c>
      <c r="T10" s="219">
        <v>5</v>
      </c>
      <c r="U10" s="240">
        <v>19</v>
      </c>
      <c r="V10" s="221">
        <v>19</v>
      </c>
      <c r="W10" s="222">
        <v>0</v>
      </c>
      <c r="X10" s="219">
        <v>0</v>
      </c>
      <c r="Y10" s="219">
        <v>0</v>
      </c>
      <c r="Z10" s="220">
        <v>0</v>
      </c>
      <c r="AA10" s="218">
        <v>0</v>
      </c>
      <c r="AB10" s="218">
        <v>0</v>
      </c>
      <c r="AC10" s="218">
        <v>0</v>
      </c>
      <c r="AD10" s="219">
        <v>0</v>
      </c>
      <c r="AE10" s="240">
        <v>0</v>
      </c>
      <c r="AF10" s="241">
        <v>0</v>
      </c>
      <c r="AG10" s="217">
        <v>0</v>
      </c>
      <c r="AH10" s="219">
        <v>0</v>
      </c>
      <c r="AI10" s="219">
        <v>0</v>
      </c>
      <c r="AJ10" s="220">
        <v>0</v>
      </c>
      <c r="AK10" s="218">
        <v>0</v>
      </c>
      <c r="AL10" s="218">
        <v>0</v>
      </c>
      <c r="AM10" s="218">
        <v>0</v>
      </c>
      <c r="AN10" s="219">
        <v>0</v>
      </c>
      <c r="AO10" s="240">
        <v>0</v>
      </c>
      <c r="AP10" s="242">
        <v>0</v>
      </c>
      <c r="AQ10" s="239"/>
    </row>
    <row r="11" spans="2:43" ht="21" customHeight="1" x14ac:dyDescent="0.2">
      <c r="B11" s="106" t="s">
        <v>8</v>
      </c>
      <c r="C11" s="217">
        <v>0</v>
      </c>
      <c r="D11" s="219">
        <v>0</v>
      </c>
      <c r="E11" s="219">
        <v>0</v>
      </c>
      <c r="F11" s="220">
        <v>0</v>
      </c>
      <c r="G11" s="218">
        <v>0</v>
      </c>
      <c r="H11" s="218">
        <v>11</v>
      </c>
      <c r="I11" s="218">
        <v>7</v>
      </c>
      <c r="J11" s="219">
        <v>10</v>
      </c>
      <c r="K11" s="240">
        <v>28</v>
      </c>
      <c r="L11" s="241">
        <v>28</v>
      </c>
      <c r="M11" s="217">
        <v>0</v>
      </c>
      <c r="N11" s="219">
        <v>0</v>
      </c>
      <c r="O11" s="240">
        <v>0</v>
      </c>
      <c r="P11" s="222">
        <v>1</v>
      </c>
      <c r="Q11" s="218">
        <v>4</v>
      </c>
      <c r="R11" s="218">
        <v>5</v>
      </c>
      <c r="S11" s="218">
        <v>4</v>
      </c>
      <c r="T11" s="219">
        <v>2</v>
      </c>
      <c r="U11" s="240">
        <v>16</v>
      </c>
      <c r="V11" s="221">
        <v>16</v>
      </c>
      <c r="W11" s="222">
        <v>0</v>
      </c>
      <c r="X11" s="219">
        <v>0</v>
      </c>
      <c r="Y11" s="219">
        <v>0</v>
      </c>
      <c r="Z11" s="220">
        <v>0</v>
      </c>
      <c r="AA11" s="218">
        <v>0</v>
      </c>
      <c r="AB11" s="218">
        <v>0</v>
      </c>
      <c r="AC11" s="218">
        <v>0</v>
      </c>
      <c r="AD11" s="219">
        <v>0</v>
      </c>
      <c r="AE11" s="240">
        <v>0</v>
      </c>
      <c r="AF11" s="241">
        <v>0</v>
      </c>
      <c r="AG11" s="217">
        <v>0</v>
      </c>
      <c r="AH11" s="219">
        <v>0</v>
      </c>
      <c r="AI11" s="219">
        <v>0</v>
      </c>
      <c r="AJ11" s="220">
        <v>0</v>
      </c>
      <c r="AK11" s="218">
        <v>0</v>
      </c>
      <c r="AL11" s="218">
        <v>0</v>
      </c>
      <c r="AM11" s="218">
        <v>0</v>
      </c>
      <c r="AN11" s="219">
        <v>0</v>
      </c>
      <c r="AO11" s="240">
        <v>0</v>
      </c>
      <c r="AP11" s="242">
        <v>0</v>
      </c>
      <c r="AQ11" s="239"/>
    </row>
    <row r="12" spans="2:43" ht="21" customHeight="1" x14ac:dyDescent="0.2">
      <c r="B12" s="106" t="s">
        <v>9</v>
      </c>
      <c r="C12" s="217">
        <v>0</v>
      </c>
      <c r="D12" s="219">
        <v>0</v>
      </c>
      <c r="E12" s="219">
        <v>0</v>
      </c>
      <c r="F12" s="220">
        <v>0</v>
      </c>
      <c r="G12" s="218">
        <v>0</v>
      </c>
      <c r="H12" s="218">
        <v>14</v>
      </c>
      <c r="I12" s="218">
        <v>22</v>
      </c>
      <c r="J12" s="219">
        <v>10</v>
      </c>
      <c r="K12" s="240">
        <v>46</v>
      </c>
      <c r="L12" s="241">
        <v>46</v>
      </c>
      <c r="M12" s="217">
        <v>0</v>
      </c>
      <c r="N12" s="219">
        <v>0</v>
      </c>
      <c r="O12" s="240">
        <v>0</v>
      </c>
      <c r="P12" s="222">
        <v>2</v>
      </c>
      <c r="Q12" s="218">
        <v>5</v>
      </c>
      <c r="R12" s="218">
        <v>8</v>
      </c>
      <c r="S12" s="218">
        <v>8</v>
      </c>
      <c r="T12" s="219">
        <v>6</v>
      </c>
      <c r="U12" s="240">
        <v>29</v>
      </c>
      <c r="V12" s="221">
        <v>29</v>
      </c>
      <c r="W12" s="222">
        <v>0</v>
      </c>
      <c r="X12" s="219">
        <v>0</v>
      </c>
      <c r="Y12" s="219">
        <v>0</v>
      </c>
      <c r="Z12" s="220">
        <v>0</v>
      </c>
      <c r="AA12" s="218">
        <v>0</v>
      </c>
      <c r="AB12" s="218">
        <v>0</v>
      </c>
      <c r="AC12" s="218">
        <v>0</v>
      </c>
      <c r="AD12" s="219">
        <v>0</v>
      </c>
      <c r="AE12" s="240">
        <v>0</v>
      </c>
      <c r="AF12" s="241">
        <v>0</v>
      </c>
      <c r="AG12" s="217">
        <v>0</v>
      </c>
      <c r="AH12" s="219">
        <v>0</v>
      </c>
      <c r="AI12" s="219">
        <v>0</v>
      </c>
      <c r="AJ12" s="220">
        <v>0</v>
      </c>
      <c r="AK12" s="218">
        <v>0</v>
      </c>
      <c r="AL12" s="218">
        <v>0</v>
      </c>
      <c r="AM12" s="218">
        <v>0</v>
      </c>
      <c r="AN12" s="219">
        <v>0</v>
      </c>
      <c r="AO12" s="240">
        <v>0</v>
      </c>
      <c r="AP12" s="242">
        <v>0</v>
      </c>
      <c r="AQ12" s="239"/>
    </row>
    <row r="13" spans="2:43" ht="21" customHeight="1" x14ac:dyDescent="0.2">
      <c r="B13" s="106" t="s">
        <v>10</v>
      </c>
      <c r="C13" s="217">
        <v>0</v>
      </c>
      <c r="D13" s="219">
        <v>0</v>
      </c>
      <c r="E13" s="219">
        <v>0</v>
      </c>
      <c r="F13" s="220">
        <v>0</v>
      </c>
      <c r="G13" s="218">
        <v>0</v>
      </c>
      <c r="H13" s="218">
        <v>10</v>
      </c>
      <c r="I13" s="218">
        <v>21</v>
      </c>
      <c r="J13" s="219">
        <v>16</v>
      </c>
      <c r="K13" s="240">
        <v>47</v>
      </c>
      <c r="L13" s="241">
        <v>47</v>
      </c>
      <c r="M13" s="217">
        <v>0</v>
      </c>
      <c r="N13" s="219">
        <v>0</v>
      </c>
      <c r="O13" s="240">
        <v>0</v>
      </c>
      <c r="P13" s="222">
        <v>5</v>
      </c>
      <c r="Q13" s="218">
        <v>7</v>
      </c>
      <c r="R13" s="218">
        <v>5</v>
      </c>
      <c r="S13" s="218">
        <v>14</v>
      </c>
      <c r="T13" s="219">
        <v>4</v>
      </c>
      <c r="U13" s="240">
        <v>35</v>
      </c>
      <c r="V13" s="221">
        <v>35</v>
      </c>
      <c r="W13" s="222">
        <v>0</v>
      </c>
      <c r="X13" s="219">
        <v>0</v>
      </c>
      <c r="Y13" s="219">
        <v>0</v>
      </c>
      <c r="Z13" s="220">
        <v>0</v>
      </c>
      <c r="AA13" s="218">
        <v>0</v>
      </c>
      <c r="AB13" s="218">
        <v>0</v>
      </c>
      <c r="AC13" s="218">
        <v>0</v>
      </c>
      <c r="AD13" s="219">
        <v>0</v>
      </c>
      <c r="AE13" s="240">
        <v>0</v>
      </c>
      <c r="AF13" s="241">
        <v>0</v>
      </c>
      <c r="AG13" s="217">
        <v>0</v>
      </c>
      <c r="AH13" s="219">
        <v>0</v>
      </c>
      <c r="AI13" s="219">
        <v>0</v>
      </c>
      <c r="AJ13" s="220">
        <v>0</v>
      </c>
      <c r="AK13" s="218">
        <v>0</v>
      </c>
      <c r="AL13" s="218">
        <v>1</v>
      </c>
      <c r="AM13" s="218">
        <v>0</v>
      </c>
      <c r="AN13" s="219">
        <v>2</v>
      </c>
      <c r="AO13" s="240">
        <v>3</v>
      </c>
      <c r="AP13" s="242">
        <v>3</v>
      </c>
      <c r="AQ13" s="239"/>
    </row>
    <row r="14" spans="2:43" ht="21" customHeight="1" x14ac:dyDescent="0.2">
      <c r="B14" s="106" t="s">
        <v>11</v>
      </c>
      <c r="C14" s="217">
        <v>0</v>
      </c>
      <c r="D14" s="219">
        <v>0</v>
      </c>
      <c r="E14" s="219">
        <v>0</v>
      </c>
      <c r="F14" s="220">
        <v>0</v>
      </c>
      <c r="G14" s="218">
        <v>0</v>
      </c>
      <c r="H14" s="218">
        <v>7</v>
      </c>
      <c r="I14" s="218">
        <v>7</v>
      </c>
      <c r="J14" s="219">
        <v>7</v>
      </c>
      <c r="K14" s="240">
        <v>21</v>
      </c>
      <c r="L14" s="241">
        <v>21</v>
      </c>
      <c r="M14" s="217">
        <v>0</v>
      </c>
      <c r="N14" s="219">
        <v>0</v>
      </c>
      <c r="O14" s="240">
        <v>0</v>
      </c>
      <c r="P14" s="222">
        <v>0</v>
      </c>
      <c r="Q14" s="218">
        <v>1</v>
      </c>
      <c r="R14" s="218">
        <v>5</v>
      </c>
      <c r="S14" s="218">
        <v>4</v>
      </c>
      <c r="T14" s="219">
        <v>2</v>
      </c>
      <c r="U14" s="240">
        <v>12</v>
      </c>
      <c r="V14" s="221">
        <v>12</v>
      </c>
      <c r="W14" s="222">
        <v>0</v>
      </c>
      <c r="X14" s="219">
        <v>0</v>
      </c>
      <c r="Y14" s="219">
        <v>0</v>
      </c>
      <c r="Z14" s="220">
        <v>0</v>
      </c>
      <c r="AA14" s="218">
        <v>0</v>
      </c>
      <c r="AB14" s="218">
        <v>0</v>
      </c>
      <c r="AC14" s="218">
        <v>0</v>
      </c>
      <c r="AD14" s="219">
        <v>0</v>
      </c>
      <c r="AE14" s="240">
        <v>0</v>
      </c>
      <c r="AF14" s="241">
        <v>0</v>
      </c>
      <c r="AG14" s="217">
        <v>0</v>
      </c>
      <c r="AH14" s="219">
        <v>0</v>
      </c>
      <c r="AI14" s="219">
        <v>0</v>
      </c>
      <c r="AJ14" s="220">
        <v>0</v>
      </c>
      <c r="AK14" s="218">
        <v>0</v>
      </c>
      <c r="AL14" s="218">
        <v>0</v>
      </c>
      <c r="AM14" s="218">
        <v>0</v>
      </c>
      <c r="AN14" s="219">
        <v>2</v>
      </c>
      <c r="AO14" s="240">
        <v>2</v>
      </c>
      <c r="AP14" s="242">
        <v>2</v>
      </c>
      <c r="AQ14" s="239"/>
    </row>
    <row r="15" spans="2:43" ht="21" customHeight="1" x14ac:dyDescent="0.2">
      <c r="B15" s="106" t="s">
        <v>12</v>
      </c>
      <c r="C15" s="217">
        <v>0</v>
      </c>
      <c r="D15" s="219">
        <v>0</v>
      </c>
      <c r="E15" s="219">
        <v>0</v>
      </c>
      <c r="F15" s="220">
        <v>0</v>
      </c>
      <c r="G15" s="218">
        <v>0</v>
      </c>
      <c r="H15" s="218">
        <v>4</v>
      </c>
      <c r="I15" s="218">
        <v>17</v>
      </c>
      <c r="J15" s="219">
        <v>2</v>
      </c>
      <c r="K15" s="240">
        <v>23</v>
      </c>
      <c r="L15" s="241">
        <v>23</v>
      </c>
      <c r="M15" s="217">
        <v>0</v>
      </c>
      <c r="N15" s="219">
        <v>0</v>
      </c>
      <c r="O15" s="240">
        <v>0</v>
      </c>
      <c r="P15" s="222">
        <v>1</v>
      </c>
      <c r="Q15" s="218">
        <v>4</v>
      </c>
      <c r="R15" s="218">
        <v>9</v>
      </c>
      <c r="S15" s="218">
        <v>13</v>
      </c>
      <c r="T15" s="219">
        <v>2</v>
      </c>
      <c r="U15" s="240">
        <v>29</v>
      </c>
      <c r="V15" s="221">
        <v>29</v>
      </c>
      <c r="W15" s="222">
        <v>0</v>
      </c>
      <c r="X15" s="219">
        <v>0</v>
      </c>
      <c r="Y15" s="219">
        <v>0</v>
      </c>
      <c r="Z15" s="220">
        <v>0</v>
      </c>
      <c r="AA15" s="218">
        <v>0</v>
      </c>
      <c r="AB15" s="218">
        <v>0</v>
      </c>
      <c r="AC15" s="218">
        <v>0</v>
      </c>
      <c r="AD15" s="219">
        <v>0</v>
      </c>
      <c r="AE15" s="240">
        <v>0</v>
      </c>
      <c r="AF15" s="241">
        <v>0</v>
      </c>
      <c r="AG15" s="217">
        <v>0</v>
      </c>
      <c r="AH15" s="219">
        <v>0</v>
      </c>
      <c r="AI15" s="219">
        <v>0</v>
      </c>
      <c r="AJ15" s="220">
        <v>0</v>
      </c>
      <c r="AK15" s="218">
        <v>0</v>
      </c>
      <c r="AL15" s="218">
        <v>0</v>
      </c>
      <c r="AM15" s="218">
        <v>2</v>
      </c>
      <c r="AN15" s="219">
        <v>0</v>
      </c>
      <c r="AO15" s="240">
        <v>2</v>
      </c>
      <c r="AP15" s="242">
        <v>2</v>
      </c>
      <c r="AQ15" s="239"/>
    </row>
    <row r="16" spans="2:43" ht="21" customHeight="1" x14ac:dyDescent="0.2">
      <c r="B16" s="106" t="s">
        <v>13</v>
      </c>
      <c r="C16" s="217">
        <v>0</v>
      </c>
      <c r="D16" s="219">
        <v>0</v>
      </c>
      <c r="E16" s="219">
        <v>0</v>
      </c>
      <c r="F16" s="220">
        <v>0</v>
      </c>
      <c r="G16" s="218">
        <v>0</v>
      </c>
      <c r="H16" s="218">
        <v>3</v>
      </c>
      <c r="I16" s="218">
        <v>3</v>
      </c>
      <c r="J16" s="219">
        <v>3</v>
      </c>
      <c r="K16" s="240">
        <v>9</v>
      </c>
      <c r="L16" s="241">
        <v>9</v>
      </c>
      <c r="M16" s="217">
        <v>0</v>
      </c>
      <c r="N16" s="219">
        <v>0</v>
      </c>
      <c r="O16" s="240">
        <v>0</v>
      </c>
      <c r="P16" s="222">
        <v>0</v>
      </c>
      <c r="Q16" s="218">
        <v>1</v>
      </c>
      <c r="R16" s="218">
        <v>2</v>
      </c>
      <c r="S16" s="218">
        <v>2</v>
      </c>
      <c r="T16" s="219">
        <v>2</v>
      </c>
      <c r="U16" s="240">
        <v>7</v>
      </c>
      <c r="V16" s="221">
        <v>7</v>
      </c>
      <c r="W16" s="222">
        <v>0</v>
      </c>
      <c r="X16" s="219">
        <v>0</v>
      </c>
      <c r="Y16" s="219">
        <v>0</v>
      </c>
      <c r="Z16" s="220">
        <v>0</v>
      </c>
      <c r="AA16" s="218">
        <v>0</v>
      </c>
      <c r="AB16" s="218">
        <v>0</v>
      </c>
      <c r="AC16" s="218">
        <v>0</v>
      </c>
      <c r="AD16" s="219">
        <v>0</v>
      </c>
      <c r="AE16" s="240">
        <v>0</v>
      </c>
      <c r="AF16" s="241">
        <v>0</v>
      </c>
      <c r="AG16" s="217">
        <v>0</v>
      </c>
      <c r="AH16" s="219">
        <v>0</v>
      </c>
      <c r="AI16" s="219">
        <v>0</v>
      </c>
      <c r="AJ16" s="220">
        <v>0</v>
      </c>
      <c r="AK16" s="218">
        <v>0</v>
      </c>
      <c r="AL16" s="218">
        <v>0</v>
      </c>
      <c r="AM16" s="218">
        <v>0</v>
      </c>
      <c r="AN16" s="219">
        <v>0</v>
      </c>
      <c r="AO16" s="240">
        <v>0</v>
      </c>
      <c r="AP16" s="242">
        <v>0</v>
      </c>
      <c r="AQ16" s="239"/>
    </row>
    <row r="17" spans="2:43" ht="21" customHeight="1" x14ac:dyDescent="0.2">
      <c r="B17" s="106" t="s">
        <v>15</v>
      </c>
      <c r="C17" s="217">
        <v>0</v>
      </c>
      <c r="D17" s="219">
        <v>0</v>
      </c>
      <c r="E17" s="219">
        <v>0</v>
      </c>
      <c r="F17" s="220">
        <v>0</v>
      </c>
      <c r="G17" s="218">
        <v>0</v>
      </c>
      <c r="H17" s="218">
        <v>1</v>
      </c>
      <c r="I17" s="218">
        <v>1</v>
      </c>
      <c r="J17" s="219">
        <v>2</v>
      </c>
      <c r="K17" s="240">
        <v>4</v>
      </c>
      <c r="L17" s="241">
        <v>4</v>
      </c>
      <c r="M17" s="217">
        <v>0</v>
      </c>
      <c r="N17" s="219">
        <v>0</v>
      </c>
      <c r="O17" s="240">
        <v>0</v>
      </c>
      <c r="P17" s="222">
        <v>0</v>
      </c>
      <c r="Q17" s="218">
        <v>0</v>
      </c>
      <c r="R17" s="218">
        <v>2</v>
      </c>
      <c r="S17" s="218">
        <v>0</v>
      </c>
      <c r="T17" s="219">
        <v>0</v>
      </c>
      <c r="U17" s="240">
        <v>2</v>
      </c>
      <c r="V17" s="221">
        <v>2</v>
      </c>
      <c r="W17" s="222">
        <v>0</v>
      </c>
      <c r="X17" s="219">
        <v>0</v>
      </c>
      <c r="Y17" s="219">
        <v>0</v>
      </c>
      <c r="Z17" s="220">
        <v>0</v>
      </c>
      <c r="AA17" s="218">
        <v>0</v>
      </c>
      <c r="AB17" s="218">
        <v>0</v>
      </c>
      <c r="AC17" s="218">
        <v>0</v>
      </c>
      <c r="AD17" s="219">
        <v>0</v>
      </c>
      <c r="AE17" s="240">
        <v>0</v>
      </c>
      <c r="AF17" s="241">
        <v>0</v>
      </c>
      <c r="AG17" s="217">
        <v>0</v>
      </c>
      <c r="AH17" s="219">
        <v>0</v>
      </c>
      <c r="AI17" s="219">
        <v>0</v>
      </c>
      <c r="AJ17" s="220">
        <v>0</v>
      </c>
      <c r="AK17" s="218">
        <v>0</v>
      </c>
      <c r="AL17" s="218">
        <v>0</v>
      </c>
      <c r="AM17" s="218">
        <v>0</v>
      </c>
      <c r="AN17" s="219">
        <v>0</v>
      </c>
      <c r="AO17" s="240">
        <v>0</v>
      </c>
      <c r="AP17" s="242">
        <v>0</v>
      </c>
      <c r="AQ17" s="239"/>
    </row>
    <row r="18" spans="2:43" ht="21" customHeight="1" x14ac:dyDescent="0.2">
      <c r="B18" s="106" t="s">
        <v>16</v>
      </c>
      <c r="C18" s="217">
        <v>0</v>
      </c>
      <c r="D18" s="219">
        <v>0</v>
      </c>
      <c r="E18" s="219">
        <v>0</v>
      </c>
      <c r="F18" s="220">
        <v>0</v>
      </c>
      <c r="G18" s="218">
        <v>0</v>
      </c>
      <c r="H18" s="218">
        <v>4</v>
      </c>
      <c r="I18" s="218">
        <v>8</v>
      </c>
      <c r="J18" s="219">
        <v>3</v>
      </c>
      <c r="K18" s="240">
        <v>15</v>
      </c>
      <c r="L18" s="241">
        <v>15</v>
      </c>
      <c r="M18" s="217">
        <v>0</v>
      </c>
      <c r="N18" s="219">
        <v>0</v>
      </c>
      <c r="O18" s="240">
        <v>0</v>
      </c>
      <c r="P18" s="222">
        <v>0</v>
      </c>
      <c r="Q18" s="218">
        <v>2</v>
      </c>
      <c r="R18" s="218">
        <v>7</v>
      </c>
      <c r="S18" s="218">
        <v>6</v>
      </c>
      <c r="T18" s="219">
        <v>3</v>
      </c>
      <c r="U18" s="240">
        <v>18</v>
      </c>
      <c r="V18" s="221">
        <v>18</v>
      </c>
      <c r="W18" s="222">
        <v>0</v>
      </c>
      <c r="X18" s="219">
        <v>0</v>
      </c>
      <c r="Y18" s="219">
        <v>0</v>
      </c>
      <c r="Z18" s="220">
        <v>0</v>
      </c>
      <c r="AA18" s="218">
        <v>0</v>
      </c>
      <c r="AB18" s="218">
        <v>0</v>
      </c>
      <c r="AC18" s="218">
        <v>0</v>
      </c>
      <c r="AD18" s="219">
        <v>0</v>
      </c>
      <c r="AE18" s="240">
        <v>0</v>
      </c>
      <c r="AF18" s="241">
        <v>0</v>
      </c>
      <c r="AG18" s="217">
        <v>0</v>
      </c>
      <c r="AH18" s="219">
        <v>0</v>
      </c>
      <c r="AI18" s="219">
        <v>0</v>
      </c>
      <c r="AJ18" s="220">
        <v>0</v>
      </c>
      <c r="AK18" s="218">
        <v>0</v>
      </c>
      <c r="AL18" s="218">
        <v>0</v>
      </c>
      <c r="AM18" s="218">
        <v>0</v>
      </c>
      <c r="AN18" s="219">
        <v>0</v>
      </c>
      <c r="AO18" s="240">
        <v>0</v>
      </c>
      <c r="AP18" s="242">
        <v>0</v>
      </c>
      <c r="AQ18" s="239"/>
    </row>
    <row r="19" spans="2:43" ht="21" customHeight="1" x14ac:dyDescent="0.2">
      <c r="B19" s="106" t="s">
        <v>17</v>
      </c>
      <c r="C19" s="217">
        <v>0</v>
      </c>
      <c r="D19" s="219">
        <v>0</v>
      </c>
      <c r="E19" s="219">
        <v>0</v>
      </c>
      <c r="F19" s="220">
        <v>0</v>
      </c>
      <c r="G19" s="218">
        <v>1</v>
      </c>
      <c r="H19" s="218">
        <v>7</v>
      </c>
      <c r="I19" s="218">
        <v>6</v>
      </c>
      <c r="J19" s="219">
        <v>7</v>
      </c>
      <c r="K19" s="240">
        <v>21</v>
      </c>
      <c r="L19" s="241">
        <v>21</v>
      </c>
      <c r="M19" s="217">
        <v>0</v>
      </c>
      <c r="N19" s="219">
        <v>0</v>
      </c>
      <c r="O19" s="240">
        <v>0</v>
      </c>
      <c r="P19" s="222">
        <v>1</v>
      </c>
      <c r="Q19" s="218">
        <v>7</v>
      </c>
      <c r="R19" s="218">
        <v>11</v>
      </c>
      <c r="S19" s="218">
        <v>10</v>
      </c>
      <c r="T19" s="219">
        <v>3</v>
      </c>
      <c r="U19" s="240">
        <v>32</v>
      </c>
      <c r="V19" s="221">
        <v>32</v>
      </c>
      <c r="W19" s="222">
        <v>0</v>
      </c>
      <c r="X19" s="219">
        <v>0</v>
      </c>
      <c r="Y19" s="219">
        <v>0</v>
      </c>
      <c r="Z19" s="220">
        <v>0</v>
      </c>
      <c r="AA19" s="218">
        <v>0</v>
      </c>
      <c r="AB19" s="218">
        <v>0</v>
      </c>
      <c r="AC19" s="218">
        <v>0</v>
      </c>
      <c r="AD19" s="219">
        <v>0</v>
      </c>
      <c r="AE19" s="240">
        <v>0</v>
      </c>
      <c r="AF19" s="241">
        <v>0</v>
      </c>
      <c r="AG19" s="217">
        <v>0</v>
      </c>
      <c r="AH19" s="219">
        <v>0</v>
      </c>
      <c r="AI19" s="219">
        <v>0</v>
      </c>
      <c r="AJ19" s="220">
        <v>0</v>
      </c>
      <c r="AK19" s="218">
        <v>0</v>
      </c>
      <c r="AL19" s="218">
        <v>0</v>
      </c>
      <c r="AM19" s="218">
        <v>0</v>
      </c>
      <c r="AN19" s="219">
        <v>1</v>
      </c>
      <c r="AO19" s="240">
        <v>1</v>
      </c>
      <c r="AP19" s="242">
        <v>1</v>
      </c>
      <c r="AQ19" s="239"/>
    </row>
    <row r="20" spans="2:43" ht="21" customHeight="1" x14ac:dyDescent="0.2">
      <c r="B20" s="106" t="s">
        <v>18</v>
      </c>
      <c r="C20" s="217">
        <v>0</v>
      </c>
      <c r="D20" s="219">
        <v>0</v>
      </c>
      <c r="E20" s="219">
        <v>0</v>
      </c>
      <c r="F20" s="220">
        <v>0</v>
      </c>
      <c r="G20" s="218">
        <v>1</v>
      </c>
      <c r="H20" s="218">
        <v>9</v>
      </c>
      <c r="I20" s="218">
        <v>7</v>
      </c>
      <c r="J20" s="219">
        <v>7</v>
      </c>
      <c r="K20" s="240">
        <v>24</v>
      </c>
      <c r="L20" s="241">
        <v>24</v>
      </c>
      <c r="M20" s="217">
        <v>0</v>
      </c>
      <c r="N20" s="219">
        <v>0</v>
      </c>
      <c r="O20" s="240">
        <v>0</v>
      </c>
      <c r="P20" s="222">
        <v>0</v>
      </c>
      <c r="Q20" s="218">
        <v>1</v>
      </c>
      <c r="R20" s="218">
        <v>5</v>
      </c>
      <c r="S20" s="218">
        <v>5</v>
      </c>
      <c r="T20" s="219">
        <v>4</v>
      </c>
      <c r="U20" s="240">
        <v>15</v>
      </c>
      <c r="V20" s="221">
        <v>15</v>
      </c>
      <c r="W20" s="222">
        <v>0</v>
      </c>
      <c r="X20" s="219">
        <v>0</v>
      </c>
      <c r="Y20" s="219">
        <v>0</v>
      </c>
      <c r="Z20" s="220">
        <v>0</v>
      </c>
      <c r="AA20" s="218">
        <v>0</v>
      </c>
      <c r="AB20" s="218">
        <v>0</v>
      </c>
      <c r="AC20" s="218">
        <v>0</v>
      </c>
      <c r="AD20" s="219">
        <v>0</v>
      </c>
      <c r="AE20" s="240">
        <v>0</v>
      </c>
      <c r="AF20" s="241">
        <v>0</v>
      </c>
      <c r="AG20" s="217">
        <v>0</v>
      </c>
      <c r="AH20" s="219">
        <v>0</v>
      </c>
      <c r="AI20" s="219">
        <v>0</v>
      </c>
      <c r="AJ20" s="220">
        <v>0</v>
      </c>
      <c r="AK20" s="218">
        <v>0</v>
      </c>
      <c r="AL20" s="218">
        <v>0</v>
      </c>
      <c r="AM20" s="218">
        <v>0</v>
      </c>
      <c r="AN20" s="219">
        <v>2</v>
      </c>
      <c r="AO20" s="240">
        <v>2</v>
      </c>
      <c r="AP20" s="242">
        <v>2</v>
      </c>
      <c r="AQ20" s="239"/>
    </row>
    <row r="21" spans="2:43" ht="21" customHeight="1" x14ac:dyDescent="0.2">
      <c r="B21" s="106" t="s">
        <v>19</v>
      </c>
      <c r="C21" s="217">
        <v>0</v>
      </c>
      <c r="D21" s="219">
        <v>0</v>
      </c>
      <c r="E21" s="219">
        <v>0</v>
      </c>
      <c r="F21" s="220">
        <v>0</v>
      </c>
      <c r="G21" s="218">
        <v>0</v>
      </c>
      <c r="H21" s="218">
        <v>3</v>
      </c>
      <c r="I21" s="218">
        <v>3</v>
      </c>
      <c r="J21" s="219">
        <v>2</v>
      </c>
      <c r="K21" s="240">
        <v>8</v>
      </c>
      <c r="L21" s="241">
        <v>8</v>
      </c>
      <c r="M21" s="217">
        <v>0</v>
      </c>
      <c r="N21" s="219">
        <v>0</v>
      </c>
      <c r="O21" s="240">
        <v>0</v>
      </c>
      <c r="P21" s="222">
        <v>2</v>
      </c>
      <c r="Q21" s="218">
        <v>2</v>
      </c>
      <c r="R21" s="218">
        <v>3</v>
      </c>
      <c r="S21" s="218">
        <v>0</v>
      </c>
      <c r="T21" s="219">
        <v>0</v>
      </c>
      <c r="U21" s="240">
        <v>7</v>
      </c>
      <c r="V21" s="221">
        <v>7</v>
      </c>
      <c r="W21" s="222">
        <v>0</v>
      </c>
      <c r="X21" s="219">
        <v>0</v>
      </c>
      <c r="Y21" s="219">
        <v>0</v>
      </c>
      <c r="Z21" s="220">
        <v>0</v>
      </c>
      <c r="AA21" s="218">
        <v>0</v>
      </c>
      <c r="AB21" s="218">
        <v>0</v>
      </c>
      <c r="AC21" s="218">
        <v>0</v>
      </c>
      <c r="AD21" s="219">
        <v>0</v>
      </c>
      <c r="AE21" s="240">
        <v>0</v>
      </c>
      <c r="AF21" s="241">
        <v>0</v>
      </c>
      <c r="AG21" s="217">
        <v>0</v>
      </c>
      <c r="AH21" s="219">
        <v>0</v>
      </c>
      <c r="AI21" s="219">
        <v>0</v>
      </c>
      <c r="AJ21" s="220">
        <v>0</v>
      </c>
      <c r="AK21" s="218">
        <v>0</v>
      </c>
      <c r="AL21" s="218">
        <v>0</v>
      </c>
      <c r="AM21" s="218">
        <v>0</v>
      </c>
      <c r="AN21" s="219">
        <v>0</v>
      </c>
      <c r="AO21" s="240">
        <v>0</v>
      </c>
      <c r="AP21" s="242">
        <v>0</v>
      </c>
      <c r="AQ21" s="239"/>
    </row>
    <row r="22" spans="2:43" ht="21" customHeight="1" x14ac:dyDescent="0.2">
      <c r="B22" s="106" t="s">
        <v>20</v>
      </c>
      <c r="C22" s="217">
        <v>0</v>
      </c>
      <c r="D22" s="219">
        <v>0</v>
      </c>
      <c r="E22" s="219">
        <v>0</v>
      </c>
      <c r="F22" s="220">
        <v>0</v>
      </c>
      <c r="G22" s="218">
        <v>2</v>
      </c>
      <c r="H22" s="218">
        <v>4</v>
      </c>
      <c r="I22" s="218">
        <v>6</v>
      </c>
      <c r="J22" s="219">
        <v>6</v>
      </c>
      <c r="K22" s="240">
        <v>18</v>
      </c>
      <c r="L22" s="241">
        <v>18</v>
      </c>
      <c r="M22" s="217">
        <v>0</v>
      </c>
      <c r="N22" s="219">
        <v>0</v>
      </c>
      <c r="O22" s="240">
        <v>0</v>
      </c>
      <c r="P22" s="222">
        <v>2</v>
      </c>
      <c r="Q22" s="218">
        <v>1</v>
      </c>
      <c r="R22" s="218">
        <v>1</v>
      </c>
      <c r="S22" s="218">
        <v>6</v>
      </c>
      <c r="T22" s="219">
        <v>0</v>
      </c>
      <c r="U22" s="240">
        <v>10</v>
      </c>
      <c r="V22" s="221">
        <v>10</v>
      </c>
      <c r="W22" s="222">
        <v>0</v>
      </c>
      <c r="X22" s="219">
        <v>0</v>
      </c>
      <c r="Y22" s="219">
        <v>0</v>
      </c>
      <c r="Z22" s="220">
        <v>0</v>
      </c>
      <c r="AA22" s="218">
        <v>0</v>
      </c>
      <c r="AB22" s="218">
        <v>0</v>
      </c>
      <c r="AC22" s="218">
        <v>0</v>
      </c>
      <c r="AD22" s="219">
        <v>0</v>
      </c>
      <c r="AE22" s="240">
        <v>0</v>
      </c>
      <c r="AF22" s="241">
        <v>0</v>
      </c>
      <c r="AG22" s="217">
        <v>0</v>
      </c>
      <c r="AH22" s="219">
        <v>0</v>
      </c>
      <c r="AI22" s="219">
        <v>0</v>
      </c>
      <c r="AJ22" s="220">
        <v>0</v>
      </c>
      <c r="AK22" s="218">
        <v>0</v>
      </c>
      <c r="AL22" s="218">
        <v>0</v>
      </c>
      <c r="AM22" s="218">
        <v>0</v>
      </c>
      <c r="AN22" s="219">
        <v>0</v>
      </c>
      <c r="AO22" s="240">
        <v>0</v>
      </c>
      <c r="AP22" s="242">
        <v>0</v>
      </c>
      <c r="AQ22" s="239"/>
    </row>
    <row r="23" spans="2:43" ht="21" customHeight="1" x14ac:dyDescent="0.2">
      <c r="B23" s="106" t="s">
        <v>21</v>
      </c>
      <c r="C23" s="217">
        <v>0</v>
      </c>
      <c r="D23" s="219">
        <v>0</v>
      </c>
      <c r="E23" s="219">
        <v>0</v>
      </c>
      <c r="F23" s="220">
        <v>0</v>
      </c>
      <c r="G23" s="218">
        <v>0</v>
      </c>
      <c r="H23" s="218">
        <v>6</v>
      </c>
      <c r="I23" s="218">
        <v>6</v>
      </c>
      <c r="J23" s="219">
        <v>1</v>
      </c>
      <c r="K23" s="240">
        <v>13</v>
      </c>
      <c r="L23" s="241">
        <v>13</v>
      </c>
      <c r="M23" s="217">
        <v>0</v>
      </c>
      <c r="N23" s="219">
        <v>0</v>
      </c>
      <c r="O23" s="240">
        <v>0</v>
      </c>
      <c r="P23" s="222">
        <v>0</v>
      </c>
      <c r="Q23" s="218">
        <v>3</v>
      </c>
      <c r="R23" s="218">
        <v>2</v>
      </c>
      <c r="S23" s="218">
        <v>1</v>
      </c>
      <c r="T23" s="219">
        <v>0</v>
      </c>
      <c r="U23" s="240">
        <v>6</v>
      </c>
      <c r="V23" s="221">
        <v>6</v>
      </c>
      <c r="W23" s="222">
        <v>0</v>
      </c>
      <c r="X23" s="219">
        <v>0</v>
      </c>
      <c r="Y23" s="219">
        <v>0</v>
      </c>
      <c r="Z23" s="220">
        <v>0</v>
      </c>
      <c r="AA23" s="218">
        <v>0</v>
      </c>
      <c r="AB23" s="218">
        <v>0</v>
      </c>
      <c r="AC23" s="218">
        <v>0</v>
      </c>
      <c r="AD23" s="219">
        <v>0</v>
      </c>
      <c r="AE23" s="240">
        <v>0</v>
      </c>
      <c r="AF23" s="241">
        <v>0</v>
      </c>
      <c r="AG23" s="217">
        <v>0</v>
      </c>
      <c r="AH23" s="219">
        <v>0</v>
      </c>
      <c r="AI23" s="219">
        <v>0</v>
      </c>
      <c r="AJ23" s="220">
        <v>0</v>
      </c>
      <c r="AK23" s="218">
        <v>0</v>
      </c>
      <c r="AL23" s="218">
        <v>0</v>
      </c>
      <c r="AM23" s="218">
        <v>1</v>
      </c>
      <c r="AN23" s="219">
        <v>0</v>
      </c>
      <c r="AO23" s="240">
        <v>1</v>
      </c>
      <c r="AP23" s="242">
        <v>1</v>
      </c>
      <c r="AQ23" s="239"/>
    </row>
    <row r="24" spans="2:43" ht="21" customHeight="1" x14ac:dyDescent="0.2">
      <c r="B24" s="106" t="s">
        <v>22</v>
      </c>
      <c r="C24" s="217">
        <v>0</v>
      </c>
      <c r="D24" s="219">
        <v>0</v>
      </c>
      <c r="E24" s="219">
        <v>0</v>
      </c>
      <c r="F24" s="220">
        <v>0</v>
      </c>
      <c r="G24" s="218">
        <v>1</v>
      </c>
      <c r="H24" s="218">
        <v>1</v>
      </c>
      <c r="I24" s="218">
        <v>0</v>
      </c>
      <c r="J24" s="219">
        <v>0</v>
      </c>
      <c r="K24" s="240">
        <v>2</v>
      </c>
      <c r="L24" s="241">
        <v>2</v>
      </c>
      <c r="M24" s="217">
        <v>0</v>
      </c>
      <c r="N24" s="219">
        <v>0</v>
      </c>
      <c r="O24" s="240">
        <v>0</v>
      </c>
      <c r="P24" s="222">
        <v>1</v>
      </c>
      <c r="Q24" s="218">
        <v>1</v>
      </c>
      <c r="R24" s="218">
        <v>1</v>
      </c>
      <c r="S24" s="218">
        <v>1</v>
      </c>
      <c r="T24" s="219">
        <v>1</v>
      </c>
      <c r="U24" s="240">
        <v>5</v>
      </c>
      <c r="V24" s="221">
        <v>5</v>
      </c>
      <c r="W24" s="222">
        <v>0</v>
      </c>
      <c r="X24" s="219">
        <v>0</v>
      </c>
      <c r="Y24" s="219">
        <v>0</v>
      </c>
      <c r="Z24" s="220">
        <v>0</v>
      </c>
      <c r="AA24" s="218">
        <v>0</v>
      </c>
      <c r="AB24" s="218">
        <v>0</v>
      </c>
      <c r="AC24" s="218">
        <v>0</v>
      </c>
      <c r="AD24" s="219">
        <v>0</v>
      </c>
      <c r="AE24" s="240">
        <v>0</v>
      </c>
      <c r="AF24" s="241">
        <v>0</v>
      </c>
      <c r="AG24" s="217">
        <v>0</v>
      </c>
      <c r="AH24" s="219">
        <v>0</v>
      </c>
      <c r="AI24" s="219">
        <v>0</v>
      </c>
      <c r="AJ24" s="220">
        <v>0</v>
      </c>
      <c r="AK24" s="218">
        <v>0</v>
      </c>
      <c r="AL24" s="218">
        <v>0</v>
      </c>
      <c r="AM24" s="218">
        <v>0</v>
      </c>
      <c r="AN24" s="219">
        <v>0</v>
      </c>
      <c r="AO24" s="240">
        <v>0</v>
      </c>
      <c r="AP24" s="242">
        <v>0</v>
      </c>
      <c r="AQ24" s="239"/>
    </row>
    <row r="25" spans="2:43" ht="21" customHeight="1" x14ac:dyDescent="0.2">
      <c r="B25" s="106" t="s">
        <v>23</v>
      </c>
      <c r="C25" s="217">
        <v>0</v>
      </c>
      <c r="D25" s="219">
        <v>0</v>
      </c>
      <c r="E25" s="219">
        <v>0</v>
      </c>
      <c r="F25" s="220">
        <v>0</v>
      </c>
      <c r="G25" s="218">
        <v>0</v>
      </c>
      <c r="H25" s="218">
        <v>5</v>
      </c>
      <c r="I25" s="218">
        <v>2</v>
      </c>
      <c r="J25" s="219">
        <v>2</v>
      </c>
      <c r="K25" s="240">
        <v>9</v>
      </c>
      <c r="L25" s="241">
        <v>9</v>
      </c>
      <c r="M25" s="217">
        <v>0</v>
      </c>
      <c r="N25" s="219">
        <v>0</v>
      </c>
      <c r="O25" s="240">
        <v>0</v>
      </c>
      <c r="P25" s="222">
        <v>1</v>
      </c>
      <c r="Q25" s="218">
        <v>0</v>
      </c>
      <c r="R25" s="218">
        <v>1</v>
      </c>
      <c r="S25" s="218">
        <v>1</v>
      </c>
      <c r="T25" s="219">
        <v>2</v>
      </c>
      <c r="U25" s="240">
        <v>5</v>
      </c>
      <c r="V25" s="221">
        <v>5</v>
      </c>
      <c r="W25" s="222">
        <v>0</v>
      </c>
      <c r="X25" s="219">
        <v>0</v>
      </c>
      <c r="Y25" s="219">
        <v>0</v>
      </c>
      <c r="Z25" s="220">
        <v>0</v>
      </c>
      <c r="AA25" s="218">
        <v>0</v>
      </c>
      <c r="AB25" s="218">
        <v>0</v>
      </c>
      <c r="AC25" s="218">
        <v>0</v>
      </c>
      <c r="AD25" s="219">
        <v>0</v>
      </c>
      <c r="AE25" s="240">
        <v>0</v>
      </c>
      <c r="AF25" s="241">
        <v>0</v>
      </c>
      <c r="AG25" s="217">
        <v>0</v>
      </c>
      <c r="AH25" s="219">
        <v>0</v>
      </c>
      <c r="AI25" s="219">
        <v>0</v>
      </c>
      <c r="AJ25" s="220">
        <v>0</v>
      </c>
      <c r="AK25" s="218">
        <v>0</v>
      </c>
      <c r="AL25" s="218">
        <v>0</v>
      </c>
      <c r="AM25" s="218">
        <v>0</v>
      </c>
      <c r="AN25" s="219">
        <v>1</v>
      </c>
      <c r="AO25" s="240">
        <v>1</v>
      </c>
      <c r="AP25" s="242">
        <v>1</v>
      </c>
      <c r="AQ25" s="239"/>
    </row>
    <row r="26" spans="2:43" ht="21" customHeight="1" x14ac:dyDescent="0.2">
      <c r="B26" s="106" t="s">
        <v>24</v>
      </c>
      <c r="C26" s="217">
        <v>0</v>
      </c>
      <c r="D26" s="219">
        <v>0</v>
      </c>
      <c r="E26" s="219">
        <v>0</v>
      </c>
      <c r="F26" s="220">
        <v>0</v>
      </c>
      <c r="G26" s="218">
        <v>0</v>
      </c>
      <c r="H26" s="218">
        <v>1</v>
      </c>
      <c r="I26" s="218">
        <v>3</v>
      </c>
      <c r="J26" s="219">
        <v>1</v>
      </c>
      <c r="K26" s="240">
        <v>5</v>
      </c>
      <c r="L26" s="241">
        <v>5</v>
      </c>
      <c r="M26" s="217">
        <v>0</v>
      </c>
      <c r="N26" s="219">
        <v>0</v>
      </c>
      <c r="O26" s="240">
        <v>0</v>
      </c>
      <c r="P26" s="222">
        <v>0</v>
      </c>
      <c r="Q26" s="218">
        <v>0</v>
      </c>
      <c r="R26" s="218">
        <v>0</v>
      </c>
      <c r="S26" s="218">
        <v>0</v>
      </c>
      <c r="T26" s="219">
        <v>0</v>
      </c>
      <c r="U26" s="240">
        <v>0</v>
      </c>
      <c r="V26" s="221">
        <v>0</v>
      </c>
      <c r="W26" s="222">
        <v>0</v>
      </c>
      <c r="X26" s="219">
        <v>0</v>
      </c>
      <c r="Y26" s="219">
        <v>0</v>
      </c>
      <c r="Z26" s="220">
        <v>0</v>
      </c>
      <c r="AA26" s="218">
        <v>0</v>
      </c>
      <c r="AB26" s="218">
        <v>0</v>
      </c>
      <c r="AC26" s="218">
        <v>0</v>
      </c>
      <c r="AD26" s="219">
        <v>0</v>
      </c>
      <c r="AE26" s="240">
        <v>0</v>
      </c>
      <c r="AF26" s="241">
        <v>0</v>
      </c>
      <c r="AG26" s="217">
        <v>0</v>
      </c>
      <c r="AH26" s="219">
        <v>0</v>
      </c>
      <c r="AI26" s="219">
        <v>0</v>
      </c>
      <c r="AJ26" s="220">
        <v>0</v>
      </c>
      <c r="AK26" s="218">
        <v>0</v>
      </c>
      <c r="AL26" s="218">
        <v>0</v>
      </c>
      <c r="AM26" s="218">
        <v>0</v>
      </c>
      <c r="AN26" s="219">
        <v>0</v>
      </c>
      <c r="AO26" s="240">
        <v>0</v>
      </c>
      <c r="AP26" s="242">
        <v>0</v>
      </c>
      <c r="AQ26" s="239"/>
    </row>
    <row r="27" spans="2:43" ht="21" customHeight="1" x14ac:dyDescent="0.2">
      <c r="B27" s="106" t="s">
        <v>25</v>
      </c>
      <c r="C27" s="217">
        <v>0</v>
      </c>
      <c r="D27" s="219">
        <v>0</v>
      </c>
      <c r="E27" s="219">
        <v>0</v>
      </c>
      <c r="F27" s="220">
        <v>0</v>
      </c>
      <c r="G27" s="218">
        <v>0</v>
      </c>
      <c r="H27" s="218">
        <v>1</v>
      </c>
      <c r="I27" s="218">
        <v>3</v>
      </c>
      <c r="J27" s="219">
        <v>2</v>
      </c>
      <c r="K27" s="240">
        <v>6</v>
      </c>
      <c r="L27" s="241">
        <v>6</v>
      </c>
      <c r="M27" s="217">
        <v>0</v>
      </c>
      <c r="N27" s="219">
        <v>0</v>
      </c>
      <c r="O27" s="240">
        <v>0</v>
      </c>
      <c r="P27" s="222">
        <v>1</v>
      </c>
      <c r="Q27" s="218">
        <v>2</v>
      </c>
      <c r="R27" s="218">
        <v>1</v>
      </c>
      <c r="S27" s="218">
        <v>3</v>
      </c>
      <c r="T27" s="219">
        <v>2</v>
      </c>
      <c r="U27" s="240">
        <v>9</v>
      </c>
      <c r="V27" s="221">
        <v>9</v>
      </c>
      <c r="W27" s="222">
        <v>0</v>
      </c>
      <c r="X27" s="219">
        <v>0</v>
      </c>
      <c r="Y27" s="219">
        <v>0</v>
      </c>
      <c r="Z27" s="220">
        <v>0</v>
      </c>
      <c r="AA27" s="218">
        <v>0</v>
      </c>
      <c r="AB27" s="218">
        <v>0</v>
      </c>
      <c r="AC27" s="218">
        <v>0</v>
      </c>
      <c r="AD27" s="219">
        <v>0</v>
      </c>
      <c r="AE27" s="240">
        <v>0</v>
      </c>
      <c r="AF27" s="241">
        <v>0</v>
      </c>
      <c r="AG27" s="217">
        <v>0</v>
      </c>
      <c r="AH27" s="219">
        <v>0</v>
      </c>
      <c r="AI27" s="219">
        <v>0</v>
      </c>
      <c r="AJ27" s="220">
        <v>0</v>
      </c>
      <c r="AK27" s="218">
        <v>0</v>
      </c>
      <c r="AL27" s="218">
        <v>0</v>
      </c>
      <c r="AM27" s="218">
        <v>0</v>
      </c>
      <c r="AN27" s="219">
        <v>0</v>
      </c>
      <c r="AO27" s="240">
        <v>0</v>
      </c>
      <c r="AP27" s="242">
        <v>0</v>
      </c>
      <c r="AQ27" s="239"/>
    </row>
    <row r="28" spans="2:43" ht="21" customHeight="1" x14ac:dyDescent="0.2">
      <c r="B28" s="106" t="s">
        <v>26</v>
      </c>
      <c r="C28" s="217">
        <v>0</v>
      </c>
      <c r="D28" s="219">
        <v>0</v>
      </c>
      <c r="E28" s="219">
        <v>0</v>
      </c>
      <c r="F28" s="220">
        <v>0</v>
      </c>
      <c r="G28" s="218">
        <v>0</v>
      </c>
      <c r="H28" s="218">
        <v>0</v>
      </c>
      <c r="I28" s="218">
        <v>0</v>
      </c>
      <c r="J28" s="219">
        <v>2</v>
      </c>
      <c r="K28" s="240">
        <v>2</v>
      </c>
      <c r="L28" s="241">
        <v>2</v>
      </c>
      <c r="M28" s="217">
        <v>0</v>
      </c>
      <c r="N28" s="219">
        <v>0</v>
      </c>
      <c r="O28" s="240">
        <v>0</v>
      </c>
      <c r="P28" s="222">
        <v>0</v>
      </c>
      <c r="Q28" s="218">
        <v>0</v>
      </c>
      <c r="R28" s="218">
        <v>1</v>
      </c>
      <c r="S28" s="218">
        <v>1</v>
      </c>
      <c r="T28" s="219">
        <v>0</v>
      </c>
      <c r="U28" s="240">
        <v>2</v>
      </c>
      <c r="V28" s="221">
        <v>2</v>
      </c>
      <c r="W28" s="222">
        <v>0</v>
      </c>
      <c r="X28" s="219">
        <v>0</v>
      </c>
      <c r="Y28" s="219">
        <v>0</v>
      </c>
      <c r="Z28" s="220">
        <v>0</v>
      </c>
      <c r="AA28" s="218">
        <v>0</v>
      </c>
      <c r="AB28" s="218">
        <v>0</v>
      </c>
      <c r="AC28" s="218">
        <v>0</v>
      </c>
      <c r="AD28" s="219">
        <v>0</v>
      </c>
      <c r="AE28" s="240">
        <v>0</v>
      </c>
      <c r="AF28" s="241">
        <v>0</v>
      </c>
      <c r="AG28" s="217">
        <v>0</v>
      </c>
      <c r="AH28" s="219">
        <v>0</v>
      </c>
      <c r="AI28" s="219">
        <v>0</v>
      </c>
      <c r="AJ28" s="220">
        <v>0</v>
      </c>
      <c r="AK28" s="218">
        <v>0</v>
      </c>
      <c r="AL28" s="218">
        <v>0</v>
      </c>
      <c r="AM28" s="218">
        <v>0</v>
      </c>
      <c r="AN28" s="219">
        <v>0</v>
      </c>
      <c r="AO28" s="240">
        <v>0</v>
      </c>
      <c r="AP28" s="242">
        <v>0</v>
      </c>
      <c r="AQ28" s="239"/>
    </row>
    <row r="29" spans="2:43" ht="21" customHeight="1" x14ac:dyDescent="0.2">
      <c r="B29" s="106" t="s">
        <v>27</v>
      </c>
      <c r="C29" s="217">
        <v>0</v>
      </c>
      <c r="D29" s="219">
        <v>0</v>
      </c>
      <c r="E29" s="219">
        <v>0</v>
      </c>
      <c r="F29" s="220">
        <v>0</v>
      </c>
      <c r="G29" s="218">
        <v>0</v>
      </c>
      <c r="H29" s="218">
        <v>0</v>
      </c>
      <c r="I29" s="218">
        <v>1</v>
      </c>
      <c r="J29" s="219">
        <v>1</v>
      </c>
      <c r="K29" s="240">
        <v>2</v>
      </c>
      <c r="L29" s="241">
        <v>2</v>
      </c>
      <c r="M29" s="217">
        <v>0</v>
      </c>
      <c r="N29" s="219">
        <v>0</v>
      </c>
      <c r="O29" s="240">
        <v>0</v>
      </c>
      <c r="P29" s="222">
        <v>1</v>
      </c>
      <c r="Q29" s="218">
        <v>1</v>
      </c>
      <c r="R29" s="218">
        <v>1</v>
      </c>
      <c r="S29" s="218">
        <v>0</v>
      </c>
      <c r="T29" s="219">
        <v>1</v>
      </c>
      <c r="U29" s="240">
        <v>4</v>
      </c>
      <c r="V29" s="221">
        <v>4</v>
      </c>
      <c r="W29" s="222">
        <v>0</v>
      </c>
      <c r="X29" s="219">
        <v>0</v>
      </c>
      <c r="Y29" s="219">
        <v>0</v>
      </c>
      <c r="Z29" s="220">
        <v>0</v>
      </c>
      <c r="AA29" s="218">
        <v>0</v>
      </c>
      <c r="AB29" s="218">
        <v>0</v>
      </c>
      <c r="AC29" s="218">
        <v>0</v>
      </c>
      <c r="AD29" s="219">
        <v>0</v>
      </c>
      <c r="AE29" s="240">
        <v>0</v>
      </c>
      <c r="AF29" s="241">
        <v>0</v>
      </c>
      <c r="AG29" s="217">
        <v>0</v>
      </c>
      <c r="AH29" s="219">
        <v>0</v>
      </c>
      <c r="AI29" s="219">
        <v>0</v>
      </c>
      <c r="AJ29" s="220">
        <v>0</v>
      </c>
      <c r="AK29" s="218">
        <v>0</v>
      </c>
      <c r="AL29" s="218">
        <v>0</v>
      </c>
      <c r="AM29" s="218">
        <v>0</v>
      </c>
      <c r="AN29" s="219">
        <v>1</v>
      </c>
      <c r="AO29" s="240">
        <v>1</v>
      </c>
      <c r="AP29" s="242">
        <v>1</v>
      </c>
      <c r="AQ29" s="239"/>
    </row>
    <row r="30" spans="2:43" ht="21" customHeight="1" x14ac:dyDescent="0.2">
      <c r="B30" s="106" t="s">
        <v>28</v>
      </c>
      <c r="C30" s="217">
        <v>0</v>
      </c>
      <c r="D30" s="219">
        <v>0</v>
      </c>
      <c r="E30" s="219">
        <v>0</v>
      </c>
      <c r="F30" s="220">
        <v>0</v>
      </c>
      <c r="G30" s="218">
        <v>0</v>
      </c>
      <c r="H30" s="218">
        <v>0</v>
      </c>
      <c r="I30" s="218">
        <v>0</v>
      </c>
      <c r="J30" s="219">
        <v>0</v>
      </c>
      <c r="K30" s="240">
        <v>0</v>
      </c>
      <c r="L30" s="241">
        <v>0</v>
      </c>
      <c r="M30" s="217">
        <v>0</v>
      </c>
      <c r="N30" s="219">
        <v>0</v>
      </c>
      <c r="O30" s="240">
        <v>0</v>
      </c>
      <c r="P30" s="222">
        <v>0</v>
      </c>
      <c r="Q30" s="218">
        <v>0</v>
      </c>
      <c r="R30" s="218">
        <v>1</v>
      </c>
      <c r="S30" s="218">
        <v>0</v>
      </c>
      <c r="T30" s="219">
        <v>0</v>
      </c>
      <c r="U30" s="240">
        <v>1</v>
      </c>
      <c r="V30" s="221">
        <v>1</v>
      </c>
      <c r="W30" s="222">
        <v>0</v>
      </c>
      <c r="X30" s="219">
        <v>0</v>
      </c>
      <c r="Y30" s="219">
        <v>0</v>
      </c>
      <c r="Z30" s="220">
        <v>0</v>
      </c>
      <c r="AA30" s="218">
        <v>0</v>
      </c>
      <c r="AB30" s="218">
        <v>0</v>
      </c>
      <c r="AC30" s="218">
        <v>0</v>
      </c>
      <c r="AD30" s="219">
        <v>0</v>
      </c>
      <c r="AE30" s="240">
        <v>0</v>
      </c>
      <c r="AF30" s="241">
        <v>0</v>
      </c>
      <c r="AG30" s="217">
        <v>0</v>
      </c>
      <c r="AH30" s="219">
        <v>0</v>
      </c>
      <c r="AI30" s="219">
        <v>0</v>
      </c>
      <c r="AJ30" s="220">
        <v>0</v>
      </c>
      <c r="AK30" s="218">
        <v>0</v>
      </c>
      <c r="AL30" s="218">
        <v>0</v>
      </c>
      <c r="AM30" s="218">
        <v>0</v>
      </c>
      <c r="AN30" s="219">
        <v>0</v>
      </c>
      <c r="AO30" s="240">
        <v>0</v>
      </c>
      <c r="AP30" s="242">
        <v>0</v>
      </c>
      <c r="AQ30" s="239"/>
    </row>
    <row r="31" spans="2:43" ht="21" customHeight="1" x14ac:dyDescent="0.2">
      <c r="B31" s="106" t="s">
        <v>29</v>
      </c>
      <c r="C31" s="217">
        <v>0</v>
      </c>
      <c r="D31" s="219">
        <v>0</v>
      </c>
      <c r="E31" s="219">
        <v>0</v>
      </c>
      <c r="F31" s="220">
        <v>0</v>
      </c>
      <c r="G31" s="218">
        <v>0</v>
      </c>
      <c r="H31" s="218">
        <v>0</v>
      </c>
      <c r="I31" s="218">
        <v>0</v>
      </c>
      <c r="J31" s="219">
        <v>0</v>
      </c>
      <c r="K31" s="240">
        <v>0</v>
      </c>
      <c r="L31" s="241">
        <v>0</v>
      </c>
      <c r="M31" s="217">
        <v>0</v>
      </c>
      <c r="N31" s="219">
        <v>0</v>
      </c>
      <c r="O31" s="240">
        <v>0</v>
      </c>
      <c r="P31" s="222">
        <v>0</v>
      </c>
      <c r="Q31" s="218">
        <v>0</v>
      </c>
      <c r="R31" s="218">
        <v>0</v>
      </c>
      <c r="S31" s="218">
        <v>1</v>
      </c>
      <c r="T31" s="219">
        <v>1</v>
      </c>
      <c r="U31" s="240">
        <v>2</v>
      </c>
      <c r="V31" s="221">
        <v>2</v>
      </c>
      <c r="W31" s="222">
        <v>0</v>
      </c>
      <c r="X31" s="219">
        <v>0</v>
      </c>
      <c r="Y31" s="219">
        <v>0</v>
      </c>
      <c r="Z31" s="220">
        <v>0</v>
      </c>
      <c r="AA31" s="218">
        <v>0</v>
      </c>
      <c r="AB31" s="218">
        <v>0</v>
      </c>
      <c r="AC31" s="218">
        <v>0</v>
      </c>
      <c r="AD31" s="219">
        <v>0</v>
      </c>
      <c r="AE31" s="240">
        <v>0</v>
      </c>
      <c r="AF31" s="241">
        <v>0</v>
      </c>
      <c r="AG31" s="217">
        <v>0</v>
      </c>
      <c r="AH31" s="219">
        <v>0</v>
      </c>
      <c r="AI31" s="219">
        <v>0</v>
      </c>
      <c r="AJ31" s="220">
        <v>0</v>
      </c>
      <c r="AK31" s="218">
        <v>0</v>
      </c>
      <c r="AL31" s="218">
        <v>0</v>
      </c>
      <c r="AM31" s="218">
        <v>0</v>
      </c>
      <c r="AN31" s="219">
        <v>0</v>
      </c>
      <c r="AO31" s="240">
        <v>0</v>
      </c>
      <c r="AP31" s="242">
        <v>0</v>
      </c>
      <c r="AQ31" s="239"/>
    </row>
    <row r="32" spans="2:43" ht="21" customHeight="1" x14ac:dyDescent="0.2">
      <c r="B32" s="106" t="s">
        <v>30</v>
      </c>
      <c r="C32" s="217">
        <v>0</v>
      </c>
      <c r="D32" s="219">
        <v>0</v>
      </c>
      <c r="E32" s="219">
        <v>0</v>
      </c>
      <c r="F32" s="220">
        <v>0</v>
      </c>
      <c r="G32" s="218">
        <v>0</v>
      </c>
      <c r="H32" s="218">
        <v>1</v>
      </c>
      <c r="I32" s="218">
        <v>1</v>
      </c>
      <c r="J32" s="219">
        <v>0</v>
      </c>
      <c r="K32" s="240">
        <v>2</v>
      </c>
      <c r="L32" s="241">
        <v>2</v>
      </c>
      <c r="M32" s="217">
        <v>0</v>
      </c>
      <c r="N32" s="219">
        <v>0</v>
      </c>
      <c r="O32" s="240">
        <v>0</v>
      </c>
      <c r="P32" s="222">
        <v>1</v>
      </c>
      <c r="Q32" s="218">
        <v>0</v>
      </c>
      <c r="R32" s="218">
        <v>0</v>
      </c>
      <c r="S32" s="218">
        <v>1</v>
      </c>
      <c r="T32" s="219">
        <v>0</v>
      </c>
      <c r="U32" s="240">
        <v>2</v>
      </c>
      <c r="V32" s="221">
        <v>2</v>
      </c>
      <c r="W32" s="222">
        <v>0</v>
      </c>
      <c r="X32" s="219">
        <v>0</v>
      </c>
      <c r="Y32" s="219">
        <v>0</v>
      </c>
      <c r="Z32" s="220">
        <v>0</v>
      </c>
      <c r="AA32" s="218">
        <v>0</v>
      </c>
      <c r="AB32" s="218">
        <v>0</v>
      </c>
      <c r="AC32" s="218">
        <v>0</v>
      </c>
      <c r="AD32" s="219">
        <v>0</v>
      </c>
      <c r="AE32" s="240">
        <v>0</v>
      </c>
      <c r="AF32" s="241">
        <v>0</v>
      </c>
      <c r="AG32" s="217">
        <v>0</v>
      </c>
      <c r="AH32" s="219">
        <v>0</v>
      </c>
      <c r="AI32" s="219">
        <v>0</v>
      </c>
      <c r="AJ32" s="220">
        <v>0</v>
      </c>
      <c r="AK32" s="218">
        <v>0</v>
      </c>
      <c r="AL32" s="218">
        <v>0</v>
      </c>
      <c r="AM32" s="218">
        <v>0</v>
      </c>
      <c r="AN32" s="219">
        <v>0</v>
      </c>
      <c r="AO32" s="240">
        <v>0</v>
      </c>
      <c r="AP32" s="242">
        <v>0</v>
      </c>
      <c r="AQ32" s="239"/>
    </row>
    <row r="33" spans="2:43" ht="21" customHeight="1" x14ac:dyDescent="0.2">
      <c r="B33" s="106" t="s">
        <v>31</v>
      </c>
      <c r="C33" s="217">
        <v>0</v>
      </c>
      <c r="D33" s="219">
        <v>0</v>
      </c>
      <c r="E33" s="219">
        <v>0</v>
      </c>
      <c r="F33" s="220">
        <v>0</v>
      </c>
      <c r="G33" s="218">
        <v>0</v>
      </c>
      <c r="H33" s="218">
        <v>2</v>
      </c>
      <c r="I33" s="218">
        <v>0</v>
      </c>
      <c r="J33" s="219">
        <v>1</v>
      </c>
      <c r="K33" s="240">
        <v>3</v>
      </c>
      <c r="L33" s="241">
        <v>3</v>
      </c>
      <c r="M33" s="217">
        <v>0</v>
      </c>
      <c r="N33" s="219">
        <v>0</v>
      </c>
      <c r="O33" s="240">
        <v>0</v>
      </c>
      <c r="P33" s="222">
        <v>0</v>
      </c>
      <c r="Q33" s="218">
        <v>0</v>
      </c>
      <c r="R33" s="218">
        <v>1</v>
      </c>
      <c r="S33" s="218">
        <v>0</v>
      </c>
      <c r="T33" s="219">
        <v>0</v>
      </c>
      <c r="U33" s="240">
        <v>1</v>
      </c>
      <c r="V33" s="221">
        <v>1</v>
      </c>
      <c r="W33" s="222">
        <v>0</v>
      </c>
      <c r="X33" s="219">
        <v>0</v>
      </c>
      <c r="Y33" s="219">
        <v>0</v>
      </c>
      <c r="Z33" s="220">
        <v>0</v>
      </c>
      <c r="AA33" s="218">
        <v>0</v>
      </c>
      <c r="AB33" s="218">
        <v>0</v>
      </c>
      <c r="AC33" s="218">
        <v>0</v>
      </c>
      <c r="AD33" s="219">
        <v>0</v>
      </c>
      <c r="AE33" s="240">
        <v>0</v>
      </c>
      <c r="AF33" s="241">
        <v>0</v>
      </c>
      <c r="AG33" s="217">
        <v>0</v>
      </c>
      <c r="AH33" s="219">
        <v>0</v>
      </c>
      <c r="AI33" s="219">
        <v>0</v>
      </c>
      <c r="AJ33" s="220">
        <v>0</v>
      </c>
      <c r="AK33" s="218">
        <v>0</v>
      </c>
      <c r="AL33" s="218">
        <v>0</v>
      </c>
      <c r="AM33" s="218">
        <v>0</v>
      </c>
      <c r="AN33" s="219">
        <v>0</v>
      </c>
      <c r="AO33" s="240">
        <v>0</v>
      </c>
      <c r="AP33" s="242">
        <v>0</v>
      </c>
      <c r="AQ33" s="239"/>
    </row>
    <row r="34" spans="2:43" ht="21" customHeight="1" x14ac:dyDescent="0.2">
      <c r="B34" s="106" t="s">
        <v>32</v>
      </c>
      <c r="C34" s="217">
        <v>0</v>
      </c>
      <c r="D34" s="219">
        <v>0</v>
      </c>
      <c r="E34" s="219">
        <v>0</v>
      </c>
      <c r="F34" s="220">
        <v>0</v>
      </c>
      <c r="G34" s="218">
        <v>0</v>
      </c>
      <c r="H34" s="218">
        <v>0</v>
      </c>
      <c r="I34" s="218">
        <v>2</v>
      </c>
      <c r="J34" s="219">
        <v>1</v>
      </c>
      <c r="K34" s="240">
        <v>3</v>
      </c>
      <c r="L34" s="241">
        <v>3</v>
      </c>
      <c r="M34" s="217">
        <v>0</v>
      </c>
      <c r="N34" s="219">
        <v>0</v>
      </c>
      <c r="O34" s="240">
        <v>0</v>
      </c>
      <c r="P34" s="222">
        <v>0</v>
      </c>
      <c r="Q34" s="218">
        <v>0</v>
      </c>
      <c r="R34" s="218">
        <v>0</v>
      </c>
      <c r="S34" s="218">
        <v>1</v>
      </c>
      <c r="T34" s="219">
        <v>0</v>
      </c>
      <c r="U34" s="240">
        <v>1</v>
      </c>
      <c r="V34" s="221">
        <v>1</v>
      </c>
      <c r="W34" s="222">
        <v>0</v>
      </c>
      <c r="X34" s="219">
        <v>0</v>
      </c>
      <c r="Y34" s="219">
        <v>0</v>
      </c>
      <c r="Z34" s="220">
        <v>0</v>
      </c>
      <c r="AA34" s="218">
        <v>0</v>
      </c>
      <c r="AB34" s="218">
        <v>0</v>
      </c>
      <c r="AC34" s="218">
        <v>0</v>
      </c>
      <c r="AD34" s="219">
        <v>0</v>
      </c>
      <c r="AE34" s="240">
        <v>0</v>
      </c>
      <c r="AF34" s="241">
        <v>0</v>
      </c>
      <c r="AG34" s="217">
        <v>0</v>
      </c>
      <c r="AH34" s="219">
        <v>0</v>
      </c>
      <c r="AI34" s="219">
        <v>0</v>
      </c>
      <c r="AJ34" s="220">
        <v>0</v>
      </c>
      <c r="AK34" s="218">
        <v>0</v>
      </c>
      <c r="AL34" s="218">
        <v>0</v>
      </c>
      <c r="AM34" s="218">
        <v>0</v>
      </c>
      <c r="AN34" s="219">
        <v>0</v>
      </c>
      <c r="AO34" s="240">
        <v>0</v>
      </c>
      <c r="AP34" s="242">
        <v>0</v>
      </c>
      <c r="AQ34" s="239"/>
    </row>
    <row r="35" spans="2:43" ht="21" customHeight="1" x14ac:dyDescent="0.2">
      <c r="B35" s="106" t="s">
        <v>33</v>
      </c>
      <c r="C35" s="217">
        <v>0</v>
      </c>
      <c r="D35" s="219">
        <v>0</v>
      </c>
      <c r="E35" s="219">
        <v>0</v>
      </c>
      <c r="F35" s="220">
        <v>0</v>
      </c>
      <c r="G35" s="218">
        <v>0</v>
      </c>
      <c r="H35" s="218">
        <v>0</v>
      </c>
      <c r="I35" s="218">
        <v>0</v>
      </c>
      <c r="J35" s="219">
        <v>0</v>
      </c>
      <c r="K35" s="240">
        <v>0</v>
      </c>
      <c r="L35" s="241">
        <v>0</v>
      </c>
      <c r="M35" s="217">
        <v>0</v>
      </c>
      <c r="N35" s="219">
        <v>0</v>
      </c>
      <c r="O35" s="240">
        <v>0</v>
      </c>
      <c r="P35" s="222">
        <v>0</v>
      </c>
      <c r="Q35" s="218">
        <v>0</v>
      </c>
      <c r="R35" s="218">
        <v>0</v>
      </c>
      <c r="S35" s="218">
        <v>0</v>
      </c>
      <c r="T35" s="219">
        <v>0</v>
      </c>
      <c r="U35" s="240">
        <v>0</v>
      </c>
      <c r="V35" s="221">
        <v>0</v>
      </c>
      <c r="W35" s="222">
        <v>0</v>
      </c>
      <c r="X35" s="219">
        <v>0</v>
      </c>
      <c r="Y35" s="219">
        <v>0</v>
      </c>
      <c r="Z35" s="220">
        <v>0</v>
      </c>
      <c r="AA35" s="218">
        <v>0</v>
      </c>
      <c r="AB35" s="218">
        <v>0</v>
      </c>
      <c r="AC35" s="218">
        <v>0</v>
      </c>
      <c r="AD35" s="219">
        <v>0</v>
      </c>
      <c r="AE35" s="240">
        <v>0</v>
      </c>
      <c r="AF35" s="241">
        <v>0</v>
      </c>
      <c r="AG35" s="217">
        <v>0</v>
      </c>
      <c r="AH35" s="219">
        <v>0</v>
      </c>
      <c r="AI35" s="219">
        <v>0</v>
      </c>
      <c r="AJ35" s="220">
        <v>0</v>
      </c>
      <c r="AK35" s="218">
        <v>1</v>
      </c>
      <c r="AL35" s="218">
        <v>0</v>
      </c>
      <c r="AM35" s="218">
        <v>2</v>
      </c>
      <c r="AN35" s="219">
        <v>1</v>
      </c>
      <c r="AO35" s="240">
        <v>4</v>
      </c>
      <c r="AP35" s="242">
        <v>4</v>
      </c>
      <c r="AQ35" s="239"/>
    </row>
    <row r="36" spans="2:43" ht="21" customHeight="1" x14ac:dyDescent="0.2">
      <c r="B36" s="106" t="s">
        <v>34</v>
      </c>
      <c r="C36" s="217">
        <v>0</v>
      </c>
      <c r="D36" s="219">
        <v>0</v>
      </c>
      <c r="E36" s="219">
        <v>0</v>
      </c>
      <c r="F36" s="220">
        <v>0</v>
      </c>
      <c r="G36" s="218">
        <v>0</v>
      </c>
      <c r="H36" s="218">
        <v>0</v>
      </c>
      <c r="I36" s="218">
        <v>1</v>
      </c>
      <c r="J36" s="219">
        <v>0</v>
      </c>
      <c r="K36" s="240">
        <v>1</v>
      </c>
      <c r="L36" s="241">
        <v>1</v>
      </c>
      <c r="M36" s="217">
        <v>0</v>
      </c>
      <c r="N36" s="219">
        <v>0</v>
      </c>
      <c r="O36" s="240">
        <v>0</v>
      </c>
      <c r="P36" s="222">
        <v>0</v>
      </c>
      <c r="Q36" s="218">
        <v>0</v>
      </c>
      <c r="R36" s="218">
        <v>0</v>
      </c>
      <c r="S36" s="218">
        <v>0</v>
      </c>
      <c r="T36" s="219">
        <v>0</v>
      </c>
      <c r="U36" s="240">
        <v>0</v>
      </c>
      <c r="V36" s="221">
        <v>0</v>
      </c>
      <c r="W36" s="222">
        <v>0</v>
      </c>
      <c r="X36" s="219">
        <v>0</v>
      </c>
      <c r="Y36" s="219">
        <v>0</v>
      </c>
      <c r="Z36" s="220">
        <v>0</v>
      </c>
      <c r="AA36" s="218">
        <v>0</v>
      </c>
      <c r="AB36" s="218">
        <v>0</v>
      </c>
      <c r="AC36" s="218">
        <v>0</v>
      </c>
      <c r="AD36" s="219">
        <v>0</v>
      </c>
      <c r="AE36" s="240">
        <v>0</v>
      </c>
      <c r="AF36" s="241">
        <v>0</v>
      </c>
      <c r="AG36" s="217">
        <v>0</v>
      </c>
      <c r="AH36" s="219">
        <v>0</v>
      </c>
      <c r="AI36" s="219">
        <v>0</v>
      </c>
      <c r="AJ36" s="220">
        <v>0</v>
      </c>
      <c r="AK36" s="218">
        <v>0</v>
      </c>
      <c r="AL36" s="218">
        <v>0</v>
      </c>
      <c r="AM36" s="218">
        <v>0</v>
      </c>
      <c r="AN36" s="219">
        <v>0</v>
      </c>
      <c r="AO36" s="240">
        <v>0</v>
      </c>
      <c r="AP36" s="242">
        <v>0</v>
      </c>
      <c r="AQ36" s="239"/>
    </row>
    <row r="37" spans="2:43" ht="21" customHeight="1" x14ac:dyDescent="0.2">
      <c r="B37" s="106" t="s">
        <v>35</v>
      </c>
      <c r="C37" s="217">
        <v>0</v>
      </c>
      <c r="D37" s="219">
        <v>0</v>
      </c>
      <c r="E37" s="219">
        <v>0</v>
      </c>
      <c r="F37" s="220">
        <v>0</v>
      </c>
      <c r="G37" s="218">
        <v>0</v>
      </c>
      <c r="H37" s="218">
        <v>0</v>
      </c>
      <c r="I37" s="218">
        <v>1</v>
      </c>
      <c r="J37" s="219">
        <v>0</v>
      </c>
      <c r="K37" s="240">
        <v>1</v>
      </c>
      <c r="L37" s="241">
        <v>1</v>
      </c>
      <c r="M37" s="217">
        <v>0</v>
      </c>
      <c r="N37" s="219">
        <v>0</v>
      </c>
      <c r="O37" s="240">
        <v>0</v>
      </c>
      <c r="P37" s="222">
        <v>1</v>
      </c>
      <c r="Q37" s="218">
        <v>1</v>
      </c>
      <c r="R37" s="218">
        <v>0</v>
      </c>
      <c r="S37" s="218">
        <v>1</v>
      </c>
      <c r="T37" s="219">
        <v>0</v>
      </c>
      <c r="U37" s="240">
        <v>3</v>
      </c>
      <c r="V37" s="221">
        <v>3</v>
      </c>
      <c r="W37" s="222">
        <v>0</v>
      </c>
      <c r="X37" s="219">
        <v>0</v>
      </c>
      <c r="Y37" s="219">
        <v>0</v>
      </c>
      <c r="Z37" s="220">
        <v>0</v>
      </c>
      <c r="AA37" s="218">
        <v>0</v>
      </c>
      <c r="AB37" s="218">
        <v>0</v>
      </c>
      <c r="AC37" s="218">
        <v>0</v>
      </c>
      <c r="AD37" s="219">
        <v>0</v>
      </c>
      <c r="AE37" s="240">
        <v>0</v>
      </c>
      <c r="AF37" s="241">
        <v>0</v>
      </c>
      <c r="AG37" s="217">
        <v>0</v>
      </c>
      <c r="AH37" s="219">
        <v>0</v>
      </c>
      <c r="AI37" s="219">
        <v>0</v>
      </c>
      <c r="AJ37" s="220">
        <v>0</v>
      </c>
      <c r="AK37" s="218">
        <v>0</v>
      </c>
      <c r="AL37" s="218">
        <v>0</v>
      </c>
      <c r="AM37" s="218">
        <v>0</v>
      </c>
      <c r="AN37" s="219">
        <v>0</v>
      </c>
      <c r="AO37" s="240">
        <v>0</v>
      </c>
      <c r="AP37" s="242">
        <v>0</v>
      </c>
      <c r="AQ37" s="239"/>
    </row>
    <row r="38" spans="2:43" ht="21" customHeight="1" x14ac:dyDescent="0.2">
      <c r="B38" s="106" t="s">
        <v>36</v>
      </c>
      <c r="C38" s="217">
        <v>0</v>
      </c>
      <c r="D38" s="219">
        <v>0</v>
      </c>
      <c r="E38" s="219">
        <v>0</v>
      </c>
      <c r="F38" s="220">
        <v>0</v>
      </c>
      <c r="G38" s="218">
        <v>0</v>
      </c>
      <c r="H38" s="218">
        <v>1</v>
      </c>
      <c r="I38" s="218">
        <v>0</v>
      </c>
      <c r="J38" s="219">
        <v>1</v>
      </c>
      <c r="K38" s="240">
        <v>2</v>
      </c>
      <c r="L38" s="241">
        <v>2</v>
      </c>
      <c r="M38" s="217">
        <v>0</v>
      </c>
      <c r="N38" s="219">
        <v>0</v>
      </c>
      <c r="O38" s="240">
        <v>0</v>
      </c>
      <c r="P38" s="222">
        <v>0</v>
      </c>
      <c r="Q38" s="218">
        <v>0</v>
      </c>
      <c r="R38" s="218">
        <v>1</v>
      </c>
      <c r="S38" s="218">
        <v>0</v>
      </c>
      <c r="T38" s="219">
        <v>0</v>
      </c>
      <c r="U38" s="240">
        <v>1</v>
      </c>
      <c r="V38" s="221">
        <v>1</v>
      </c>
      <c r="W38" s="222">
        <v>0</v>
      </c>
      <c r="X38" s="219">
        <v>0</v>
      </c>
      <c r="Y38" s="219">
        <v>0</v>
      </c>
      <c r="Z38" s="220">
        <v>0</v>
      </c>
      <c r="AA38" s="218">
        <v>0</v>
      </c>
      <c r="AB38" s="218">
        <v>0</v>
      </c>
      <c r="AC38" s="218">
        <v>0</v>
      </c>
      <c r="AD38" s="219">
        <v>0</v>
      </c>
      <c r="AE38" s="240">
        <v>0</v>
      </c>
      <c r="AF38" s="241">
        <v>0</v>
      </c>
      <c r="AG38" s="217">
        <v>0</v>
      </c>
      <c r="AH38" s="219">
        <v>0</v>
      </c>
      <c r="AI38" s="219">
        <v>0</v>
      </c>
      <c r="AJ38" s="220">
        <v>0</v>
      </c>
      <c r="AK38" s="218">
        <v>0</v>
      </c>
      <c r="AL38" s="218">
        <v>0</v>
      </c>
      <c r="AM38" s="218">
        <v>0</v>
      </c>
      <c r="AN38" s="219">
        <v>0</v>
      </c>
      <c r="AO38" s="240">
        <v>0</v>
      </c>
      <c r="AP38" s="242">
        <v>0</v>
      </c>
      <c r="AQ38" s="239"/>
    </row>
    <row r="39" spans="2:43" ht="21" customHeight="1" thickBot="1" x14ac:dyDescent="0.25">
      <c r="B39" s="108" t="s">
        <v>37</v>
      </c>
      <c r="C39" s="223">
        <v>0</v>
      </c>
      <c r="D39" s="225">
        <v>0</v>
      </c>
      <c r="E39" s="225">
        <v>0</v>
      </c>
      <c r="F39" s="226">
        <v>0</v>
      </c>
      <c r="G39" s="224">
        <v>0</v>
      </c>
      <c r="H39" s="224">
        <v>0</v>
      </c>
      <c r="I39" s="224">
        <v>0</v>
      </c>
      <c r="J39" s="225">
        <v>0</v>
      </c>
      <c r="K39" s="243">
        <v>0</v>
      </c>
      <c r="L39" s="244">
        <v>0</v>
      </c>
      <c r="M39" s="223">
        <v>0</v>
      </c>
      <c r="N39" s="225">
        <v>0</v>
      </c>
      <c r="O39" s="243">
        <v>0</v>
      </c>
      <c r="P39" s="228">
        <v>0</v>
      </c>
      <c r="Q39" s="224">
        <v>0</v>
      </c>
      <c r="R39" s="224">
        <v>0</v>
      </c>
      <c r="S39" s="224">
        <v>0</v>
      </c>
      <c r="T39" s="225">
        <v>0</v>
      </c>
      <c r="U39" s="243">
        <v>0</v>
      </c>
      <c r="V39" s="227">
        <v>0</v>
      </c>
      <c r="W39" s="228">
        <v>0</v>
      </c>
      <c r="X39" s="225">
        <v>0</v>
      </c>
      <c r="Y39" s="225">
        <v>0</v>
      </c>
      <c r="Z39" s="226">
        <v>0</v>
      </c>
      <c r="AA39" s="224">
        <v>0</v>
      </c>
      <c r="AB39" s="224">
        <v>0</v>
      </c>
      <c r="AC39" s="224">
        <v>0</v>
      </c>
      <c r="AD39" s="225">
        <v>0</v>
      </c>
      <c r="AE39" s="243">
        <v>0</v>
      </c>
      <c r="AF39" s="244">
        <v>0</v>
      </c>
      <c r="AG39" s="223">
        <v>0</v>
      </c>
      <c r="AH39" s="225">
        <v>0</v>
      </c>
      <c r="AI39" s="225">
        <v>0</v>
      </c>
      <c r="AJ39" s="226">
        <v>0</v>
      </c>
      <c r="AK39" s="224">
        <v>0</v>
      </c>
      <c r="AL39" s="224">
        <v>0</v>
      </c>
      <c r="AM39" s="224">
        <v>0</v>
      </c>
      <c r="AN39" s="225">
        <v>0</v>
      </c>
      <c r="AO39" s="243">
        <v>0</v>
      </c>
      <c r="AP39" s="245">
        <v>0</v>
      </c>
      <c r="AQ39" s="239"/>
    </row>
    <row r="40" spans="2:43" x14ac:dyDescent="0.2"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39"/>
      <c r="N40" s="239"/>
      <c r="O40" s="239"/>
      <c r="P40" s="239"/>
      <c r="Q40" s="239"/>
      <c r="R40" s="239"/>
      <c r="S40" s="239"/>
      <c r="T40" s="239"/>
      <c r="U40" s="239"/>
      <c r="V40" s="239"/>
      <c r="W40" s="239"/>
      <c r="X40" s="239"/>
      <c r="Y40" s="239"/>
      <c r="Z40" s="239"/>
      <c r="AA40" s="239"/>
      <c r="AB40" s="239"/>
      <c r="AC40" s="239"/>
      <c r="AD40" s="239"/>
      <c r="AE40" s="239"/>
      <c r="AF40" s="239"/>
      <c r="AG40" s="239"/>
      <c r="AH40" s="239"/>
      <c r="AI40" s="239"/>
      <c r="AJ40" s="239"/>
      <c r="AK40" s="239"/>
      <c r="AL40" s="239"/>
      <c r="AM40" s="239"/>
      <c r="AN40" s="239"/>
      <c r="AO40" s="239"/>
      <c r="AP40" s="239"/>
      <c r="AQ40" s="239"/>
    </row>
    <row r="41" spans="2:43" x14ac:dyDescent="0.2">
      <c r="C41" s="246"/>
      <c r="D41" s="246"/>
      <c r="E41" s="246"/>
      <c r="F41" s="246"/>
      <c r="G41" s="246"/>
      <c r="H41" s="246"/>
      <c r="I41" s="246"/>
      <c r="J41" s="246"/>
      <c r="K41" s="246"/>
      <c r="L41" s="246"/>
      <c r="M41" s="239"/>
      <c r="N41" s="239"/>
      <c r="O41" s="239"/>
      <c r="P41" s="239"/>
      <c r="Q41" s="239"/>
      <c r="R41" s="239"/>
      <c r="S41" s="239"/>
      <c r="T41" s="239"/>
      <c r="U41" s="239"/>
      <c r="V41" s="239"/>
      <c r="W41" s="239"/>
      <c r="X41" s="239"/>
      <c r="Y41" s="239"/>
      <c r="Z41" s="239"/>
      <c r="AA41" s="239"/>
      <c r="AB41" s="239"/>
      <c r="AC41" s="239"/>
      <c r="AD41" s="239"/>
      <c r="AE41" s="239"/>
      <c r="AF41" s="239"/>
      <c r="AG41" s="239"/>
      <c r="AH41" s="239"/>
      <c r="AI41" s="239"/>
      <c r="AJ41" s="239"/>
      <c r="AK41" s="239"/>
      <c r="AL41" s="239"/>
      <c r="AM41" s="239"/>
      <c r="AN41" s="239"/>
      <c r="AO41" s="239"/>
      <c r="AP41" s="239"/>
      <c r="AQ41" s="239"/>
    </row>
    <row r="42" spans="2:43" x14ac:dyDescent="0.2">
      <c r="C42" s="246"/>
      <c r="D42" s="246"/>
      <c r="E42" s="246"/>
      <c r="F42" s="246"/>
      <c r="G42" s="246"/>
      <c r="H42" s="246"/>
      <c r="I42" s="246"/>
      <c r="J42" s="246"/>
      <c r="K42" s="246"/>
      <c r="L42" s="246"/>
      <c r="M42" s="239"/>
      <c r="N42" s="239"/>
      <c r="O42" s="239"/>
      <c r="P42" s="239"/>
      <c r="Q42" s="239"/>
      <c r="R42" s="239"/>
      <c r="S42" s="239"/>
      <c r="T42" s="239"/>
      <c r="U42" s="239"/>
      <c r="V42" s="239"/>
      <c r="W42" s="239"/>
      <c r="X42" s="239"/>
      <c r="Y42" s="239"/>
      <c r="Z42" s="239"/>
      <c r="AA42" s="239"/>
      <c r="AB42" s="239"/>
      <c r="AC42" s="239"/>
      <c r="AD42" s="239"/>
      <c r="AE42" s="239"/>
      <c r="AF42" s="239"/>
      <c r="AG42" s="239"/>
      <c r="AH42" s="239"/>
      <c r="AI42" s="239"/>
      <c r="AJ42" s="239"/>
      <c r="AK42" s="239"/>
      <c r="AL42" s="239"/>
      <c r="AM42" s="239"/>
      <c r="AN42" s="239"/>
      <c r="AO42" s="239"/>
      <c r="AP42" s="239"/>
      <c r="AQ42" s="239"/>
    </row>
    <row r="43" spans="2:43" x14ac:dyDescent="0.2">
      <c r="C43" s="246"/>
      <c r="D43" s="246"/>
      <c r="E43" s="246"/>
      <c r="F43" s="246"/>
      <c r="G43" s="246"/>
      <c r="H43" s="246"/>
      <c r="I43" s="246"/>
      <c r="J43" s="246"/>
      <c r="K43" s="246"/>
      <c r="L43" s="246"/>
      <c r="M43" s="239"/>
      <c r="N43" s="239"/>
      <c r="O43" s="239"/>
      <c r="P43" s="239"/>
      <c r="Q43" s="239"/>
      <c r="R43" s="239"/>
      <c r="S43" s="239"/>
      <c r="T43" s="239"/>
      <c r="U43" s="239"/>
      <c r="V43" s="239"/>
      <c r="W43" s="239"/>
      <c r="X43" s="239"/>
      <c r="Y43" s="239"/>
      <c r="Z43" s="239"/>
      <c r="AA43" s="239"/>
      <c r="AB43" s="239"/>
      <c r="AC43" s="239"/>
      <c r="AD43" s="239"/>
      <c r="AE43" s="239"/>
      <c r="AF43" s="239"/>
      <c r="AG43" s="239"/>
      <c r="AH43" s="239"/>
      <c r="AI43" s="239"/>
      <c r="AJ43" s="239"/>
      <c r="AK43" s="239"/>
      <c r="AL43" s="239"/>
      <c r="AM43" s="239"/>
      <c r="AN43" s="239"/>
      <c r="AO43" s="239"/>
      <c r="AP43" s="239"/>
      <c r="AQ43" s="239"/>
    </row>
    <row r="44" spans="2:43" x14ac:dyDescent="0.2">
      <c r="C44" s="246"/>
      <c r="D44" s="246"/>
      <c r="E44" s="246"/>
      <c r="F44" s="246"/>
      <c r="G44" s="246"/>
      <c r="H44" s="246"/>
      <c r="I44" s="246"/>
      <c r="J44" s="246"/>
      <c r="K44" s="246"/>
      <c r="L44" s="246"/>
      <c r="M44" s="239"/>
      <c r="N44" s="239"/>
      <c r="O44" s="239"/>
      <c r="P44" s="239"/>
      <c r="Q44" s="239"/>
      <c r="R44" s="239"/>
      <c r="S44" s="239"/>
      <c r="T44" s="239"/>
      <c r="U44" s="239"/>
      <c r="V44" s="239"/>
      <c r="W44" s="239"/>
      <c r="X44" s="239"/>
      <c r="Y44" s="239"/>
      <c r="Z44" s="239"/>
      <c r="AA44" s="239"/>
      <c r="AB44" s="239"/>
      <c r="AC44" s="239"/>
      <c r="AD44" s="239"/>
      <c r="AE44" s="239"/>
      <c r="AF44" s="239"/>
      <c r="AG44" s="239"/>
      <c r="AH44" s="239"/>
      <c r="AI44" s="239"/>
      <c r="AJ44" s="239"/>
      <c r="AK44" s="239"/>
      <c r="AL44" s="239"/>
      <c r="AM44" s="239"/>
      <c r="AN44" s="239"/>
      <c r="AO44" s="239"/>
      <c r="AP44" s="239"/>
      <c r="AQ44" s="239"/>
    </row>
    <row r="45" spans="2:43" x14ac:dyDescent="0.2">
      <c r="C45" s="70"/>
      <c r="D45" s="70"/>
      <c r="E45" s="70"/>
      <c r="F45" s="70"/>
      <c r="G45" s="70"/>
      <c r="H45" s="70"/>
      <c r="I45" s="70"/>
      <c r="J45" s="70"/>
      <c r="K45" s="70"/>
      <c r="L45" s="70"/>
    </row>
    <row r="46" spans="2:43" x14ac:dyDescent="0.2">
      <c r="C46" s="70"/>
      <c r="D46" s="70"/>
      <c r="E46" s="70"/>
      <c r="F46" s="70"/>
      <c r="G46" s="70"/>
      <c r="H46" s="70"/>
      <c r="I46" s="70"/>
      <c r="J46" s="70"/>
      <c r="K46" s="70"/>
      <c r="L46" s="70"/>
    </row>
    <row r="47" spans="2:43" x14ac:dyDescent="0.2">
      <c r="C47" s="70"/>
      <c r="D47" s="70"/>
      <c r="E47" s="70"/>
      <c r="F47" s="70"/>
      <c r="G47" s="70"/>
      <c r="H47" s="70"/>
      <c r="I47" s="70"/>
      <c r="J47" s="70"/>
      <c r="K47" s="70"/>
      <c r="L47" s="70"/>
    </row>
    <row r="48" spans="2:43" x14ac:dyDescent="0.2">
      <c r="C48" s="70"/>
      <c r="D48" s="70"/>
      <c r="E48" s="70"/>
      <c r="F48" s="70"/>
      <c r="G48" s="70"/>
      <c r="H48" s="70"/>
      <c r="I48" s="70"/>
      <c r="J48" s="70"/>
      <c r="K48" s="70"/>
      <c r="L48" s="70"/>
    </row>
    <row r="49" spans="3:12" x14ac:dyDescent="0.2">
      <c r="C49" s="70"/>
      <c r="D49" s="70"/>
      <c r="E49" s="70"/>
      <c r="F49" s="70"/>
      <c r="G49" s="70"/>
      <c r="H49" s="70"/>
      <c r="I49" s="70"/>
      <c r="J49" s="70"/>
      <c r="K49" s="70"/>
      <c r="L49" s="70"/>
    </row>
    <row r="50" spans="3:12" x14ac:dyDescent="0.2">
      <c r="C50" s="70"/>
      <c r="D50" s="70"/>
      <c r="E50" s="70"/>
      <c r="F50" s="70"/>
      <c r="G50" s="70"/>
      <c r="H50" s="70"/>
      <c r="I50" s="70"/>
      <c r="J50" s="70"/>
      <c r="K50" s="70"/>
      <c r="L50" s="70"/>
    </row>
    <row r="51" spans="3:12" x14ac:dyDescent="0.2">
      <c r="C51" s="70"/>
      <c r="D51" s="70"/>
      <c r="E51" s="70"/>
      <c r="F51" s="70"/>
      <c r="G51" s="70"/>
      <c r="H51" s="70"/>
      <c r="I51" s="70"/>
      <c r="J51" s="70"/>
      <c r="K51" s="70"/>
      <c r="L51" s="70"/>
    </row>
    <row r="52" spans="3:12" x14ac:dyDescent="0.2">
      <c r="C52" s="70"/>
      <c r="D52" s="70"/>
      <c r="E52" s="70"/>
      <c r="F52" s="70"/>
      <c r="G52" s="70"/>
      <c r="H52" s="70"/>
      <c r="I52" s="70"/>
      <c r="J52" s="70"/>
      <c r="K52" s="70"/>
      <c r="L52" s="70"/>
    </row>
    <row r="53" spans="3:12" x14ac:dyDescent="0.2">
      <c r="C53" s="70"/>
      <c r="D53" s="70"/>
      <c r="E53" s="70"/>
      <c r="F53" s="70"/>
      <c r="G53" s="70"/>
      <c r="H53" s="70"/>
      <c r="I53" s="70"/>
      <c r="J53" s="70"/>
      <c r="K53" s="70"/>
      <c r="L53" s="70"/>
    </row>
    <row r="54" spans="3:12" x14ac:dyDescent="0.2">
      <c r="C54" s="70"/>
      <c r="D54" s="70"/>
      <c r="E54" s="70"/>
      <c r="F54" s="70"/>
      <c r="G54" s="70"/>
      <c r="H54" s="70"/>
      <c r="I54" s="70"/>
      <c r="J54" s="70"/>
      <c r="K54" s="70"/>
      <c r="L54" s="70"/>
    </row>
    <row r="55" spans="3:12" x14ac:dyDescent="0.2">
      <c r="C55" s="70"/>
      <c r="D55" s="70"/>
      <c r="E55" s="70"/>
      <c r="F55" s="70"/>
      <c r="G55" s="70"/>
      <c r="H55" s="70"/>
      <c r="I55" s="70"/>
      <c r="J55" s="70"/>
      <c r="K55" s="70"/>
      <c r="L55" s="70"/>
    </row>
    <row r="56" spans="3:12" x14ac:dyDescent="0.2">
      <c r="C56" s="70"/>
      <c r="D56" s="70"/>
      <c r="E56" s="70"/>
      <c r="F56" s="70"/>
      <c r="G56" s="70"/>
      <c r="H56" s="70"/>
      <c r="I56" s="70"/>
      <c r="J56" s="70"/>
      <c r="K56" s="70"/>
      <c r="L56" s="70"/>
    </row>
    <row r="57" spans="3:12" x14ac:dyDescent="0.2">
      <c r="C57" s="70"/>
      <c r="D57" s="70"/>
      <c r="E57" s="70"/>
      <c r="F57" s="70"/>
      <c r="G57" s="70"/>
      <c r="H57" s="70"/>
      <c r="I57" s="70"/>
      <c r="J57" s="70"/>
      <c r="K57" s="70"/>
      <c r="L57" s="70"/>
    </row>
    <row r="58" spans="3:12" x14ac:dyDescent="0.2">
      <c r="C58" s="70"/>
      <c r="D58" s="70"/>
      <c r="E58" s="70"/>
      <c r="F58" s="70"/>
      <c r="G58" s="70"/>
      <c r="H58" s="70"/>
      <c r="I58" s="70"/>
      <c r="J58" s="70"/>
      <c r="K58" s="70"/>
      <c r="L58" s="70"/>
    </row>
    <row r="59" spans="3:12" x14ac:dyDescent="0.2">
      <c r="C59" s="70"/>
      <c r="D59" s="70"/>
      <c r="E59" s="70"/>
      <c r="F59" s="70"/>
      <c r="G59" s="70"/>
      <c r="H59" s="70"/>
      <c r="I59" s="70"/>
      <c r="J59" s="70"/>
      <c r="K59" s="70"/>
      <c r="L59" s="70"/>
    </row>
    <row r="60" spans="3:12" x14ac:dyDescent="0.2">
      <c r="C60" s="70"/>
      <c r="D60" s="70"/>
      <c r="E60" s="70"/>
      <c r="F60" s="70"/>
      <c r="G60" s="70"/>
      <c r="H60" s="70"/>
      <c r="I60" s="70"/>
      <c r="J60" s="70"/>
      <c r="K60" s="70"/>
      <c r="L60" s="70"/>
    </row>
    <row r="61" spans="3:12" x14ac:dyDescent="0.2">
      <c r="C61" s="70"/>
      <c r="D61" s="70"/>
      <c r="E61" s="70"/>
      <c r="F61" s="70"/>
      <c r="G61" s="70"/>
      <c r="H61" s="70"/>
      <c r="I61" s="70"/>
      <c r="J61" s="70"/>
      <c r="K61" s="70"/>
      <c r="L61" s="70"/>
    </row>
    <row r="62" spans="3:12" x14ac:dyDescent="0.2">
      <c r="C62" s="70"/>
      <c r="D62" s="70"/>
      <c r="E62" s="70"/>
      <c r="F62" s="70"/>
      <c r="G62" s="70"/>
      <c r="H62" s="70"/>
      <c r="I62" s="70"/>
      <c r="J62" s="70"/>
      <c r="K62" s="70"/>
      <c r="L62" s="70"/>
    </row>
    <row r="63" spans="3:12" x14ac:dyDescent="0.2">
      <c r="C63" s="70"/>
      <c r="D63" s="70"/>
      <c r="E63" s="70"/>
      <c r="F63" s="70"/>
      <c r="G63" s="70"/>
      <c r="H63" s="70"/>
      <c r="I63" s="70"/>
      <c r="J63" s="70"/>
      <c r="K63" s="70"/>
      <c r="L63" s="70"/>
    </row>
    <row r="64" spans="3:12" x14ac:dyDescent="0.2">
      <c r="C64" s="70"/>
      <c r="D64" s="70"/>
      <c r="E64" s="70"/>
      <c r="F64" s="70"/>
      <c r="G64" s="70"/>
      <c r="H64" s="70"/>
      <c r="I64" s="70"/>
      <c r="J64" s="70"/>
      <c r="K64" s="70"/>
      <c r="L64" s="70"/>
    </row>
    <row r="65" spans="3:12" x14ac:dyDescent="0.2">
      <c r="C65" s="70"/>
      <c r="D65" s="70"/>
      <c r="E65" s="70"/>
      <c r="F65" s="70"/>
      <c r="G65" s="70"/>
      <c r="H65" s="70"/>
      <c r="I65" s="70"/>
      <c r="J65" s="70"/>
      <c r="K65" s="70"/>
      <c r="L65" s="70"/>
    </row>
    <row r="66" spans="3:12" x14ac:dyDescent="0.2">
      <c r="C66" s="70"/>
      <c r="D66" s="70"/>
      <c r="E66" s="70"/>
      <c r="F66" s="70"/>
      <c r="G66" s="70"/>
      <c r="H66" s="70"/>
      <c r="I66" s="70"/>
      <c r="J66" s="70"/>
      <c r="K66" s="70"/>
      <c r="L66" s="70"/>
    </row>
    <row r="67" spans="3:12" x14ac:dyDescent="0.2">
      <c r="C67" s="70"/>
      <c r="D67" s="70"/>
      <c r="E67" s="70"/>
      <c r="F67" s="70"/>
      <c r="G67" s="70"/>
      <c r="H67" s="70"/>
      <c r="I67" s="70"/>
      <c r="J67" s="70"/>
      <c r="K67" s="70"/>
      <c r="L67" s="70"/>
    </row>
    <row r="68" spans="3:12" x14ac:dyDescent="0.2">
      <c r="C68" s="70"/>
      <c r="D68" s="70"/>
      <c r="E68" s="70"/>
      <c r="F68" s="70"/>
      <c r="G68" s="70"/>
      <c r="H68" s="70"/>
      <c r="I68" s="70"/>
      <c r="J68" s="70"/>
      <c r="K68" s="70"/>
      <c r="L68" s="70"/>
    </row>
    <row r="69" spans="3:12" x14ac:dyDescent="0.2">
      <c r="C69" s="70"/>
      <c r="D69" s="70"/>
      <c r="E69" s="70"/>
      <c r="F69" s="70"/>
      <c r="G69" s="70"/>
      <c r="H69" s="70"/>
      <c r="I69" s="70"/>
      <c r="J69" s="70"/>
      <c r="K69" s="70"/>
      <c r="L69" s="70"/>
    </row>
    <row r="70" spans="3:12" x14ac:dyDescent="0.2">
      <c r="C70" s="70"/>
      <c r="D70" s="70"/>
      <c r="E70" s="70"/>
      <c r="F70" s="70"/>
      <c r="G70" s="70"/>
      <c r="H70" s="70"/>
      <c r="I70" s="70"/>
      <c r="J70" s="70"/>
      <c r="K70" s="70"/>
      <c r="L70" s="70"/>
    </row>
    <row r="71" spans="3:12" x14ac:dyDescent="0.2">
      <c r="C71" s="70"/>
      <c r="D71" s="70"/>
      <c r="E71" s="70"/>
      <c r="F71" s="70"/>
      <c r="G71" s="70"/>
      <c r="H71" s="70"/>
      <c r="I71" s="70"/>
      <c r="J71" s="70"/>
      <c r="K71" s="70"/>
      <c r="L71" s="70"/>
    </row>
    <row r="72" spans="3:12" x14ac:dyDescent="0.2">
      <c r="C72" s="70"/>
      <c r="D72" s="70"/>
      <c r="E72" s="70"/>
      <c r="F72" s="70"/>
      <c r="G72" s="70"/>
      <c r="H72" s="70"/>
      <c r="I72" s="70"/>
      <c r="J72" s="70"/>
      <c r="K72" s="70"/>
      <c r="L72" s="70"/>
    </row>
    <row r="73" spans="3:12" x14ac:dyDescent="0.2">
      <c r="C73" s="70"/>
      <c r="D73" s="70"/>
      <c r="E73" s="70"/>
      <c r="F73" s="70"/>
      <c r="G73" s="70"/>
      <c r="H73" s="70"/>
      <c r="I73" s="70"/>
      <c r="J73" s="70"/>
      <c r="K73" s="70"/>
      <c r="L73" s="70"/>
    </row>
    <row r="74" spans="3:12" x14ac:dyDescent="0.2">
      <c r="C74" s="70"/>
      <c r="D74" s="70"/>
      <c r="E74" s="70"/>
      <c r="F74" s="70"/>
      <c r="G74" s="70"/>
      <c r="H74" s="70"/>
      <c r="I74" s="70"/>
      <c r="J74" s="70"/>
      <c r="K74" s="70"/>
      <c r="L74" s="70"/>
    </row>
    <row r="75" spans="3:12" x14ac:dyDescent="0.2">
      <c r="C75" s="70"/>
      <c r="D75" s="70"/>
      <c r="E75" s="70"/>
      <c r="F75" s="70"/>
      <c r="G75" s="70"/>
      <c r="H75" s="70"/>
      <c r="I75" s="70"/>
      <c r="J75" s="70"/>
      <c r="K75" s="70"/>
      <c r="L75" s="70"/>
    </row>
    <row r="76" spans="3:12" x14ac:dyDescent="0.2">
      <c r="C76" s="70"/>
      <c r="D76" s="70"/>
      <c r="E76" s="70"/>
      <c r="F76" s="70"/>
      <c r="G76" s="70"/>
      <c r="H76" s="70"/>
      <c r="I76" s="70"/>
      <c r="J76" s="70"/>
      <c r="K76" s="70"/>
      <c r="L76" s="70"/>
    </row>
    <row r="77" spans="3:12" x14ac:dyDescent="0.2">
      <c r="C77" s="70"/>
      <c r="D77" s="70"/>
      <c r="E77" s="70"/>
      <c r="F77" s="70"/>
      <c r="G77" s="70"/>
      <c r="H77" s="70"/>
      <c r="I77" s="70"/>
      <c r="J77" s="70"/>
      <c r="K77" s="70"/>
      <c r="L77" s="70"/>
    </row>
    <row r="78" spans="3:12" x14ac:dyDescent="0.2">
      <c r="C78" s="70"/>
      <c r="D78" s="70"/>
      <c r="E78" s="70"/>
      <c r="F78" s="70"/>
      <c r="G78" s="70"/>
      <c r="H78" s="70"/>
      <c r="I78" s="70"/>
      <c r="J78" s="70"/>
      <c r="K78" s="70"/>
      <c r="L78" s="70"/>
    </row>
    <row r="79" spans="3:12" x14ac:dyDescent="0.2">
      <c r="C79" s="70"/>
      <c r="D79" s="70"/>
      <c r="E79" s="70"/>
      <c r="F79" s="70"/>
      <c r="G79" s="70"/>
      <c r="H79" s="70"/>
      <c r="I79" s="70"/>
      <c r="J79" s="70"/>
      <c r="K79" s="70"/>
      <c r="L79" s="70"/>
    </row>
    <row r="80" spans="3:12" x14ac:dyDescent="0.2">
      <c r="C80" s="70"/>
      <c r="D80" s="70"/>
      <c r="E80" s="70"/>
      <c r="F80" s="70"/>
      <c r="G80" s="70"/>
      <c r="H80" s="70"/>
      <c r="I80" s="70"/>
      <c r="J80" s="70"/>
      <c r="K80" s="70"/>
      <c r="L80" s="70"/>
    </row>
    <row r="81" spans="3:12" x14ac:dyDescent="0.2">
      <c r="C81" s="70"/>
      <c r="D81" s="70"/>
      <c r="E81" s="70"/>
      <c r="F81" s="70"/>
      <c r="G81" s="70"/>
      <c r="H81" s="70"/>
      <c r="I81" s="70"/>
      <c r="J81" s="70"/>
      <c r="K81" s="70"/>
      <c r="L81" s="70"/>
    </row>
    <row r="82" spans="3:12" x14ac:dyDescent="0.2">
      <c r="C82" s="70"/>
      <c r="D82" s="70"/>
      <c r="E82" s="70"/>
      <c r="F82" s="70"/>
      <c r="G82" s="70"/>
      <c r="H82" s="70"/>
      <c r="I82" s="70"/>
      <c r="J82" s="70"/>
      <c r="K82" s="70"/>
      <c r="L82" s="70"/>
    </row>
    <row r="83" spans="3:12" x14ac:dyDescent="0.2">
      <c r="C83" s="70"/>
      <c r="D83" s="70"/>
      <c r="E83" s="70"/>
      <c r="F83" s="70"/>
      <c r="G83" s="70"/>
      <c r="H83" s="70"/>
      <c r="I83" s="70"/>
      <c r="J83" s="70"/>
      <c r="K83" s="70"/>
      <c r="L83" s="70"/>
    </row>
    <row r="84" spans="3:12" x14ac:dyDescent="0.2">
      <c r="C84" s="70"/>
      <c r="D84" s="70"/>
      <c r="E84" s="70"/>
      <c r="F84" s="70"/>
      <c r="G84" s="70"/>
      <c r="H84" s="70"/>
      <c r="I84" s="70"/>
      <c r="J84" s="70"/>
      <c r="K84" s="70"/>
      <c r="L84" s="70"/>
    </row>
    <row r="85" spans="3:12" x14ac:dyDescent="0.2">
      <c r="C85" s="70"/>
      <c r="D85" s="70"/>
      <c r="E85" s="70"/>
      <c r="F85" s="70"/>
      <c r="G85" s="70"/>
      <c r="H85" s="70"/>
      <c r="I85" s="70"/>
      <c r="J85" s="70"/>
      <c r="K85" s="70"/>
      <c r="L85" s="70"/>
    </row>
    <row r="86" spans="3:12" x14ac:dyDescent="0.2">
      <c r="C86" s="70"/>
      <c r="D86" s="70"/>
      <c r="E86" s="70"/>
      <c r="F86" s="70"/>
      <c r="G86" s="70"/>
      <c r="H86" s="70"/>
      <c r="I86" s="70"/>
      <c r="J86" s="70"/>
      <c r="K86" s="70"/>
      <c r="L86" s="70"/>
    </row>
    <row r="87" spans="3:12" x14ac:dyDescent="0.2">
      <c r="C87" s="70"/>
      <c r="D87" s="70"/>
      <c r="E87" s="70"/>
      <c r="F87" s="70"/>
      <c r="G87" s="70"/>
      <c r="H87" s="70"/>
      <c r="I87" s="70"/>
      <c r="J87" s="70"/>
      <c r="K87" s="70"/>
      <c r="L87" s="70"/>
    </row>
    <row r="88" spans="3:12" x14ac:dyDescent="0.2">
      <c r="C88" s="70"/>
      <c r="D88" s="70"/>
      <c r="E88" s="70"/>
      <c r="F88" s="70"/>
      <c r="G88" s="70"/>
      <c r="H88" s="70"/>
      <c r="I88" s="70"/>
      <c r="J88" s="70"/>
      <c r="K88" s="70"/>
      <c r="L88" s="70"/>
    </row>
    <row r="89" spans="3:12" x14ac:dyDescent="0.2">
      <c r="C89" s="70"/>
      <c r="D89" s="70"/>
      <c r="E89" s="70"/>
      <c r="F89" s="70"/>
      <c r="G89" s="70"/>
      <c r="H89" s="70"/>
      <c r="I89" s="70"/>
      <c r="J89" s="70"/>
      <c r="K89" s="70"/>
      <c r="L89" s="70"/>
    </row>
    <row r="90" spans="3:12" x14ac:dyDescent="0.2">
      <c r="C90" s="70"/>
      <c r="D90" s="70"/>
      <c r="E90" s="70"/>
      <c r="F90" s="70"/>
      <c r="G90" s="70"/>
      <c r="H90" s="70"/>
      <c r="I90" s="70"/>
      <c r="J90" s="70"/>
      <c r="K90" s="70"/>
      <c r="L90" s="70"/>
    </row>
    <row r="91" spans="3:12" x14ac:dyDescent="0.2">
      <c r="C91" s="70"/>
      <c r="D91" s="70"/>
      <c r="E91" s="70"/>
      <c r="F91" s="70"/>
      <c r="G91" s="70"/>
      <c r="H91" s="70"/>
      <c r="I91" s="70"/>
      <c r="J91" s="70"/>
      <c r="K91" s="70"/>
      <c r="L91" s="70"/>
    </row>
    <row r="92" spans="3:12" x14ac:dyDescent="0.2">
      <c r="C92" s="70"/>
      <c r="D92" s="70"/>
      <c r="E92" s="70"/>
      <c r="F92" s="70"/>
      <c r="G92" s="70"/>
      <c r="H92" s="70"/>
      <c r="I92" s="70"/>
      <c r="J92" s="70"/>
      <c r="K92" s="70"/>
      <c r="L92" s="70"/>
    </row>
    <row r="93" spans="3:12" x14ac:dyDescent="0.2">
      <c r="C93" s="70"/>
      <c r="D93" s="70"/>
      <c r="E93" s="70"/>
      <c r="F93" s="70"/>
      <c r="G93" s="70"/>
      <c r="H93" s="70"/>
      <c r="I93" s="70"/>
      <c r="J93" s="70"/>
      <c r="K93" s="70"/>
      <c r="L93" s="70"/>
    </row>
    <row r="94" spans="3:12" x14ac:dyDescent="0.2">
      <c r="C94" s="70"/>
      <c r="D94" s="70"/>
      <c r="E94" s="70"/>
      <c r="F94" s="70"/>
      <c r="G94" s="70"/>
      <c r="H94" s="70"/>
      <c r="I94" s="70"/>
      <c r="J94" s="70"/>
      <c r="K94" s="70"/>
      <c r="L94" s="70"/>
    </row>
    <row r="95" spans="3:12" x14ac:dyDescent="0.2">
      <c r="C95" s="70"/>
      <c r="D95" s="70"/>
      <c r="E95" s="70"/>
      <c r="F95" s="70"/>
      <c r="G95" s="70"/>
      <c r="H95" s="70"/>
      <c r="I95" s="70"/>
      <c r="J95" s="70"/>
      <c r="K95" s="70"/>
      <c r="L95" s="70"/>
    </row>
    <row r="96" spans="3:12" x14ac:dyDescent="0.2">
      <c r="C96" s="70"/>
      <c r="D96" s="70"/>
      <c r="E96" s="70"/>
      <c r="F96" s="70"/>
      <c r="G96" s="70"/>
      <c r="H96" s="70"/>
      <c r="I96" s="70"/>
      <c r="J96" s="70"/>
      <c r="K96" s="70"/>
      <c r="L96" s="70"/>
    </row>
    <row r="97" spans="3:12" x14ac:dyDescent="0.2">
      <c r="C97" s="70"/>
      <c r="D97" s="70"/>
      <c r="E97" s="70"/>
      <c r="F97" s="70"/>
      <c r="G97" s="70"/>
      <c r="H97" s="70"/>
      <c r="I97" s="70"/>
      <c r="J97" s="70"/>
      <c r="K97" s="70"/>
      <c r="L97" s="70"/>
    </row>
    <row r="98" spans="3:12" x14ac:dyDescent="0.2">
      <c r="C98" s="70"/>
      <c r="D98" s="70"/>
      <c r="E98" s="70"/>
      <c r="F98" s="70"/>
      <c r="G98" s="70"/>
      <c r="H98" s="70"/>
      <c r="I98" s="70"/>
      <c r="J98" s="70"/>
      <c r="K98" s="70"/>
      <c r="L98" s="70"/>
    </row>
    <row r="99" spans="3:12" x14ac:dyDescent="0.2">
      <c r="C99" s="70"/>
      <c r="D99" s="70"/>
      <c r="E99" s="70"/>
      <c r="F99" s="70"/>
      <c r="G99" s="70"/>
      <c r="H99" s="70"/>
      <c r="I99" s="70"/>
      <c r="J99" s="70"/>
      <c r="K99" s="70"/>
      <c r="L99" s="70"/>
    </row>
    <row r="100" spans="3:12" x14ac:dyDescent="0.2">
      <c r="C100" s="70"/>
      <c r="D100" s="70"/>
      <c r="E100" s="70"/>
      <c r="F100" s="70"/>
      <c r="G100" s="70"/>
      <c r="H100" s="70"/>
      <c r="I100" s="70"/>
      <c r="J100" s="70"/>
      <c r="K100" s="70"/>
      <c r="L100" s="70"/>
    </row>
    <row r="101" spans="3:12" x14ac:dyDescent="0.2">
      <c r="C101" s="70"/>
      <c r="D101" s="70"/>
      <c r="E101" s="70"/>
      <c r="F101" s="70"/>
      <c r="G101" s="70"/>
      <c r="H101" s="70"/>
      <c r="I101" s="70"/>
      <c r="J101" s="70"/>
      <c r="K101" s="70"/>
      <c r="L101" s="70"/>
    </row>
    <row r="102" spans="3:12" x14ac:dyDescent="0.2">
      <c r="C102" s="70"/>
      <c r="D102" s="70"/>
      <c r="E102" s="70"/>
      <c r="F102" s="70"/>
      <c r="G102" s="70"/>
      <c r="H102" s="70"/>
      <c r="I102" s="70"/>
      <c r="J102" s="70"/>
      <c r="K102" s="70"/>
      <c r="L102" s="70"/>
    </row>
    <row r="103" spans="3:12" x14ac:dyDescent="0.2">
      <c r="C103" s="70"/>
      <c r="D103" s="70"/>
      <c r="E103" s="70"/>
      <c r="F103" s="70"/>
      <c r="G103" s="70"/>
      <c r="H103" s="70"/>
      <c r="I103" s="70"/>
      <c r="J103" s="70"/>
      <c r="K103" s="70"/>
      <c r="L103" s="70"/>
    </row>
    <row r="104" spans="3:12" x14ac:dyDescent="0.2">
      <c r="C104" s="70"/>
      <c r="D104" s="70"/>
      <c r="E104" s="70"/>
      <c r="F104" s="70"/>
      <c r="G104" s="70"/>
      <c r="H104" s="70"/>
      <c r="I104" s="70"/>
      <c r="J104" s="70"/>
      <c r="K104" s="70"/>
      <c r="L104" s="70"/>
    </row>
    <row r="105" spans="3:12" x14ac:dyDescent="0.2">
      <c r="C105" s="70"/>
      <c r="D105" s="70"/>
      <c r="E105" s="70"/>
      <c r="F105" s="70"/>
      <c r="G105" s="70"/>
      <c r="H105" s="70"/>
      <c r="I105" s="70"/>
      <c r="J105" s="70"/>
      <c r="K105" s="70"/>
      <c r="L105" s="70"/>
    </row>
    <row r="106" spans="3:12" x14ac:dyDescent="0.2">
      <c r="C106" s="70"/>
      <c r="D106" s="70"/>
      <c r="E106" s="70"/>
      <c r="F106" s="70"/>
      <c r="G106" s="70"/>
      <c r="H106" s="70"/>
      <c r="I106" s="70"/>
      <c r="J106" s="70"/>
      <c r="K106" s="70"/>
      <c r="L106" s="70"/>
    </row>
    <row r="107" spans="3:12" x14ac:dyDescent="0.2">
      <c r="C107" s="70"/>
      <c r="D107" s="70"/>
      <c r="E107" s="70"/>
      <c r="F107" s="70"/>
      <c r="G107" s="70"/>
      <c r="H107" s="70"/>
      <c r="I107" s="70"/>
      <c r="J107" s="70"/>
      <c r="K107" s="70"/>
      <c r="L107" s="70"/>
    </row>
    <row r="108" spans="3:12" x14ac:dyDescent="0.2">
      <c r="C108" s="70"/>
      <c r="D108" s="70"/>
      <c r="E108" s="70"/>
      <c r="F108" s="70"/>
      <c r="G108" s="70"/>
      <c r="H108" s="70"/>
      <c r="I108" s="70"/>
      <c r="J108" s="70"/>
      <c r="K108" s="70"/>
      <c r="L108" s="70"/>
    </row>
    <row r="109" spans="3:12" x14ac:dyDescent="0.2">
      <c r="C109" s="70"/>
      <c r="D109" s="70"/>
      <c r="E109" s="70"/>
      <c r="F109" s="70"/>
      <c r="G109" s="70"/>
      <c r="H109" s="70"/>
      <c r="I109" s="70"/>
      <c r="J109" s="70"/>
      <c r="K109" s="70"/>
      <c r="L109" s="70"/>
    </row>
    <row r="110" spans="3:12" x14ac:dyDescent="0.2">
      <c r="C110" s="70"/>
      <c r="D110" s="70"/>
      <c r="E110" s="70"/>
      <c r="F110" s="70"/>
      <c r="G110" s="70"/>
      <c r="H110" s="70"/>
      <c r="I110" s="70"/>
      <c r="J110" s="70"/>
      <c r="K110" s="70"/>
      <c r="L110" s="70"/>
    </row>
    <row r="111" spans="3:12" x14ac:dyDescent="0.2">
      <c r="C111" s="70"/>
      <c r="D111" s="70"/>
      <c r="E111" s="70"/>
      <c r="F111" s="70"/>
      <c r="G111" s="70"/>
      <c r="H111" s="70"/>
      <c r="I111" s="70"/>
      <c r="J111" s="70"/>
      <c r="K111" s="70"/>
      <c r="L111" s="70"/>
    </row>
    <row r="112" spans="3:12" x14ac:dyDescent="0.2">
      <c r="C112" s="70"/>
      <c r="D112" s="70"/>
      <c r="E112" s="70"/>
      <c r="F112" s="70"/>
      <c r="G112" s="70"/>
      <c r="H112" s="70"/>
      <c r="I112" s="70"/>
      <c r="J112" s="70"/>
      <c r="K112" s="70"/>
      <c r="L112" s="70"/>
    </row>
    <row r="113" spans="3:12" x14ac:dyDescent="0.2">
      <c r="C113" s="70"/>
      <c r="D113" s="70"/>
      <c r="E113" s="70"/>
      <c r="F113" s="70"/>
      <c r="G113" s="70"/>
      <c r="H113" s="70"/>
      <c r="I113" s="70"/>
      <c r="J113" s="70"/>
      <c r="K113" s="70"/>
      <c r="L113" s="70"/>
    </row>
    <row r="114" spans="3:12" x14ac:dyDescent="0.2">
      <c r="C114" s="70"/>
      <c r="D114" s="70"/>
      <c r="E114" s="70"/>
      <c r="F114" s="70"/>
      <c r="G114" s="70"/>
      <c r="H114" s="70"/>
      <c r="I114" s="70"/>
      <c r="J114" s="70"/>
      <c r="K114" s="70"/>
      <c r="L114" s="70"/>
    </row>
    <row r="115" spans="3:12" x14ac:dyDescent="0.2">
      <c r="C115" s="70"/>
      <c r="D115" s="70"/>
      <c r="E115" s="70"/>
      <c r="F115" s="70"/>
      <c r="G115" s="70"/>
      <c r="H115" s="70"/>
      <c r="I115" s="70"/>
      <c r="J115" s="70"/>
      <c r="K115" s="70"/>
      <c r="L115" s="70"/>
    </row>
    <row r="116" spans="3:12" x14ac:dyDescent="0.2">
      <c r="C116" s="70"/>
      <c r="D116" s="70"/>
      <c r="E116" s="70"/>
      <c r="F116" s="70"/>
      <c r="G116" s="70"/>
      <c r="H116" s="70"/>
      <c r="I116" s="70"/>
      <c r="J116" s="70"/>
      <c r="K116" s="70"/>
      <c r="L116" s="70"/>
    </row>
    <row r="117" spans="3:12" x14ac:dyDescent="0.2">
      <c r="C117" s="70"/>
      <c r="D117" s="70"/>
      <c r="E117" s="70"/>
      <c r="F117" s="70"/>
      <c r="G117" s="70"/>
      <c r="H117" s="70"/>
      <c r="I117" s="70"/>
      <c r="J117" s="70"/>
      <c r="K117" s="70"/>
      <c r="L117" s="70"/>
    </row>
    <row r="118" spans="3:12" x14ac:dyDescent="0.2">
      <c r="C118" s="70"/>
      <c r="D118" s="70"/>
      <c r="E118" s="70"/>
      <c r="F118" s="70"/>
      <c r="G118" s="70"/>
      <c r="H118" s="70"/>
      <c r="I118" s="70"/>
      <c r="J118" s="70"/>
      <c r="K118" s="70"/>
      <c r="L118" s="70"/>
    </row>
    <row r="119" spans="3:12" x14ac:dyDescent="0.2">
      <c r="C119" s="70"/>
      <c r="D119" s="70"/>
      <c r="E119" s="70"/>
      <c r="F119" s="70"/>
      <c r="G119" s="70"/>
      <c r="H119" s="70"/>
      <c r="I119" s="70"/>
      <c r="J119" s="70"/>
      <c r="K119" s="70"/>
      <c r="L119" s="70"/>
    </row>
    <row r="120" spans="3:12" x14ac:dyDescent="0.2">
      <c r="C120" s="70"/>
      <c r="D120" s="70"/>
      <c r="E120" s="70"/>
      <c r="F120" s="70"/>
      <c r="G120" s="70"/>
      <c r="H120" s="70"/>
      <c r="I120" s="70"/>
      <c r="J120" s="70"/>
      <c r="K120" s="70"/>
      <c r="L120" s="70"/>
    </row>
    <row r="121" spans="3:12" x14ac:dyDescent="0.2">
      <c r="C121" s="70"/>
      <c r="D121" s="70"/>
      <c r="E121" s="70"/>
      <c r="F121" s="70"/>
      <c r="G121" s="70"/>
      <c r="H121" s="70"/>
      <c r="I121" s="70"/>
      <c r="J121" s="70"/>
      <c r="K121" s="70"/>
      <c r="L121" s="70"/>
    </row>
    <row r="122" spans="3:12" x14ac:dyDescent="0.2">
      <c r="C122" s="70"/>
      <c r="D122" s="70"/>
      <c r="E122" s="70"/>
      <c r="F122" s="70"/>
      <c r="G122" s="70"/>
      <c r="H122" s="70"/>
      <c r="I122" s="70"/>
      <c r="J122" s="70"/>
      <c r="K122" s="70"/>
      <c r="L122" s="70"/>
    </row>
    <row r="123" spans="3:12" x14ac:dyDescent="0.2">
      <c r="C123" s="70"/>
      <c r="D123" s="70"/>
      <c r="E123" s="70"/>
      <c r="F123" s="70"/>
      <c r="G123" s="70"/>
      <c r="H123" s="70"/>
      <c r="I123" s="70"/>
      <c r="J123" s="70"/>
      <c r="K123" s="70"/>
      <c r="L123" s="70"/>
    </row>
    <row r="124" spans="3:12" x14ac:dyDescent="0.2">
      <c r="C124" s="70"/>
      <c r="D124" s="70"/>
      <c r="E124" s="70"/>
      <c r="F124" s="70"/>
      <c r="G124" s="70"/>
      <c r="H124" s="70"/>
      <c r="I124" s="70"/>
      <c r="J124" s="70"/>
      <c r="K124" s="70"/>
      <c r="L124" s="70"/>
    </row>
    <row r="125" spans="3:12" x14ac:dyDescent="0.2">
      <c r="C125" s="70"/>
      <c r="D125" s="70"/>
      <c r="E125" s="70"/>
      <c r="F125" s="70"/>
      <c r="G125" s="70"/>
      <c r="H125" s="70"/>
      <c r="I125" s="70"/>
      <c r="J125" s="70"/>
      <c r="K125" s="70"/>
      <c r="L125" s="70"/>
    </row>
    <row r="126" spans="3:12" x14ac:dyDescent="0.2">
      <c r="C126" s="70"/>
      <c r="D126" s="70"/>
      <c r="E126" s="70"/>
      <c r="F126" s="70"/>
      <c r="G126" s="70"/>
      <c r="H126" s="70"/>
      <c r="I126" s="70"/>
      <c r="J126" s="70"/>
      <c r="K126" s="70"/>
      <c r="L126" s="70"/>
    </row>
    <row r="127" spans="3:12" x14ac:dyDescent="0.2">
      <c r="C127" s="70"/>
      <c r="D127" s="70"/>
      <c r="E127" s="70"/>
      <c r="F127" s="70"/>
      <c r="G127" s="70"/>
      <c r="H127" s="70"/>
      <c r="I127" s="70"/>
      <c r="J127" s="70"/>
      <c r="K127" s="70"/>
      <c r="L127" s="70"/>
    </row>
    <row r="128" spans="3:12" x14ac:dyDescent="0.2">
      <c r="C128" s="70"/>
      <c r="D128" s="70"/>
      <c r="E128" s="70"/>
      <c r="F128" s="70"/>
      <c r="G128" s="70"/>
      <c r="H128" s="70"/>
      <c r="I128" s="70"/>
      <c r="J128" s="70"/>
      <c r="K128" s="70"/>
      <c r="L128" s="70"/>
    </row>
    <row r="129" spans="3:12" x14ac:dyDescent="0.2">
      <c r="C129" s="70"/>
      <c r="D129" s="70"/>
      <c r="E129" s="70"/>
      <c r="F129" s="70"/>
      <c r="G129" s="70"/>
      <c r="H129" s="70"/>
      <c r="I129" s="70"/>
      <c r="J129" s="70"/>
      <c r="K129" s="70"/>
      <c r="L129" s="70"/>
    </row>
    <row r="130" spans="3:12" x14ac:dyDescent="0.2">
      <c r="C130" s="70"/>
      <c r="D130" s="70"/>
      <c r="E130" s="70"/>
      <c r="F130" s="70"/>
      <c r="G130" s="70"/>
      <c r="H130" s="70"/>
      <c r="I130" s="70"/>
      <c r="J130" s="70"/>
      <c r="K130" s="70"/>
      <c r="L130" s="70"/>
    </row>
    <row r="131" spans="3:12" x14ac:dyDescent="0.2">
      <c r="C131" s="70"/>
      <c r="D131" s="70"/>
      <c r="E131" s="70"/>
      <c r="F131" s="70"/>
      <c r="G131" s="70"/>
      <c r="H131" s="70"/>
      <c r="I131" s="70"/>
      <c r="J131" s="70"/>
      <c r="K131" s="70"/>
      <c r="L131" s="70"/>
    </row>
    <row r="132" spans="3:12" x14ac:dyDescent="0.2">
      <c r="C132" s="70"/>
      <c r="D132" s="70"/>
      <c r="E132" s="70"/>
      <c r="F132" s="70"/>
      <c r="G132" s="70"/>
      <c r="H132" s="70"/>
      <c r="I132" s="70"/>
      <c r="J132" s="70"/>
      <c r="K132" s="70"/>
      <c r="L132" s="70"/>
    </row>
    <row r="133" spans="3:12" x14ac:dyDescent="0.2">
      <c r="C133" s="70"/>
      <c r="D133" s="70"/>
      <c r="E133" s="70"/>
      <c r="F133" s="70"/>
      <c r="G133" s="70"/>
      <c r="H133" s="70"/>
      <c r="I133" s="70"/>
      <c r="J133" s="70"/>
      <c r="K133" s="70"/>
      <c r="L133" s="70"/>
    </row>
    <row r="134" spans="3:12" x14ac:dyDescent="0.2">
      <c r="C134" s="70"/>
      <c r="D134" s="70"/>
      <c r="E134" s="70"/>
      <c r="F134" s="70"/>
      <c r="G134" s="70"/>
      <c r="H134" s="70"/>
      <c r="I134" s="70"/>
      <c r="J134" s="70"/>
      <c r="K134" s="70"/>
      <c r="L134" s="70"/>
    </row>
    <row r="135" spans="3:12" x14ac:dyDescent="0.2">
      <c r="C135" s="70"/>
      <c r="D135" s="70"/>
      <c r="E135" s="70"/>
      <c r="F135" s="70"/>
      <c r="G135" s="70"/>
      <c r="H135" s="70"/>
      <c r="I135" s="70"/>
      <c r="J135" s="70"/>
      <c r="K135" s="70"/>
      <c r="L135" s="70"/>
    </row>
    <row r="136" spans="3:12" x14ac:dyDescent="0.2">
      <c r="C136" s="70"/>
      <c r="D136" s="70"/>
      <c r="E136" s="70"/>
      <c r="F136" s="70"/>
      <c r="G136" s="70"/>
      <c r="H136" s="70"/>
      <c r="I136" s="70"/>
      <c r="J136" s="70"/>
      <c r="K136" s="70"/>
      <c r="L136" s="70"/>
    </row>
    <row r="137" spans="3:12" x14ac:dyDescent="0.2">
      <c r="C137" s="70"/>
      <c r="D137" s="70"/>
      <c r="E137" s="70"/>
      <c r="F137" s="70"/>
      <c r="G137" s="70"/>
      <c r="H137" s="70"/>
      <c r="I137" s="70"/>
      <c r="J137" s="70"/>
      <c r="K137" s="70"/>
      <c r="L137" s="70"/>
    </row>
    <row r="138" spans="3:12" x14ac:dyDescent="0.2">
      <c r="C138" s="70"/>
      <c r="D138" s="70"/>
      <c r="E138" s="70"/>
      <c r="F138" s="70"/>
      <c r="G138" s="70"/>
      <c r="H138" s="70"/>
      <c r="I138" s="70"/>
      <c r="J138" s="70"/>
      <c r="K138" s="70"/>
      <c r="L138" s="70"/>
    </row>
    <row r="139" spans="3:12" x14ac:dyDescent="0.2">
      <c r="C139" s="70"/>
      <c r="D139" s="70"/>
      <c r="E139" s="70"/>
      <c r="F139" s="70"/>
      <c r="G139" s="70"/>
      <c r="H139" s="70"/>
      <c r="I139" s="70"/>
      <c r="J139" s="70"/>
      <c r="K139" s="70"/>
      <c r="L139" s="70"/>
    </row>
    <row r="140" spans="3:12" x14ac:dyDescent="0.2">
      <c r="C140" s="70"/>
      <c r="D140" s="70"/>
      <c r="E140" s="70"/>
      <c r="F140" s="70"/>
      <c r="G140" s="70"/>
      <c r="H140" s="70"/>
      <c r="I140" s="70"/>
      <c r="J140" s="70"/>
      <c r="K140" s="70"/>
      <c r="L140" s="70"/>
    </row>
    <row r="141" spans="3:12" x14ac:dyDescent="0.2">
      <c r="C141" s="70"/>
      <c r="D141" s="70"/>
      <c r="E141" s="70"/>
      <c r="F141" s="70"/>
      <c r="G141" s="70"/>
      <c r="H141" s="70"/>
      <c r="I141" s="70"/>
      <c r="J141" s="70"/>
      <c r="K141" s="70"/>
      <c r="L141" s="70"/>
    </row>
    <row r="142" spans="3:12" x14ac:dyDescent="0.2">
      <c r="C142" s="70"/>
      <c r="D142" s="70"/>
      <c r="E142" s="70"/>
      <c r="F142" s="70"/>
      <c r="G142" s="70"/>
      <c r="H142" s="70"/>
      <c r="I142" s="70"/>
      <c r="J142" s="70"/>
      <c r="K142" s="70"/>
      <c r="L142" s="70"/>
    </row>
    <row r="143" spans="3:12" x14ac:dyDescent="0.2">
      <c r="C143" s="70"/>
      <c r="D143" s="70"/>
      <c r="E143" s="70"/>
      <c r="F143" s="70"/>
      <c r="G143" s="70"/>
      <c r="H143" s="70"/>
      <c r="I143" s="70"/>
      <c r="J143" s="70"/>
      <c r="K143" s="70"/>
      <c r="L143" s="70"/>
    </row>
    <row r="144" spans="3:12" x14ac:dyDescent="0.2">
      <c r="C144" s="70"/>
      <c r="D144" s="70"/>
      <c r="E144" s="70"/>
      <c r="F144" s="70"/>
      <c r="G144" s="70"/>
      <c r="H144" s="70"/>
      <c r="I144" s="70"/>
      <c r="J144" s="70"/>
      <c r="K144" s="70"/>
      <c r="L144" s="70"/>
    </row>
    <row r="145" spans="3:12" x14ac:dyDescent="0.2">
      <c r="C145" s="70"/>
      <c r="D145" s="70"/>
      <c r="E145" s="70"/>
      <c r="F145" s="70"/>
      <c r="G145" s="70"/>
      <c r="H145" s="70"/>
      <c r="I145" s="70"/>
      <c r="J145" s="70"/>
      <c r="K145" s="70"/>
      <c r="L145" s="70"/>
    </row>
    <row r="146" spans="3:12" x14ac:dyDescent="0.2">
      <c r="C146" s="70"/>
      <c r="D146" s="70"/>
      <c r="E146" s="70"/>
      <c r="F146" s="70"/>
      <c r="G146" s="70"/>
      <c r="H146" s="70"/>
      <c r="I146" s="70"/>
      <c r="J146" s="70"/>
      <c r="K146" s="70"/>
      <c r="L146" s="70"/>
    </row>
    <row r="147" spans="3:12" x14ac:dyDescent="0.2">
      <c r="C147" s="70"/>
      <c r="D147" s="70"/>
      <c r="E147" s="70"/>
      <c r="F147" s="70"/>
      <c r="G147" s="70"/>
      <c r="H147" s="70"/>
      <c r="I147" s="70"/>
      <c r="J147" s="70"/>
      <c r="K147" s="70"/>
      <c r="L147" s="70"/>
    </row>
    <row r="148" spans="3:12" x14ac:dyDescent="0.2">
      <c r="C148" s="70"/>
      <c r="D148" s="70"/>
      <c r="E148" s="70"/>
      <c r="F148" s="70"/>
      <c r="G148" s="70"/>
      <c r="H148" s="70"/>
      <c r="I148" s="70"/>
      <c r="J148" s="70"/>
      <c r="K148" s="70"/>
      <c r="L148" s="70"/>
    </row>
    <row r="149" spans="3:12" x14ac:dyDescent="0.2">
      <c r="C149" s="70"/>
      <c r="D149" s="70"/>
      <c r="E149" s="70"/>
      <c r="F149" s="70"/>
      <c r="G149" s="70"/>
      <c r="H149" s="70"/>
      <c r="I149" s="70"/>
      <c r="J149" s="70"/>
      <c r="K149" s="70"/>
      <c r="L149" s="70"/>
    </row>
    <row r="150" spans="3:12" x14ac:dyDescent="0.2">
      <c r="C150" s="70"/>
      <c r="D150" s="70"/>
      <c r="E150" s="70"/>
      <c r="F150" s="70"/>
      <c r="G150" s="70"/>
      <c r="H150" s="70"/>
      <c r="I150" s="70"/>
      <c r="J150" s="70"/>
      <c r="K150" s="70"/>
      <c r="L150" s="70"/>
    </row>
    <row r="151" spans="3:12" x14ac:dyDescent="0.2">
      <c r="C151" s="70"/>
      <c r="D151" s="70"/>
      <c r="E151" s="70"/>
      <c r="F151" s="70"/>
      <c r="G151" s="70"/>
      <c r="H151" s="70"/>
      <c r="I151" s="70"/>
      <c r="J151" s="70"/>
      <c r="K151" s="70"/>
      <c r="L151" s="70"/>
    </row>
    <row r="152" spans="3:12" x14ac:dyDescent="0.2">
      <c r="C152" s="70"/>
      <c r="D152" s="70"/>
      <c r="E152" s="70"/>
      <c r="F152" s="70"/>
      <c r="G152" s="70"/>
      <c r="H152" s="70"/>
      <c r="I152" s="70"/>
      <c r="J152" s="70"/>
      <c r="K152" s="70"/>
      <c r="L152" s="70"/>
    </row>
    <row r="153" spans="3:12" x14ac:dyDescent="0.2">
      <c r="C153" s="70"/>
      <c r="D153" s="70"/>
      <c r="E153" s="70"/>
      <c r="F153" s="70"/>
      <c r="G153" s="70"/>
      <c r="H153" s="70"/>
      <c r="I153" s="70"/>
      <c r="J153" s="70"/>
      <c r="K153" s="70"/>
      <c r="L153" s="70"/>
    </row>
    <row r="154" spans="3:12" x14ac:dyDescent="0.2">
      <c r="C154" s="70"/>
      <c r="D154" s="70"/>
      <c r="E154" s="70"/>
      <c r="F154" s="70"/>
      <c r="G154" s="70"/>
      <c r="H154" s="70"/>
      <c r="I154" s="70"/>
      <c r="J154" s="70"/>
      <c r="K154" s="70"/>
      <c r="L154" s="70"/>
    </row>
    <row r="155" spans="3:12" x14ac:dyDescent="0.2">
      <c r="C155" s="70"/>
      <c r="D155" s="70"/>
      <c r="E155" s="70"/>
      <c r="F155" s="70"/>
      <c r="G155" s="70"/>
      <c r="H155" s="70"/>
      <c r="I155" s="70"/>
      <c r="J155" s="70"/>
      <c r="K155" s="70"/>
      <c r="L155" s="70"/>
    </row>
    <row r="156" spans="3:12" x14ac:dyDescent="0.2">
      <c r="C156" s="70"/>
      <c r="D156" s="70"/>
      <c r="E156" s="70"/>
      <c r="F156" s="70"/>
      <c r="G156" s="70"/>
      <c r="H156" s="70"/>
      <c r="I156" s="70"/>
      <c r="J156" s="70"/>
      <c r="K156" s="70"/>
      <c r="L156" s="70"/>
    </row>
    <row r="157" spans="3:12" x14ac:dyDescent="0.2">
      <c r="C157" s="70"/>
      <c r="D157" s="70"/>
      <c r="E157" s="70"/>
      <c r="F157" s="70"/>
      <c r="G157" s="70"/>
      <c r="H157" s="70"/>
      <c r="I157" s="70"/>
      <c r="J157" s="70"/>
      <c r="K157" s="70"/>
      <c r="L157" s="70"/>
    </row>
    <row r="158" spans="3:12" x14ac:dyDescent="0.2">
      <c r="C158" s="70"/>
      <c r="D158" s="70"/>
      <c r="E158" s="70"/>
      <c r="F158" s="70"/>
      <c r="G158" s="70"/>
      <c r="H158" s="70"/>
      <c r="I158" s="70"/>
      <c r="J158" s="70"/>
      <c r="K158" s="70"/>
      <c r="L158" s="70"/>
    </row>
    <row r="159" spans="3:12" x14ac:dyDescent="0.2">
      <c r="C159" s="70"/>
      <c r="D159" s="70"/>
      <c r="E159" s="70"/>
      <c r="F159" s="70"/>
      <c r="G159" s="70"/>
      <c r="H159" s="70"/>
      <c r="I159" s="70"/>
      <c r="J159" s="70"/>
      <c r="K159" s="70"/>
      <c r="L159" s="70"/>
    </row>
    <row r="160" spans="3:12" x14ac:dyDescent="0.2">
      <c r="C160" s="70"/>
      <c r="D160" s="70"/>
      <c r="E160" s="70"/>
      <c r="F160" s="70"/>
      <c r="G160" s="70"/>
      <c r="H160" s="70"/>
      <c r="I160" s="70"/>
      <c r="J160" s="70"/>
      <c r="K160" s="70"/>
      <c r="L160" s="70"/>
    </row>
    <row r="161" spans="3:12" x14ac:dyDescent="0.2">
      <c r="C161" s="70"/>
      <c r="D161" s="70"/>
      <c r="E161" s="70"/>
      <c r="F161" s="70"/>
      <c r="G161" s="70"/>
      <c r="H161" s="70"/>
      <c r="I161" s="70"/>
      <c r="J161" s="70"/>
      <c r="K161" s="70"/>
      <c r="L161" s="70"/>
    </row>
    <row r="162" spans="3:12" x14ac:dyDescent="0.2">
      <c r="C162" s="70"/>
      <c r="D162" s="70"/>
      <c r="E162" s="70"/>
      <c r="F162" s="70"/>
      <c r="G162" s="70"/>
      <c r="H162" s="70"/>
      <c r="I162" s="70"/>
      <c r="J162" s="70"/>
      <c r="K162" s="70"/>
      <c r="L162" s="70"/>
    </row>
    <row r="163" spans="3:12" x14ac:dyDescent="0.2">
      <c r="C163" s="70"/>
      <c r="D163" s="70"/>
      <c r="E163" s="70"/>
      <c r="F163" s="70"/>
      <c r="G163" s="70"/>
      <c r="H163" s="70"/>
      <c r="I163" s="70"/>
      <c r="J163" s="70"/>
      <c r="K163" s="70"/>
      <c r="L163" s="70"/>
    </row>
    <row r="164" spans="3:12" x14ac:dyDescent="0.2">
      <c r="C164" s="70"/>
      <c r="D164" s="70"/>
      <c r="E164" s="70"/>
      <c r="F164" s="70"/>
      <c r="G164" s="70"/>
      <c r="H164" s="70"/>
      <c r="I164" s="70"/>
      <c r="J164" s="70"/>
      <c r="K164" s="70"/>
      <c r="L164" s="70"/>
    </row>
    <row r="165" spans="3:12" x14ac:dyDescent="0.2">
      <c r="C165" s="70"/>
      <c r="D165" s="70"/>
      <c r="E165" s="70"/>
      <c r="F165" s="70"/>
      <c r="G165" s="70"/>
      <c r="H165" s="70"/>
      <c r="I165" s="70"/>
      <c r="J165" s="70"/>
      <c r="K165" s="70"/>
      <c r="L165" s="70"/>
    </row>
    <row r="166" spans="3:12" x14ac:dyDescent="0.2">
      <c r="C166" s="70"/>
      <c r="D166" s="70"/>
      <c r="E166" s="70"/>
      <c r="F166" s="70"/>
      <c r="G166" s="70"/>
      <c r="H166" s="70"/>
      <c r="I166" s="70"/>
      <c r="J166" s="70"/>
      <c r="K166" s="70"/>
      <c r="L166" s="70"/>
    </row>
    <row r="167" spans="3:12" x14ac:dyDescent="0.2">
      <c r="C167" s="70"/>
      <c r="D167" s="70"/>
      <c r="E167" s="70"/>
      <c r="F167" s="70"/>
      <c r="G167" s="70"/>
      <c r="H167" s="70"/>
      <c r="I167" s="70"/>
      <c r="J167" s="70"/>
      <c r="K167" s="70"/>
      <c r="L167" s="70"/>
    </row>
    <row r="168" spans="3:12" x14ac:dyDescent="0.2">
      <c r="C168" s="70"/>
      <c r="D168" s="70"/>
      <c r="E168" s="70"/>
      <c r="F168" s="70"/>
      <c r="G168" s="70"/>
      <c r="H168" s="70"/>
      <c r="I168" s="70"/>
      <c r="J168" s="70"/>
      <c r="K168" s="70"/>
      <c r="L168" s="70"/>
    </row>
    <row r="169" spans="3:12" x14ac:dyDescent="0.2">
      <c r="C169" s="70"/>
      <c r="D169" s="70"/>
      <c r="E169" s="70"/>
      <c r="F169" s="70"/>
      <c r="G169" s="70"/>
      <c r="H169" s="70"/>
      <c r="I169" s="70"/>
      <c r="J169" s="70"/>
      <c r="K169" s="70"/>
      <c r="L169" s="70"/>
    </row>
    <row r="170" spans="3:12" x14ac:dyDescent="0.2">
      <c r="C170" s="70"/>
      <c r="D170" s="70"/>
      <c r="E170" s="70"/>
      <c r="F170" s="70"/>
      <c r="G170" s="70"/>
      <c r="H170" s="70"/>
      <c r="I170" s="70"/>
      <c r="J170" s="70"/>
      <c r="K170" s="70"/>
      <c r="L170" s="70"/>
    </row>
    <row r="171" spans="3:12" x14ac:dyDescent="0.2">
      <c r="C171" s="70"/>
      <c r="D171" s="70"/>
      <c r="E171" s="70"/>
      <c r="F171" s="70"/>
      <c r="G171" s="70"/>
      <c r="H171" s="70"/>
      <c r="I171" s="70"/>
      <c r="J171" s="70"/>
      <c r="K171" s="70"/>
      <c r="L171" s="70"/>
    </row>
    <row r="172" spans="3:12" x14ac:dyDescent="0.2">
      <c r="C172" s="70"/>
      <c r="D172" s="70"/>
      <c r="E172" s="70"/>
      <c r="F172" s="70"/>
      <c r="G172" s="70"/>
      <c r="H172" s="70"/>
      <c r="I172" s="70"/>
      <c r="J172" s="70"/>
      <c r="K172" s="70"/>
      <c r="L172" s="70"/>
    </row>
    <row r="173" spans="3:12" x14ac:dyDescent="0.2">
      <c r="C173" s="70"/>
      <c r="D173" s="70"/>
      <c r="E173" s="70"/>
      <c r="F173" s="70"/>
      <c r="G173" s="70"/>
      <c r="H173" s="70"/>
      <c r="I173" s="70"/>
      <c r="J173" s="70"/>
      <c r="K173" s="70"/>
      <c r="L173" s="70"/>
    </row>
    <row r="174" spans="3:12" x14ac:dyDescent="0.2">
      <c r="C174" s="70"/>
      <c r="D174" s="70"/>
      <c r="E174" s="70"/>
      <c r="F174" s="70"/>
      <c r="G174" s="70"/>
      <c r="H174" s="70"/>
      <c r="I174" s="70"/>
      <c r="J174" s="70"/>
      <c r="K174" s="70"/>
      <c r="L174" s="70"/>
    </row>
    <row r="175" spans="3:12" x14ac:dyDescent="0.2">
      <c r="C175" s="70"/>
      <c r="D175" s="70"/>
      <c r="E175" s="70"/>
      <c r="F175" s="70"/>
      <c r="G175" s="70"/>
      <c r="H175" s="70"/>
      <c r="I175" s="70"/>
      <c r="J175" s="70"/>
      <c r="K175" s="70"/>
      <c r="L175" s="70"/>
    </row>
    <row r="176" spans="3:12" x14ac:dyDescent="0.2">
      <c r="C176" s="70"/>
      <c r="D176" s="70"/>
      <c r="E176" s="70"/>
      <c r="F176" s="70"/>
      <c r="G176" s="70"/>
      <c r="H176" s="70"/>
      <c r="I176" s="70"/>
      <c r="J176" s="70"/>
      <c r="K176" s="70"/>
      <c r="L176" s="70"/>
    </row>
    <row r="177" spans="3:12" x14ac:dyDescent="0.2">
      <c r="C177" s="70"/>
      <c r="D177" s="70"/>
      <c r="E177" s="70"/>
      <c r="F177" s="70"/>
      <c r="G177" s="70"/>
      <c r="H177" s="70"/>
      <c r="I177" s="70"/>
      <c r="J177" s="70"/>
      <c r="K177" s="70"/>
      <c r="L177" s="70"/>
    </row>
    <row r="178" spans="3:12" x14ac:dyDescent="0.2">
      <c r="C178" s="70"/>
      <c r="D178" s="70"/>
      <c r="E178" s="70"/>
      <c r="F178" s="70"/>
      <c r="G178" s="70"/>
      <c r="H178" s="70"/>
      <c r="I178" s="70"/>
      <c r="J178" s="70"/>
      <c r="K178" s="70"/>
      <c r="L178" s="70"/>
    </row>
    <row r="179" spans="3:12" x14ac:dyDescent="0.2">
      <c r="C179" s="70"/>
      <c r="D179" s="70"/>
      <c r="E179" s="70"/>
      <c r="F179" s="70"/>
      <c r="G179" s="70"/>
      <c r="H179" s="70"/>
      <c r="I179" s="70"/>
      <c r="J179" s="70"/>
      <c r="K179" s="70"/>
      <c r="L179" s="70"/>
    </row>
    <row r="180" spans="3:12" x14ac:dyDescent="0.2">
      <c r="C180" s="70"/>
      <c r="D180" s="70"/>
      <c r="E180" s="70"/>
      <c r="F180" s="70"/>
      <c r="G180" s="70"/>
      <c r="H180" s="70"/>
      <c r="I180" s="70"/>
      <c r="J180" s="70"/>
      <c r="K180" s="70"/>
      <c r="L180" s="70"/>
    </row>
    <row r="181" spans="3:12" x14ac:dyDescent="0.2">
      <c r="C181" s="70"/>
      <c r="D181" s="70"/>
      <c r="E181" s="70"/>
      <c r="F181" s="70"/>
      <c r="G181" s="70"/>
      <c r="H181" s="70"/>
      <c r="I181" s="70"/>
      <c r="J181" s="70"/>
      <c r="K181" s="70"/>
      <c r="L181" s="70"/>
    </row>
    <row r="182" spans="3:12" x14ac:dyDescent="0.2">
      <c r="C182" s="70"/>
      <c r="D182" s="70"/>
      <c r="E182" s="70"/>
      <c r="F182" s="70"/>
      <c r="G182" s="70"/>
      <c r="H182" s="70"/>
      <c r="I182" s="70"/>
      <c r="J182" s="70"/>
      <c r="K182" s="70"/>
      <c r="L182" s="70"/>
    </row>
    <row r="183" spans="3:12" x14ac:dyDescent="0.2">
      <c r="C183" s="70"/>
      <c r="D183" s="70"/>
      <c r="E183" s="70"/>
      <c r="F183" s="70"/>
      <c r="G183" s="70"/>
      <c r="H183" s="70"/>
      <c r="I183" s="70"/>
      <c r="J183" s="70"/>
      <c r="K183" s="70"/>
      <c r="L183" s="70"/>
    </row>
    <row r="184" spans="3:12" x14ac:dyDescent="0.2">
      <c r="C184" s="70"/>
      <c r="D184" s="70"/>
      <c r="E184" s="70"/>
      <c r="F184" s="70"/>
      <c r="G184" s="70"/>
      <c r="H184" s="70"/>
      <c r="I184" s="70"/>
      <c r="J184" s="70"/>
      <c r="K184" s="70"/>
      <c r="L184" s="70"/>
    </row>
    <row r="185" spans="3:12" x14ac:dyDescent="0.2">
      <c r="C185" s="70"/>
      <c r="D185" s="70"/>
      <c r="E185" s="70"/>
      <c r="F185" s="70"/>
      <c r="G185" s="70"/>
      <c r="H185" s="70"/>
      <c r="I185" s="70"/>
      <c r="J185" s="70"/>
      <c r="K185" s="70"/>
      <c r="L185" s="70"/>
    </row>
    <row r="186" spans="3:12" x14ac:dyDescent="0.2">
      <c r="C186" s="70"/>
      <c r="D186" s="70"/>
      <c r="E186" s="70"/>
      <c r="F186" s="70"/>
      <c r="G186" s="70"/>
      <c r="H186" s="70"/>
      <c r="I186" s="70"/>
      <c r="J186" s="70"/>
      <c r="K186" s="70"/>
      <c r="L186" s="70"/>
    </row>
    <row r="187" spans="3:12" x14ac:dyDescent="0.2">
      <c r="C187" s="70"/>
      <c r="D187" s="70"/>
      <c r="E187" s="70"/>
      <c r="F187" s="70"/>
      <c r="G187" s="70"/>
      <c r="H187" s="70"/>
      <c r="I187" s="70"/>
      <c r="J187" s="70"/>
      <c r="K187" s="70"/>
      <c r="L187" s="70"/>
    </row>
    <row r="188" spans="3:12" x14ac:dyDescent="0.2">
      <c r="C188" s="70"/>
      <c r="D188" s="70"/>
      <c r="E188" s="70"/>
      <c r="F188" s="70"/>
      <c r="G188" s="70"/>
      <c r="H188" s="70"/>
      <c r="I188" s="70"/>
      <c r="J188" s="70"/>
      <c r="K188" s="70"/>
      <c r="L188" s="70"/>
    </row>
    <row r="189" spans="3:12" x14ac:dyDescent="0.2">
      <c r="C189" s="70"/>
      <c r="D189" s="70"/>
      <c r="E189" s="70"/>
      <c r="F189" s="70"/>
      <c r="G189" s="70"/>
      <c r="H189" s="70"/>
      <c r="I189" s="70"/>
      <c r="J189" s="70"/>
      <c r="K189" s="70"/>
      <c r="L189" s="70"/>
    </row>
    <row r="190" spans="3:12" x14ac:dyDescent="0.2">
      <c r="C190" s="70"/>
      <c r="D190" s="70"/>
      <c r="E190" s="70"/>
      <c r="F190" s="70"/>
      <c r="G190" s="70"/>
      <c r="H190" s="70"/>
      <c r="I190" s="70"/>
      <c r="J190" s="70"/>
      <c r="K190" s="70"/>
      <c r="L190" s="70"/>
    </row>
    <row r="191" spans="3:12" x14ac:dyDescent="0.2">
      <c r="C191" s="70"/>
      <c r="D191" s="70"/>
      <c r="E191" s="70"/>
      <c r="F191" s="70"/>
      <c r="G191" s="70"/>
      <c r="H191" s="70"/>
      <c r="I191" s="70"/>
      <c r="J191" s="70"/>
      <c r="K191" s="70"/>
      <c r="L191" s="70"/>
    </row>
    <row r="192" spans="3:12" x14ac:dyDescent="0.2">
      <c r="C192" s="70"/>
      <c r="D192" s="70"/>
      <c r="E192" s="70"/>
      <c r="F192" s="70"/>
      <c r="G192" s="70"/>
      <c r="H192" s="70"/>
      <c r="I192" s="70"/>
      <c r="J192" s="70"/>
      <c r="K192" s="70"/>
      <c r="L192" s="70"/>
    </row>
    <row r="193" spans="3:12" x14ac:dyDescent="0.2">
      <c r="C193" s="70"/>
      <c r="D193" s="70"/>
      <c r="E193" s="70"/>
      <c r="F193" s="70"/>
      <c r="G193" s="70"/>
      <c r="H193" s="70"/>
      <c r="I193" s="70"/>
      <c r="J193" s="70"/>
      <c r="K193" s="70"/>
      <c r="L193" s="70"/>
    </row>
    <row r="194" spans="3:12" x14ac:dyDescent="0.2">
      <c r="C194" s="70"/>
      <c r="D194" s="70"/>
      <c r="E194" s="70"/>
      <c r="F194" s="70"/>
      <c r="G194" s="70"/>
      <c r="H194" s="70"/>
      <c r="I194" s="70"/>
      <c r="J194" s="70"/>
      <c r="K194" s="70"/>
      <c r="L194" s="70"/>
    </row>
    <row r="195" spans="3:12" x14ac:dyDescent="0.2">
      <c r="C195" s="70"/>
      <c r="D195" s="70"/>
      <c r="E195" s="70"/>
      <c r="F195" s="70"/>
      <c r="G195" s="70"/>
      <c r="H195" s="70"/>
      <c r="I195" s="70"/>
      <c r="J195" s="70"/>
      <c r="K195" s="70"/>
      <c r="L195" s="70"/>
    </row>
    <row r="196" spans="3:12" x14ac:dyDescent="0.2">
      <c r="C196" s="70"/>
      <c r="D196" s="70"/>
      <c r="E196" s="70"/>
      <c r="F196" s="70"/>
      <c r="G196" s="70"/>
      <c r="H196" s="70"/>
      <c r="I196" s="70"/>
      <c r="J196" s="70"/>
      <c r="K196" s="70"/>
      <c r="L196" s="70"/>
    </row>
    <row r="197" spans="3:12" x14ac:dyDescent="0.2">
      <c r="C197" s="70"/>
      <c r="D197" s="70"/>
      <c r="E197" s="70"/>
      <c r="F197" s="70"/>
      <c r="G197" s="70"/>
      <c r="H197" s="70"/>
      <c r="I197" s="70"/>
      <c r="J197" s="70"/>
      <c r="K197" s="70"/>
      <c r="L197" s="70"/>
    </row>
    <row r="198" spans="3:12" x14ac:dyDescent="0.2">
      <c r="C198" s="70"/>
      <c r="D198" s="70"/>
      <c r="E198" s="70"/>
      <c r="F198" s="70"/>
      <c r="G198" s="70"/>
      <c r="H198" s="70"/>
      <c r="I198" s="70"/>
      <c r="J198" s="70"/>
      <c r="K198" s="70"/>
      <c r="L198" s="70"/>
    </row>
    <row r="199" spans="3:12" x14ac:dyDescent="0.2">
      <c r="C199" s="70"/>
      <c r="D199" s="70"/>
      <c r="E199" s="70"/>
      <c r="F199" s="70"/>
      <c r="G199" s="70"/>
      <c r="H199" s="70"/>
      <c r="I199" s="70"/>
      <c r="J199" s="70"/>
      <c r="K199" s="70"/>
      <c r="L199" s="70"/>
    </row>
    <row r="200" spans="3:12" x14ac:dyDescent="0.2">
      <c r="C200" s="70"/>
      <c r="D200" s="70"/>
      <c r="E200" s="70"/>
      <c r="F200" s="70"/>
      <c r="G200" s="70"/>
      <c r="H200" s="70"/>
      <c r="I200" s="70"/>
      <c r="J200" s="70"/>
      <c r="K200" s="70"/>
      <c r="L200" s="70"/>
    </row>
    <row r="201" spans="3:12" x14ac:dyDescent="0.2">
      <c r="C201" s="70"/>
      <c r="D201" s="70"/>
      <c r="E201" s="70"/>
      <c r="F201" s="70"/>
      <c r="G201" s="70"/>
      <c r="H201" s="70"/>
      <c r="I201" s="70"/>
      <c r="J201" s="70"/>
      <c r="K201" s="70"/>
      <c r="L201" s="70"/>
    </row>
    <row r="202" spans="3:12" x14ac:dyDescent="0.2">
      <c r="C202" s="70"/>
      <c r="D202" s="70"/>
      <c r="E202" s="70"/>
      <c r="F202" s="70"/>
      <c r="G202" s="70"/>
      <c r="H202" s="70"/>
      <c r="I202" s="70"/>
      <c r="J202" s="70"/>
      <c r="K202" s="70"/>
      <c r="L202" s="70"/>
    </row>
    <row r="203" spans="3:12" x14ac:dyDescent="0.2">
      <c r="C203" s="70"/>
      <c r="D203" s="70"/>
      <c r="E203" s="70"/>
      <c r="F203" s="70"/>
      <c r="G203" s="70"/>
      <c r="H203" s="70"/>
      <c r="I203" s="70"/>
      <c r="J203" s="70"/>
      <c r="K203" s="70"/>
      <c r="L203" s="70"/>
    </row>
    <row r="204" spans="3:12" x14ac:dyDescent="0.2">
      <c r="C204" s="70"/>
      <c r="D204" s="70"/>
      <c r="E204" s="70"/>
      <c r="F204" s="70"/>
      <c r="G204" s="70"/>
      <c r="H204" s="70"/>
      <c r="I204" s="70"/>
      <c r="J204" s="70"/>
      <c r="K204" s="70"/>
      <c r="L204" s="70"/>
    </row>
    <row r="205" spans="3:12" x14ac:dyDescent="0.2">
      <c r="C205" s="70"/>
      <c r="D205" s="70"/>
      <c r="E205" s="70"/>
      <c r="F205" s="70"/>
      <c r="G205" s="70"/>
      <c r="H205" s="70"/>
      <c r="I205" s="70"/>
      <c r="J205" s="70"/>
      <c r="K205" s="70"/>
      <c r="L205" s="70"/>
    </row>
    <row r="206" spans="3:12" x14ac:dyDescent="0.2">
      <c r="C206" s="70"/>
      <c r="D206" s="70"/>
      <c r="E206" s="70"/>
      <c r="F206" s="70"/>
      <c r="G206" s="70"/>
      <c r="H206" s="70"/>
      <c r="I206" s="70"/>
      <c r="J206" s="70"/>
      <c r="K206" s="70"/>
      <c r="L206" s="70"/>
    </row>
    <row r="207" spans="3:12" x14ac:dyDescent="0.2">
      <c r="C207" s="70"/>
      <c r="D207" s="70"/>
      <c r="E207" s="70"/>
      <c r="F207" s="70"/>
      <c r="G207" s="70"/>
      <c r="H207" s="70"/>
      <c r="I207" s="70"/>
      <c r="J207" s="70"/>
      <c r="K207" s="70"/>
      <c r="L207" s="70"/>
    </row>
    <row r="208" spans="3:12" x14ac:dyDescent="0.2">
      <c r="C208" s="70"/>
      <c r="D208" s="70"/>
      <c r="E208" s="70"/>
      <c r="F208" s="70"/>
      <c r="G208" s="70"/>
      <c r="H208" s="70"/>
      <c r="I208" s="70"/>
      <c r="J208" s="70"/>
      <c r="K208" s="70"/>
      <c r="L208" s="70"/>
    </row>
    <row r="209" spans="3:12" x14ac:dyDescent="0.2">
      <c r="C209" s="70"/>
      <c r="D209" s="70"/>
      <c r="E209" s="70"/>
      <c r="F209" s="70"/>
      <c r="G209" s="70"/>
      <c r="H209" s="70"/>
      <c r="I209" s="70"/>
      <c r="J209" s="70"/>
      <c r="K209" s="70"/>
      <c r="L209" s="70"/>
    </row>
    <row r="210" spans="3:12" x14ac:dyDescent="0.2">
      <c r="C210" s="70"/>
      <c r="D210" s="70"/>
      <c r="E210" s="70"/>
      <c r="F210" s="70"/>
      <c r="G210" s="70"/>
      <c r="H210" s="70"/>
      <c r="I210" s="70"/>
      <c r="J210" s="70"/>
      <c r="K210" s="70"/>
      <c r="L210" s="70"/>
    </row>
    <row r="211" spans="3:12" x14ac:dyDescent="0.2">
      <c r="C211" s="70"/>
      <c r="D211" s="70"/>
      <c r="E211" s="70"/>
      <c r="F211" s="70"/>
      <c r="G211" s="70"/>
      <c r="H211" s="70"/>
      <c r="I211" s="70"/>
      <c r="J211" s="70"/>
      <c r="K211" s="70"/>
      <c r="L211" s="70"/>
    </row>
    <row r="212" spans="3:12" x14ac:dyDescent="0.2">
      <c r="C212" s="70"/>
      <c r="D212" s="70"/>
      <c r="E212" s="70"/>
      <c r="F212" s="70"/>
      <c r="G212" s="70"/>
      <c r="H212" s="70"/>
      <c r="I212" s="70"/>
      <c r="J212" s="70"/>
      <c r="K212" s="70"/>
      <c r="L212" s="70"/>
    </row>
    <row r="213" spans="3:12" x14ac:dyDescent="0.2">
      <c r="C213" s="70"/>
      <c r="D213" s="70"/>
      <c r="E213" s="70"/>
      <c r="F213" s="70"/>
      <c r="G213" s="70"/>
      <c r="H213" s="70"/>
      <c r="I213" s="70"/>
      <c r="J213" s="70"/>
      <c r="K213" s="70"/>
      <c r="L213" s="70"/>
    </row>
    <row r="214" spans="3:12" x14ac:dyDescent="0.2">
      <c r="C214" s="70"/>
      <c r="D214" s="70"/>
      <c r="E214" s="70"/>
      <c r="F214" s="70"/>
      <c r="G214" s="70"/>
      <c r="H214" s="70"/>
      <c r="I214" s="70"/>
      <c r="J214" s="70"/>
      <c r="K214" s="70"/>
      <c r="L214" s="70"/>
    </row>
    <row r="215" spans="3:12" x14ac:dyDescent="0.2">
      <c r="C215" s="70"/>
      <c r="D215" s="70"/>
      <c r="E215" s="70"/>
      <c r="F215" s="70"/>
      <c r="G215" s="70"/>
      <c r="H215" s="70"/>
      <c r="I215" s="70"/>
      <c r="J215" s="70"/>
      <c r="K215" s="70"/>
      <c r="L215" s="70"/>
    </row>
    <row r="216" spans="3:12" x14ac:dyDescent="0.2">
      <c r="C216" s="70"/>
      <c r="D216" s="70"/>
      <c r="E216" s="70"/>
      <c r="F216" s="70"/>
      <c r="G216" s="70"/>
      <c r="H216" s="70"/>
      <c r="I216" s="70"/>
      <c r="J216" s="70"/>
      <c r="K216" s="70"/>
      <c r="L216" s="70"/>
    </row>
    <row r="217" spans="3:12" x14ac:dyDescent="0.2">
      <c r="C217" s="70"/>
      <c r="D217" s="70"/>
      <c r="E217" s="70"/>
      <c r="F217" s="70"/>
      <c r="G217" s="70"/>
      <c r="H217" s="70"/>
      <c r="I217" s="70"/>
      <c r="J217" s="70"/>
      <c r="K217" s="70"/>
      <c r="L217" s="70"/>
    </row>
    <row r="218" spans="3:12" x14ac:dyDescent="0.2">
      <c r="C218" s="70"/>
      <c r="D218" s="70"/>
      <c r="E218" s="70"/>
      <c r="F218" s="70"/>
      <c r="G218" s="70"/>
      <c r="H218" s="70"/>
      <c r="I218" s="70"/>
      <c r="J218" s="70"/>
      <c r="K218" s="70"/>
      <c r="L218" s="70"/>
    </row>
  </sheetData>
  <mergeCells count="18">
    <mergeCell ref="AP4:AP5"/>
    <mergeCell ref="B3:B4"/>
    <mergeCell ref="C3:L3"/>
    <mergeCell ref="M3:V3"/>
    <mergeCell ref="W3:AF3"/>
    <mergeCell ref="AG3:AP3"/>
    <mergeCell ref="C4:E4"/>
    <mergeCell ref="F4:K4"/>
    <mergeCell ref="L4:L5"/>
    <mergeCell ref="M4:O4"/>
    <mergeCell ref="P4:U4"/>
    <mergeCell ref="V4:V5"/>
    <mergeCell ref="W4:Y4"/>
    <mergeCell ref="Z4:AE4"/>
    <mergeCell ref="AF4:AF5"/>
    <mergeCell ref="H1:I1"/>
    <mergeCell ref="AG4:AI4"/>
    <mergeCell ref="AJ4:AO4"/>
  </mergeCells>
  <phoneticPr fontId="4"/>
  <pageMargins left="0.39370078740157483" right="0.39370078740157483" top="0.27559055118110237" bottom="0.39370078740157483" header="0.19685039370078741" footer="0.19685039370078741"/>
  <pageSetup paperSize="9" scale="35" orientation="landscape" r:id="rId1"/>
  <headerFooter alignWithMargins="0">
    <oddFooter>&amp;L&amp;20&amp;A&amp;C&amp;P/&amp;N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OS43"/>
  <sheetViews>
    <sheetView zoomScaleNormal="100" workbookViewId="0">
      <pane xSplit="2" ySplit="9" topLeftCell="C10" activePane="bottomRight" state="frozen"/>
      <selection activeCell="F37" sqref="F37"/>
      <selection pane="topRight" activeCell="F37" sqref="F37"/>
      <selection pane="bottomLeft" activeCell="F37" sqref="F37"/>
      <selection pane="bottomRight" activeCell="C9" sqref="C9"/>
    </sheetView>
  </sheetViews>
  <sheetFormatPr defaultColWidth="8.21875" defaultRowHeight="13.2" x14ac:dyDescent="0.2"/>
  <cols>
    <col min="1" max="1" width="3.77734375" style="71" customWidth="1"/>
    <col min="2" max="2" width="9.77734375" style="71" customWidth="1"/>
    <col min="3" max="3" width="8.21875" style="71" customWidth="1"/>
    <col min="4" max="5" width="10" style="71" customWidth="1"/>
    <col min="6" max="6" width="7" style="71" customWidth="1"/>
    <col min="7" max="13" width="10.33203125" style="71" customWidth="1"/>
    <col min="14" max="16" width="8.88671875" style="71" customWidth="1"/>
    <col min="17" max="17" width="7.6640625" style="71" customWidth="1"/>
    <col min="18" max="24" width="10.6640625" style="71" customWidth="1"/>
    <col min="25" max="27" width="8.88671875" style="71" customWidth="1"/>
    <col min="28" max="28" width="7.6640625" style="71" customWidth="1"/>
    <col min="29" max="29" width="8.88671875" style="71" customWidth="1"/>
    <col min="30" max="30" width="10.44140625" style="71" customWidth="1"/>
    <col min="31" max="33" width="8.88671875" style="71" customWidth="1"/>
    <col min="34" max="35" width="10" style="71" customWidth="1"/>
    <col min="36" max="38" width="8.88671875" style="71" customWidth="1"/>
    <col min="39" max="39" width="7.77734375" style="71" customWidth="1"/>
    <col min="40" max="49" width="8.88671875" style="71" customWidth="1"/>
    <col min="50" max="50" width="7.77734375" style="71" customWidth="1"/>
    <col min="51" max="55" width="8.88671875" style="71" customWidth="1"/>
    <col min="56" max="57" width="10.33203125" style="71" customWidth="1"/>
    <col min="58" max="60" width="8.88671875" style="71" customWidth="1"/>
    <col min="61" max="61" width="8" style="71" customWidth="1"/>
    <col min="62" max="71" width="8.88671875" style="71" customWidth="1"/>
    <col min="72" max="72" width="7.44140625" style="71" customWidth="1"/>
    <col min="73" max="77" width="8.88671875" style="71" customWidth="1"/>
    <col min="78" max="78" width="11.77734375" style="71" customWidth="1"/>
    <col min="79" max="79" width="12" style="71" customWidth="1"/>
    <col min="80" max="82" width="8.88671875" style="247" customWidth="1"/>
    <col min="83" max="83" width="7.77734375" style="247" customWidth="1"/>
    <col min="84" max="90" width="9" style="247" customWidth="1"/>
    <col min="91" max="93" width="8.88671875" style="71" customWidth="1"/>
    <col min="94" max="94" width="7.44140625" style="71" customWidth="1"/>
    <col min="95" max="97" width="10.109375" style="71" customWidth="1"/>
    <col min="98" max="99" width="8.88671875" style="71" customWidth="1"/>
    <col min="100" max="101" width="10.21875" style="71" customWidth="1"/>
    <col min="102" max="104" width="8.88671875" style="71" customWidth="1"/>
    <col min="105" max="105" width="7.33203125" style="71" customWidth="1"/>
    <col min="106" max="110" width="8.88671875" style="71" customWidth="1"/>
    <col min="111" max="112" width="9.21875" style="71" customWidth="1"/>
    <col min="113" max="115" width="8.88671875" style="247" customWidth="1"/>
    <col min="116" max="116" width="7.33203125" style="247" customWidth="1"/>
    <col min="117" max="121" width="8.88671875" style="247" customWidth="1"/>
    <col min="122" max="123" width="9.6640625" style="247" customWidth="1"/>
    <col min="124" max="126" width="8.88671875" style="71" customWidth="1"/>
    <col min="127" max="127" width="7.77734375" style="71" customWidth="1"/>
    <col min="128" max="132" width="8.88671875" style="71" customWidth="1"/>
    <col min="133" max="134" width="9.33203125" style="71" customWidth="1"/>
    <col min="135" max="137" width="8.88671875" style="71" customWidth="1"/>
    <col min="138" max="138" width="7.44140625" style="71" customWidth="1"/>
    <col min="139" max="148" width="8.88671875" style="71" customWidth="1"/>
    <col min="149" max="149" width="7.21875" style="71" customWidth="1"/>
    <col min="150" max="159" width="8.88671875" style="71" customWidth="1"/>
    <col min="160" max="160" width="7.21875" style="71" customWidth="1"/>
    <col min="161" max="167" width="8.88671875" style="71" customWidth="1"/>
    <col min="168" max="170" width="8.88671875" style="247" customWidth="1"/>
    <col min="171" max="171" width="7.33203125" style="247" customWidth="1"/>
    <col min="172" max="176" width="8.88671875" style="247" customWidth="1"/>
    <col min="177" max="178" width="9.6640625" style="247" customWidth="1"/>
    <col min="179" max="181" width="8.88671875" style="71" customWidth="1"/>
    <col min="182" max="182" width="7.21875" style="71" customWidth="1"/>
    <col min="183" max="187" width="8.88671875" style="71" customWidth="1"/>
    <col min="188" max="189" width="9.44140625" style="71" customWidth="1"/>
    <col min="190" max="192" width="8.88671875" style="71" customWidth="1"/>
    <col min="193" max="193" width="7.77734375" style="71" customWidth="1"/>
    <col min="194" max="203" width="8.88671875" style="71" customWidth="1"/>
    <col min="204" max="204" width="7.44140625" style="71" customWidth="1"/>
    <col min="205" max="214" width="8.88671875" style="71" customWidth="1"/>
    <col min="215" max="215" width="7.33203125" style="71" customWidth="1"/>
    <col min="216" max="218" width="8.88671875" style="71" customWidth="1"/>
    <col min="219" max="219" width="10.44140625" style="71" customWidth="1"/>
    <col min="220" max="220" width="8.88671875" style="71" customWidth="1"/>
    <col min="221" max="222" width="9.6640625" style="71" customWidth="1"/>
    <col min="223" max="225" width="8.88671875" style="71" customWidth="1"/>
    <col min="226" max="226" width="7.6640625" style="71" customWidth="1"/>
    <col min="227" max="231" width="8.88671875" style="71" customWidth="1"/>
    <col min="232" max="233" width="10" style="71" customWidth="1"/>
    <col min="234" max="235" width="7.44140625" style="247" customWidth="1"/>
    <col min="236" max="236" width="9.33203125" style="247" customWidth="1"/>
    <col min="237" max="237" width="7.44140625" style="247" customWidth="1"/>
    <col min="238" max="244" width="10.109375" style="247" customWidth="1"/>
    <col min="245" max="247" width="10.109375" style="71" customWidth="1"/>
    <col min="248" max="248" width="7.109375" style="71" customWidth="1"/>
    <col min="249" max="258" width="10.109375" style="71" customWidth="1"/>
    <col min="259" max="259" width="7.33203125" style="71" customWidth="1"/>
    <col min="260" max="269" width="10.109375" style="71" customWidth="1"/>
    <col min="270" max="270" width="7.21875" style="71" customWidth="1"/>
    <col min="271" max="280" width="10.109375" style="71" customWidth="1"/>
    <col min="281" max="281" width="7.6640625" style="71" customWidth="1"/>
    <col min="282" max="291" width="10.109375" style="71" customWidth="1"/>
    <col min="292" max="292" width="6.33203125" style="71" customWidth="1"/>
    <col min="293" max="302" width="10.109375" style="71" customWidth="1"/>
    <col min="303" max="303" width="7.44140625" style="71" customWidth="1"/>
    <col min="304" max="310" width="10.109375" style="71" customWidth="1"/>
    <col min="311" max="313" width="10.109375" style="247" customWidth="1"/>
    <col min="314" max="314" width="7.109375" style="247" customWidth="1"/>
    <col min="315" max="324" width="10.109375" style="247" customWidth="1"/>
    <col min="325" max="325" width="7.44140625" style="247" customWidth="1"/>
    <col min="326" max="335" width="10.109375" style="247" customWidth="1"/>
    <col min="336" max="336" width="6.88671875" style="247" customWidth="1"/>
    <col min="337" max="343" width="10.109375" style="247" customWidth="1"/>
    <col min="344" max="346" width="10.109375" style="71" customWidth="1"/>
    <col min="347" max="347" width="7.21875" style="71" customWidth="1"/>
    <col min="348" max="357" width="10.109375" style="71" customWidth="1"/>
    <col min="358" max="358" width="7.21875" style="71" customWidth="1"/>
    <col min="359" max="368" width="10.109375" style="71" customWidth="1"/>
    <col min="369" max="369" width="7" style="71" customWidth="1"/>
    <col min="370" max="379" width="10.109375" style="71" customWidth="1"/>
    <col min="380" max="380" width="6.88671875" style="71" customWidth="1"/>
    <col min="381" max="385" width="10.109375" style="71" customWidth="1"/>
    <col min="386" max="387" width="10.33203125" style="71" customWidth="1"/>
    <col min="388" max="390" width="10.109375" style="71" customWidth="1"/>
    <col min="391" max="391" width="6.88671875" style="71" customWidth="1"/>
    <col min="392" max="396" width="10.109375" style="71" customWidth="1"/>
    <col min="397" max="398" width="10.33203125" style="71" customWidth="1"/>
    <col min="399" max="401" width="9.21875" style="71" customWidth="1"/>
    <col min="402" max="402" width="7" style="71" customWidth="1"/>
    <col min="403" max="404" width="9.21875" style="71" customWidth="1"/>
    <col min="405" max="405" width="10.44140625" style="71" customWidth="1"/>
    <col min="406" max="406" width="12.109375" style="71" customWidth="1"/>
    <col min="407" max="407" width="10.109375" style="71" customWidth="1"/>
    <col min="408" max="409" width="10.33203125" style="71" customWidth="1"/>
    <col min="410" max="16384" width="8.21875" style="71"/>
  </cols>
  <sheetData>
    <row r="1" spans="1:409" ht="24" customHeight="1" x14ac:dyDescent="0.2">
      <c r="B1" s="10" t="s">
        <v>142</v>
      </c>
      <c r="E1" s="63">
        <f>第１表!F2</f>
        <v>7</v>
      </c>
      <c r="F1" s="419">
        <f>第１表!G2</f>
        <v>2</v>
      </c>
      <c r="G1" s="531">
        <f>IF(F1&lt;3,F1-2+12,F1-2)</f>
        <v>12</v>
      </c>
      <c r="H1" s="531"/>
      <c r="IB1" s="42"/>
      <c r="IC1" s="22"/>
      <c r="ID1" s="542"/>
      <c r="IE1" s="542"/>
    </row>
    <row r="2" spans="1:409" ht="24" customHeight="1" x14ac:dyDescent="0.2">
      <c r="B2" s="10" t="s">
        <v>143</v>
      </c>
      <c r="E2" s="19"/>
      <c r="F2" s="20"/>
      <c r="G2" s="542"/>
      <c r="H2" s="542"/>
      <c r="IB2" s="21"/>
      <c r="IC2" s="22"/>
      <c r="ID2" s="248"/>
      <c r="IE2" s="248"/>
    </row>
    <row r="3" spans="1:409" ht="24" customHeight="1" thickBot="1" x14ac:dyDescent="0.25">
      <c r="B3" s="10" t="s">
        <v>144</v>
      </c>
    </row>
    <row r="4" spans="1:409" ht="21" customHeight="1" thickBot="1" x14ac:dyDescent="0.25">
      <c r="B4" s="547" t="s">
        <v>42</v>
      </c>
      <c r="C4" s="550" t="s">
        <v>63</v>
      </c>
      <c r="D4" s="550"/>
      <c r="E4" s="550"/>
      <c r="F4" s="550"/>
      <c r="G4" s="550"/>
      <c r="H4" s="550"/>
      <c r="I4" s="550"/>
      <c r="J4" s="550"/>
      <c r="K4" s="550"/>
      <c r="L4" s="550"/>
      <c r="M4" s="550"/>
      <c r="N4" s="508"/>
      <c r="O4" s="508"/>
      <c r="P4" s="508"/>
      <c r="Q4" s="508"/>
      <c r="R4" s="508"/>
      <c r="S4" s="508"/>
      <c r="T4" s="508"/>
      <c r="U4" s="508"/>
      <c r="V4" s="508"/>
      <c r="W4" s="508"/>
      <c r="X4" s="508"/>
      <c r="Y4" s="508"/>
      <c r="Z4" s="508"/>
      <c r="AA4" s="508"/>
      <c r="AB4" s="508"/>
      <c r="AC4" s="508"/>
      <c r="AD4" s="508"/>
      <c r="AE4" s="508"/>
      <c r="AF4" s="508"/>
      <c r="AG4" s="508"/>
      <c r="AH4" s="508"/>
      <c r="AI4" s="508"/>
      <c r="AJ4" s="508"/>
      <c r="AK4" s="508"/>
      <c r="AL4" s="508"/>
      <c r="AM4" s="508"/>
      <c r="AN4" s="508"/>
      <c r="AO4" s="508"/>
      <c r="AP4" s="508"/>
      <c r="AQ4" s="508"/>
      <c r="AR4" s="508"/>
      <c r="AS4" s="508"/>
      <c r="AT4" s="508"/>
      <c r="AU4" s="508"/>
      <c r="AV4" s="508"/>
      <c r="AW4" s="508"/>
      <c r="AX4" s="508"/>
      <c r="AY4" s="508"/>
      <c r="AZ4" s="508"/>
      <c r="BA4" s="508"/>
      <c r="BB4" s="508"/>
      <c r="BC4" s="508"/>
      <c r="BD4" s="508"/>
      <c r="BE4" s="508"/>
      <c r="BF4" s="508"/>
      <c r="BG4" s="508"/>
      <c r="BH4" s="508"/>
      <c r="BI4" s="508"/>
      <c r="BJ4" s="508"/>
      <c r="BK4" s="508"/>
      <c r="BL4" s="508"/>
      <c r="BM4" s="508"/>
      <c r="BN4" s="508"/>
      <c r="BO4" s="508"/>
      <c r="BP4" s="508"/>
      <c r="BQ4" s="508"/>
      <c r="BR4" s="508"/>
      <c r="BS4" s="508"/>
      <c r="BT4" s="508"/>
      <c r="BU4" s="508"/>
      <c r="BV4" s="508"/>
      <c r="BW4" s="508"/>
      <c r="BX4" s="508"/>
      <c r="BY4" s="508"/>
      <c r="BZ4" s="508"/>
      <c r="CA4" s="508"/>
      <c r="CB4" s="508"/>
      <c r="CC4" s="508"/>
      <c r="CD4" s="508"/>
      <c r="CE4" s="508"/>
      <c r="CF4" s="508"/>
      <c r="CG4" s="508"/>
      <c r="CH4" s="508"/>
      <c r="CI4" s="508"/>
      <c r="CJ4" s="508"/>
      <c r="CK4" s="508"/>
      <c r="CL4" s="508"/>
      <c r="CM4" s="508"/>
      <c r="CN4" s="508"/>
      <c r="CO4" s="508"/>
      <c r="CP4" s="508"/>
      <c r="CQ4" s="508"/>
      <c r="CR4" s="508"/>
      <c r="CS4" s="508"/>
      <c r="CT4" s="508"/>
      <c r="CU4" s="508"/>
      <c r="CV4" s="508"/>
      <c r="CW4" s="508"/>
      <c r="CX4" s="508"/>
      <c r="CY4" s="508"/>
      <c r="CZ4" s="508"/>
      <c r="DA4" s="508"/>
      <c r="DB4" s="508"/>
      <c r="DC4" s="508"/>
      <c r="DD4" s="508"/>
      <c r="DE4" s="508"/>
      <c r="DF4" s="508"/>
      <c r="DG4" s="508"/>
      <c r="DH4" s="508"/>
      <c r="DI4" s="508"/>
      <c r="DJ4" s="508"/>
      <c r="DK4" s="508"/>
      <c r="DL4" s="508"/>
      <c r="DM4" s="508"/>
      <c r="DN4" s="508"/>
      <c r="DO4" s="508"/>
      <c r="DP4" s="508"/>
      <c r="DQ4" s="508"/>
      <c r="DR4" s="508"/>
      <c r="DS4" s="508"/>
      <c r="DT4" s="508"/>
      <c r="DU4" s="508"/>
      <c r="DV4" s="508"/>
      <c r="DW4" s="508"/>
      <c r="DX4" s="508"/>
      <c r="DY4" s="508"/>
      <c r="DZ4" s="508"/>
      <c r="EA4" s="508"/>
      <c r="EB4" s="508"/>
      <c r="EC4" s="508"/>
      <c r="ED4" s="508"/>
      <c r="EE4" s="508"/>
      <c r="EF4" s="508"/>
      <c r="EG4" s="508"/>
      <c r="EH4" s="508"/>
      <c r="EI4" s="508"/>
      <c r="EJ4" s="508"/>
      <c r="EK4" s="508"/>
      <c r="EL4" s="508"/>
      <c r="EM4" s="508"/>
      <c r="EN4" s="508"/>
      <c r="EO4" s="508"/>
      <c r="EP4" s="508"/>
      <c r="EQ4" s="508"/>
      <c r="ER4" s="508"/>
      <c r="ES4" s="508"/>
      <c r="ET4" s="508"/>
      <c r="EU4" s="508"/>
      <c r="EV4" s="508"/>
      <c r="EW4" s="508"/>
      <c r="EX4" s="508"/>
      <c r="EY4" s="508"/>
      <c r="EZ4" s="508"/>
      <c r="FA4" s="508"/>
      <c r="FB4" s="508"/>
      <c r="FC4" s="508"/>
      <c r="FD4" s="508"/>
      <c r="FE4" s="508"/>
      <c r="FF4" s="508"/>
      <c r="FG4" s="508"/>
      <c r="FH4" s="508"/>
      <c r="FI4" s="508"/>
      <c r="FJ4" s="508"/>
      <c r="FK4" s="508"/>
      <c r="FL4" s="508"/>
      <c r="FM4" s="508"/>
      <c r="FN4" s="508"/>
      <c r="FO4" s="508"/>
      <c r="FP4" s="508"/>
      <c r="FQ4" s="508"/>
      <c r="FR4" s="508"/>
      <c r="FS4" s="508"/>
      <c r="FT4" s="508"/>
      <c r="FU4" s="508"/>
      <c r="FV4" s="508"/>
      <c r="FW4" s="508"/>
      <c r="FX4" s="508"/>
      <c r="FY4" s="508"/>
      <c r="FZ4" s="508"/>
      <c r="GA4" s="508"/>
      <c r="GB4" s="508"/>
      <c r="GC4" s="508"/>
      <c r="GD4" s="508"/>
      <c r="GE4" s="508"/>
      <c r="GF4" s="508"/>
      <c r="GG4" s="508"/>
      <c r="GH4" s="508"/>
      <c r="GI4" s="508"/>
      <c r="GJ4" s="508"/>
      <c r="GK4" s="508"/>
      <c r="GL4" s="508"/>
      <c r="GM4" s="508"/>
      <c r="GN4" s="508"/>
      <c r="GO4" s="508"/>
      <c r="GP4" s="508"/>
      <c r="GQ4" s="508"/>
      <c r="GR4" s="508"/>
      <c r="GS4" s="508"/>
      <c r="GT4" s="508"/>
      <c r="GU4" s="508"/>
      <c r="GV4" s="508"/>
      <c r="GW4" s="508"/>
      <c r="GX4" s="508"/>
      <c r="GY4" s="508"/>
      <c r="GZ4" s="508"/>
      <c r="HA4" s="508"/>
      <c r="HB4" s="508"/>
      <c r="HC4" s="508"/>
      <c r="HD4" s="508"/>
      <c r="HE4" s="508"/>
      <c r="HF4" s="508"/>
      <c r="HG4" s="508"/>
      <c r="HH4" s="508"/>
      <c r="HI4" s="508"/>
      <c r="HJ4" s="508"/>
      <c r="HK4" s="508"/>
      <c r="HL4" s="508"/>
      <c r="HM4" s="508"/>
      <c r="HN4" s="508"/>
      <c r="HO4" s="508"/>
      <c r="HP4" s="508"/>
      <c r="HQ4" s="508"/>
      <c r="HR4" s="508"/>
      <c r="HS4" s="508"/>
      <c r="HT4" s="508"/>
      <c r="HU4" s="508"/>
      <c r="HV4" s="508"/>
      <c r="HW4" s="508"/>
      <c r="HX4" s="508"/>
      <c r="HY4" s="509"/>
      <c r="HZ4" s="439" t="s">
        <v>85</v>
      </c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0"/>
      <c r="JR4" s="440"/>
      <c r="JS4" s="440"/>
      <c r="JT4" s="440"/>
      <c r="JU4" s="440"/>
      <c r="JV4" s="440"/>
      <c r="JW4" s="440"/>
      <c r="JX4" s="440"/>
      <c r="JY4" s="440"/>
      <c r="JZ4" s="440"/>
      <c r="KA4" s="440"/>
      <c r="KB4" s="440"/>
      <c r="KC4" s="440"/>
      <c r="KD4" s="440"/>
      <c r="KE4" s="440"/>
      <c r="KF4" s="440"/>
      <c r="KG4" s="440"/>
      <c r="KH4" s="440"/>
      <c r="KI4" s="440"/>
      <c r="KJ4" s="440"/>
      <c r="KK4" s="440"/>
      <c r="KL4" s="440"/>
      <c r="KM4" s="440"/>
      <c r="KN4" s="440"/>
      <c r="KO4" s="440"/>
      <c r="KP4" s="440"/>
      <c r="KQ4" s="440"/>
      <c r="KR4" s="440"/>
      <c r="KS4" s="440"/>
      <c r="KT4" s="440"/>
      <c r="KU4" s="440"/>
      <c r="KV4" s="440"/>
      <c r="KW4" s="440"/>
      <c r="KX4" s="440"/>
      <c r="KY4" s="440"/>
      <c r="KZ4" s="440"/>
      <c r="LA4" s="440"/>
      <c r="LB4" s="440"/>
      <c r="LC4" s="440"/>
      <c r="LD4" s="440"/>
      <c r="LE4" s="440"/>
      <c r="LF4" s="440"/>
      <c r="LG4" s="440"/>
      <c r="LH4" s="440"/>
      <c r="LI4" s="440"/>
      <c r="LJ4" s="440"/>
      <c r="LK4" s="440"/>
      <c r="LL4" s="440"/>
      <c r="LM4" s="440"/>
      <c r="LN4" s="440"/>
      <c r="LO4" s="440"/>
      <c r="LP4" s="440"/>
      <c r="LQ4" s="440"/>
      <c r="LR4" s="440"/>
      <c r="LS4" s="440"/>
      <c r="LT4" s="440"/>
      <c r="LU4" s="440"/>
      <c r="LV4" s="440"/>
      <c r="LW4" s="440"/>
      <c r="LX4" s="440"/>
      <c r="LY4" s="440"/>
      <c r="LZ4" s="440"/>
      <c r="MA4" s="440"/>
      <c r="MB4" s="440"/>
      <c r="MC4" s="440"/>
      <c r="MD4" s="440"/>
      <c r="ME4" s="441"/>
      <c r="MF4" s="439" t="s">
        <v>86</v>
      </c>
      <c r="MG4" s="440"/>
      <c r="MH4" s="440"/>
      <c r="MI4" s="440"/>
      <c r="MJ4" s="440"/>
      <c r="MK4" s="440"/>
      <c r="ML4" s="440"/>
      <c r="MM4" s="440"/>
      <c r="MN4" s="440"/>
      <c r="MO4" s="440"/>
      <c r="MP4" s="440"/>
      <c r="MQ4" s="440"/>
      <c r="MR4" s="440"/>
      <c r="MS4" s="440"/>
      <c r="MT4" s="440"/>
      <c r="MU4" s="440"/>
      <c r="MV4" s="440"/>
      <c r="MW4" s="440"/>
      <c r="MX4" s="440"/>
      <c r="MY4" s="440"/>
      <c r="MZ4" s="440"/>
      <c r="NA4" s="440"/>
      <c r="NB4" s="440"/>
      <c r="NC4" s="440"/>
      <c r="ND4" s="440"/>
      <c r="NE4" s="440"/>
      <c r="NF4" s="440"/>
      <c r="NG4" s="440"/>
      <c r="NH4" s="440"/>
      <c r="NI4" s="440"/>
      <c r="NJ4" s="440"/>
      <c r="NK4" s="440"/>
      <c r="NL4" s="440"/>
      <c r="NM4" s="440"/>
      <c r="NN4" s="440"/>
      <c r="NO4" s="440"/>
      <c r="NP4" s="440"/>
      <c r="NQ4" s="440"/>
      <c r="NR4" s="440"/>
      <c r="NS4" s="440"/>
      <c r="NT4" s="440"/>
      <c r="NU4" s="440"/>
      <c r="NV4" s="440"/>
      <c r="NW4" s="440"/>
      <c r="NX4" s="440"/>
      <c r="NY4" s="440"/>
      <c r="NZ4" s="440"/>
      <c r="OA4" s="440"/>
      <c r="OB4" s="440"/>
      <c r="OC4" s="440"/>
      <c r="OD4" s="440"/>
      <c r="OE4" s="440"/>
      <c r="OF4" s="440"/>
      <c r="OG4" s="440"/>
      <c r="OH4" s="441"/>
      <c r="OI4" s="425" t="s">
        <v>60</v>
      </c>
      <c r="OJ4" s="426"/>
      <c r="OK4" s="426"/>
      <c r="OL4" s="426"/>
      <c r="OM4" s="426"/>
      <c r="ON4" s="426"/>
      <c r="OO4" s="426"/>
      <c r="OP4" s="426"/>
      <c r="OQ4" s="426"/>
      <c r="OR4" s="426"/>
      <c r="OS4" s="427"/>
    </row>
    <row r="5" spans="1:409" ht="21" customHeight="1" thickBot="1" x14ac:dyDescent="0.25">
      <c r="B5" s="548"/>
      <c r="C5" s="551"/>
      <c r="D5" s="551"/>
      <c r="E5" s="551"/>
      <c r="F5" s="551"/>
      <c r="G5" s="551"/>
      <c r="H5" s="551"/>
      <c r="I5" s="551"/>
      <c r="J5" s="551"/>
      <c r="K5" s="551"/>
      <c r="L5" s="551"/>
      <c r="M5" s="551"/>
      <c r="N5" s="553" t="s">
        <v>64</v>
      </c>
      <c r="O5" s="554"/>
      <c r="P5" s="554"/>
      <c r="Q5" s="554"/>
      <c r="R5" s="554"/>
      <c r="S5" s="554"/>
      <c r="T5" s="554"/>
      <c r="U5" s="554"/>
      <c r="V5" s="554"/>
      <c r="W5" s="554"/>
      <c r="X5" s="554"/>
      <c r="Y5" s="554"/>
      <c r="Z5" s="554"/>
      <c r="AA5" s="554"/>
      <c r="AB5" s="554"/>
      <c r="AC5" s="554"/>
      <c r="AD5" s="554"/>
      <c r="AE5" s="554"/>
      <c r="AF5" s="554"/>
      <c r="AG5" s="554"/>
      <c r="AH5" s="554"/>
      <c r="AI5" s="554"/>
      <c r="AJ5" s="554"/>
      <c r="AK5" s="554"/>
      <c r="AL5" s="554"/>
      <c r="AM5" s="554"/>
      <c r="AN5" s="554"/>
      <c r="AO5" s="554"/>
      <c r="AP5" s="554"/>
      <c r="AQ5" s="554"/>
      <c r="AR5" s="554"/>
      <c r="AS5" s="554"/>
      <c r="AT5" s="554"/>
      <c r="AU5" s="554"/>
      <c r="AV5" s="554"/>
      <c r="AW5" s="554"/>
      <c r="AX5" s="554"/>
      <c r="AY5" s="554"/>
      <c r="AZ5" s="554"/>
      <c r="BA5" s="554"/>
      <c r="BB5" s="554"/>
      <c r="BC5" s="554"/>
      <c r="BD5" s="554"/>
      <c r="BE5" s="554"/>
      <c r="BF5" s="554"/>
      <c r="BG5" s="554"/>
      <c r="BH5" s="554"/>
      <c r="BI5" s="554"/>
      <c r="BJ5" s="554"/>
      <c r="BK5" s="554"/>
      <c r="BL5" s="554"/>
      <c r="BM5" s="554"/>
      <c r="BN5" s="554"/>
      <c r="BO5" s="554"/>
      <c r="BP5" s="554"/>
      <c r="BQ5" s="554"/>
      <c r="BR5" s="554"/>
      <c r="BS5" s="554"/>
      <c r="BT5" s="554"/>
      <c r="BU5" s="554"/>
      <c r="BV5" s="554"/>
      <c r="BW5" s="554"/>
      <c r="BX5" s="554"/>
      <c r="BY5" s="554"/>
      <c r="BZ5" s="554"/>
      <c r="CA5" s="555"/>
      <c r="CB5" s="553" t="s">
        <v>65</v>
      </c>
      <c r="CC5" s="554"/>
      <c r="CD5" s="554"/>
      <c r="CE5" s="554"/>
      <c r="CF5" s="554"/>
      <c r="CG5" s="554"/>
      <c r="CH5" s="554"/>
      <c r="CI5" s="554"/>
      <c r="CJ5" s="554"/>
      <c r="CK5" s="554"/>
      <c r="CL5" s="554"/>
      <c r="CM5" s="554"/>
      <c r="CN5" s="554"/>
      <c r="CO5" s="554"/>
      <c r="CP5" s="554"/>
      <c r="CQ5" s="554"/>
      <c r="CR5" s="554"/>
      <c r="CS5" s="554"/>
      <c r="CT5" s="554"/>
      <c r="CU5" s="554"/>
      <c r="CV5" s="554"/>
      <c r="CW5" s="554"/>
      <c r="CX5" s="554"/>
      <c r="CY5" s="554"/>
      <c r="CZ5" s="554"/>
      <c r="DA5" s="554"/>
      <c r="DB5" s="554"/>
      <c r="DC5" s="554"/>
      <c r="DD5" s="554"/>
      <c r="DE5" s="554"/>
      <c r="DF5" s="554"/>
      <c r="DG5" s="554"/>
      <c r="DH5" s="555"/>
      <c r="DI5" s="439" t="s">
        <v>66</v>
      </c>
      <c r="DJ5" s="440"/>
      <c r="DK5" s="440"/>
      <c r="DL5" s="440"/>
      <c r="DM5" s="440"/>
      <c r="DN5" s="440"/>
      <c r="DO5" s="440"/>
      <c r="DP5" s="440"/>
      <c r="DQ5" s="440"/>
      <c r="DR5" s="440"/>
      <c r="DS5" s="440"/>
      <c r="DT5" s="440"/>
      <c r="DU5" s="440"/>
      <c r="DV5" s="440"/>
      <c r="DW5" s="440"/>
      <c r="DX5" s="440"/>
      <c r="DY5" s="440"/>
      <c r="DZ5" s="440"/>
      <c r="EA5" s="440"/>
      <c r="EB5" s="440"/>
      <c r="EC5" s="440"/>
      <c r="ED5" s="440"/>
      <c r="EE5" s="440"/>
      <c r="EF5" s="440"/>
      <c r="EG5" s="440"/>
      <c r="EH5" s="440"/>
      <c r="EI5" s="440"/>
      <c r="EJ5" s="440"/>
      <c r="EK5" s="440"/>
      <c r="EL5" s="440"/>
      <c r="EM5" s="440"/>
      <c r="EN5" s="440"/>
      <c r="EO5" s="440"/>
      <c r="EP5" s="440"/>
      <c r="EQ5" s="440"/>
      <c r="ER5" s="440"/>
      <c r="ES5" s="440"/>
      <c r="ET5" s="440"/>
      <c r="EU5" s="440"/>
      <c r="EV5" s="440"/>
      <c r="EW5" s="440"/>
      <c r="EX5" s="440"/>
      <c r="EY5" s="440"/>
      <c r="EZ5" s="440"/>
      <c r="FA5" s="440"/>
      <c r="FB5" s="440"/>
      <c r="FC5" s="440"/>
      <c r="FD5" s="440"/>
      <c r="FE5" s="440"/>
      <c r="FF5" s="440"/>
      <c r="FG5" s="440"/>
      <c r="FH5" s="440"/>
      <c r="FI5" s="440"/>
      <c r="FJ5" s="440"/>
      <c r="FK5" s="441"/>
      <c r="FL5" s="553" t="s">
        <v>67</v>
      </c>
      <c r="FM5" s="554"/>
      <c r="FN5" s="554"/>
      <c r="FO5" s="554"/>
      <c r="FP5" s="554"/>
      <c r="FQ5" s="554"/>
      <c r="FR5" s="554"/>
      <c r="FS5" s="554"/>
      <c r="FT5" s="554"/>
      <c r="FU5" s="554"/>
      <c r="FV5" s="554"/>
      <c r="FW5" s="554"/>
      <c r="FX5" s="554"/>
      <c r="FY5" s="554"/>
      <c r="FZ5" s="554"/>
      <c r="GA5" s="554"/>
      <c r="GB5" s="554"/>
      <c r="GC5" s="554"/>
      <c r="GD5" s="554"/>
      <c r="GE5" s="554"/>
      <c r="GF5" s="554"/>
      <c r="GG5" s="554"/>
      <c r="GH5" s="554"/>
      <c r="GI5" s="554"/>
      <c r="GJ5" s="554"/>
      <c r="GK5" s="554"/>
      <c r="GL5" s="554"/>
      <c r="GM5" s="554"/>
      <c r="GN5" s="554"/>
      <c r="GO5" s="554"/>
      <c r="GP5" s="554"/>
      <c r="GQ5" s="554"/>
      <c r="GR5" s="554"/>
      <c r="GS5" s="554"/>
      <c r="GT5" s="554"/>
      <c r="GU5" s="554"/>
      <c r="GV5" s="554"/>
      <c r="GW5" s="554"/>
      <c r="GX5" s="554"/>
      <c r="GY5" s="554"/>
      <c r="GZ5" s="554"/>
      <c r="HA5" s="554"/>
      <c r="HB5" s="554"/>
      <c r="HC5" s="555"/>
      <c r="HD5" s="539" t="s">
        <v>68</v>
      </c>
      <c r="HE5" s="540"/>
      <c r="HF5" s="540"/>
      <c r="HG5" s="540"/>
      <c r="HH5" s="540"/>
      <c r="HI5" s="540"/>
      <c r="HJ5" s="540"/>
      <c r="HK5" s="540"/>
      <c r="HL5" s="540"/>
      <c r="HM5" s="540"/>
      <c r="HN5" s="541"/>
      <c r="HO5" s="539" t="s">
        <v>69</v>
      </c>
      <c r="HP5" s="540"/>
      <c r="HQ5" s="540"/>
      <c r="HR5" s="540"/>
      <c r="HS5" s="540"/>
      <c r="HT5" s="540"/>
      <c r="HU5" s="540"/>
      <c r="HV5" s="540"/>
      <c r="HW5" s="540"/>
      <c r="HX5" s="540"/>
      <c r="HY5" s="541"/>
      <c r="HZ5" s="572"/>
      <c r="IA5" s="573"/>
      <c r="IB5" s="573"/>
      <c r="IC5" s="573"/>
      <c r="ID5" s="573"/>
      <c r="IE5" s="573"/>
      <c r="IF5" s="573"/>
      <c r="IG5" s="573"/>
      <c r="IH5" s="573"/>
      <c r="II5" s="573"/>
      <c r="IJ5" s="574"/>
      <c r="IK5" s="425" t="s">
        <v>94</v>
      </c>
      <c r="IL5" s="426"/>
      <c r="IM5" s="426"/>
      <c r="IN5" s="426"/>
      <c r="IO5" s="426"/>
      <c r="IP5" s="426"/>
      <c r="IQ5" s="426"/>
      <c r="IR5" s="426"/>
      <c r="IS5" s="426"/>
      <c r="IT5" s="426"/>
      <c r="IU5" s="427"/>
      <c r="IV5" s="425" t="s">
        <v>88</v>
      </c>
      <c r="IW5" s="426"/>
      <c r="IX5" s="426"/>
      <c r="IY5" s="426"/>
      <c r="IZ5" s="426"/>
      <c r="JA5" s="426"/>
      <c r="JB5" s="426"/>
      <c r="JC5" s="426"/>
      <c r="JD5" s="426"/>
      <c r="JE5" s="426"/>
      <c r="JF5" s="427"/>
      <c r="JG5" s="425" t="s">
        <v>140</v>
      </c>
      <c r="JH5" s="426"/>
      <c r="JI5" s="426"/>
      <c r="JJ5" s="426"/>
      <c r="JK5" s="426"/>
      <c r="JL5" s="426"/>
      <c r="JM5" s="426"/>
      <c r="JN5" s="426"/>
      <c r="JO5" s="426"/>
      <c r="JP5" s="426"/>
      <c r="JQ5" s="427"/>
      <c r="JR5" s="425" t="s">
        <v>90</v>
      </c>
      <c r="JS5" s="426"/>
      <c r="JT5" s="426"/>
      <c r="JU5" s="426"/>
      <c r="JV5" s="426"/>
      <c r="JW5" s="426"/>
      <c r="JX5" s="426"/>
      <c r="JY5" s="426"/>
      <c r="JZ5" s="426"/>
      <c r="KA5" s="426"/>
      <c r="KB5" s="427"/>
      <c r="KC5" s="425" t="s">
        <v>89</v>
      </c>
      <c r="KD5" s="426"/>
      <c r="KE5" s="426"/>
      <c r="KF5" s="426"/>
      <c r="KG5" s="426"/>
      <c r="KH5" s="426"/>
      <c r="KI5" s="426"/>
      <c r="KJ5" s="426"/>
      <c r="KK5" s="426"/>
      <c r="KL5" s="426"/>
      <c r="KM5" s="427"/>
      <c r="KN5" s="425" t="s">
        <v>91</v>
      </c>
      <c r="KO5" s="426"/>
      <c r="KP5" s="426"/>
      <c r="KQ5" s="426"/>
      <c r="KR5" s="426"/>
      <c r="KS5" s="426"/>
      <c r="KT5" s="426"/>
      <c r="KU5" s="426"/>
      <c r="KV5" s="426"/>
      <c r="KW5" s="426"/>
      <c r="KX5" s="427"/>
      <c r="KY5" s="425" t="s">
        <v>92</v>
      </c>
      <c r="KZ5" s="426"/>
      <c r="LA5" s="426"/>
      <c r="LB5" s="426"/>
      <c r="LC5" s="426"/>
      <c r="LD5" s="426"/>
      <c r="LE5" s="426"/>
      <c r="LF5" s="426"/>
      <c r="LG5" s="426"/>
      <c r="LH5" s="426"/>
      <c r="LI5" s="427"/>
      <c r="LJ5" s="575" t="s">
        <v>93</v>
      </c>
      <c r="LK5" s="576"/>
      <c r="LL5" s="576"/>
      <c r="LM5" s="576"/>
      <c r="LN5" s="576"/>
      <c r="LO5" s="576"/>
      <c r="LP5" s="576"/>
      <c r="LQ5" s="576"/>
      <c r="LR5" s="576"/>
      <c r="LS5" s="576"/>
      <c r="LT5" s="577"/>
      <c r="LU5" s="575" t="s">
        <v>141</v>
      </c>
      <c r="LV5" s="576"/>
      <c r="LW5" s="576"/>
      <c r="LX5" s="576"/>
      <c r="LY5" s="576"/>
      <c r="LZ5" s="576"/>
      <c r="MA5" s="576"/>
      <c r="MB5" s="576"/>
      <c r="MC5" s="576"/>
      <c r="MD5" s="576"/>
      <c r="ME5" s="577"/>
      <c r="MF5" s="572"/>
      <c r="MG5" s="573"/>
      <c r="MH5" s="573"/>
      <c r="MI5" s="573"/>
      <c r="MJ5" s="573"/>
      <c r="MK5" s="573"/>
      <c r="ML5" s="573"/>
      <c r="MM5" s="573"/>
      <c r="MN5" s="573"/>
      <c r="MO5" s="573"/>
      <c r="MP5" s="574"/>
      <c r="MQ5" s="425" t="s">
        <v>57</v>
      </c>
      <c r="MR5" s="426"/>
      <c r="MS5" s="426"/>
      <c r="MT5" s="426"/>
      <c r="MU5" s="426"/>
      <c r="MV5" s="426"/>
      <c r="MW5" s="426"/>
      <c r="MX5" s="426"/>
      <c r="MY5" s="426"/>
      <c r="MZ5" s="426"/>
      <c r="NA5" s="427"/>
      <c r="NB5" s="425" t="s">
        <v>58</v>
      </c>
      <c r="NC5" s="426"/>
      <c r="ND5" s="426"/>
      <c r="NE5" s="426"/>
      <c r="NF5" s="426"/>
      <c r="NG5" s="426"/>
      <c r="NH5" s="426"/>
      <c r="NI5" s="426"/>
      <c r="NJ5" s="426"/>
      <c r="NK5" s="426"/>
      <c r="NL5" s="427"/>
      <c r="NM5" s="425" t="s">
        <v>59</v>
      </c>
      <c r="NN5" s="426"/>
      <c r="NO5" s="426"/>
      <c r="NP5" s="426"/>
      <c r="NQ5" s="426"/>
      <c r="NR5" s="426"/>
      <c r="NS5" s="426"/>
      <c r="NT5" s="426"/>
      <c r="NU5" s="426"/>
      <c r="NV5" s="426"/>
      <c r="NW5" s="427"/>
      <c r="NX5" s="425" t="s">
        <v>147</v>
      </c>
      <c r="NY5" s="426"/>
      <c r="NZ5" s="426"/>
      <c r="OA5" s="426"/>
      <c r="OB5" s="426"/>
      <c r="OC5" s="426"/>
      <c r="OD5" s="426"/>
      <c r="OE5" s="426"/>
      <c r="OF5" s="426"/>
      <c r="OG5" s="426"/>
      <c r="OH5" s="427"/>
      <c r="OI5" s="443"/>
      <c r="OJ5" s="570"/>
      <c r="OK5" s="570"/>
      <c r="OL5" s="570"/>
      <c r="OM5" s="570"/>
      <c r="ON5" s="570"/>
      <c r="OO5" s="570"/>
      <c r="OP5" s="570"/>
      <c r="OQ5" s="570"/>
      <c r="OR5" s="570"/>
      <c r="OS5" s="571"/>
    </row>
    <row r="6" spans="1:409" ht="21" customHeight="1" thickBot="1" x14ac:dyDescent="0.25">
      <c r="B6" s="548"/>
      <c r="C6" s="552"/>
      <c r="D6" s="552"/>
      <c r="E6" s="552"/>
      <c r="F6" s="552"/>
      <c r="G6" s="552"/>
      <c r="H6" s="552"/>
      <c r="I6" s="552"/>
      <c r="J6" s="552"/>
      <c r="K6" s="552"/>
      <c r="L6" s="552"/>
      <c r="M6" s="552"/>
      <c r="N6" s="431"/>
      <c r="O6" s="432"/>
      <c r="P6" s="432"/>
      <c r="Q6" s="432"/>
      <c r="R6" s="432"/>
      <c r="S6" s="432"/>
      <c r="T6" s="432"/>
      <c r="U6" s="432"/>
      <c r="V6" s="432"/>
      <c r="W6" s="432"/>
      <c r="X6" s="433"/>
      <c r="Y6" s="434" t="s">
        <v>70</v>
      </c>
      <c r="Z6" s="435"/>
      <c r="AA6" s="435"/>
      <c r="AB6" s="435"/>
      <c r="AC6" s="435"/>
      <c r="AD6" s="435"/>
      <c r="AE6" s="435"/>
      <c r="AF6" s="435"/>
      <c r="AG6" s="435"/>
      <c r="AH6" s="435"/>
      <c r="AI6" s="436"/>
      <c r="AJ6" s="539" t="s">
        <v>71</v>
      </c>
      <c r="AK6" s="540"/>
      <c r="AL6" s="540"/>
      <c r="AM6" s="540"/>
      <c r="AN6" s="540"/>
      <c r="AO6" s="540"/>
      <c r="AP6" s="540"/>
      <c r="AQ6" s="540"/>
      <c r="AR6" s="540"/>
      <c r="AS6" s="540"/>
      <c r="AT6" s="541"/>
      <c r="AU6" s="536" t="s">
        <v>72</v>
      </c>
      <c r="AV6" s="537"/>
      <c r="AW6" s="537"/>
      <c r="AX6" s="537"/>
      <c r="AY6" s="537"/>
      <c r="AZ6" s="537"/>
      <c r="BA6" s="537"/>
      <c r="BB6" s="537"/>
      <c r="BC6" s="537"/>
      <c r="BD6" s="537"/>
      <c r="BE6" s="538"/>
      <c r="BF6" s="536" t="s">
        <v>73</v>
      </c>
      <c r="BG6" s="537"/>
      <c r="BH6" s="537"/>
      <c r="BI6" s="537"/>
      <c r="BJ6" s="537"/>
      <c r="BK6" s="537"/>
      <c r="BL6" s="537"/>
      <c r="BM6" s="537"/>
      <c r="BN6" s="537"/>
      <c r="BO6" s="537"/>
      <c r="BP6" s="538"/>
      <c r="BQ6" s="536" t="s">
        <v>74</v>
      </c>
      <c r="BR6" s="537"/>
      <c r="BS6" s="537"/>
      <c r="BT6" s="537"/>
      <c r="BU6" s="537"/>
      <c r="BV6" s="537"/>
      <c r="BW6" s="537"/>
      <c r="BX6" s="537"/>
      <c r="BY6" s="537"/>
      <c r="BZ6" s="537"/>
      <c r="CA6" s="538"/>
      <c r="CB6" s="533"/>
      <c r="CC6" s="534"/>
      <c r="CD6" s="534"/>
      <c r="CE6" s="534"/>
      <c r="CF6" s="534"/>
      <c r="CG6" s="534"/>
      <c r="CH6" s="534"/>
      <c r="CI6" s="534"/>
      <c r="CJ6" s="534"/>
      <c r="CK6" s="534"/>
      <c r="CL6" s="535"/>
      <c r="CM6" s="536" t="s">
        <v>75</v>
      </c>
      <c r="CN6" s="537"/>
      <c r="CO6" s="537"/>
      <c r="CP6" s="537"/>
      <c r="CQ6" s="537"/>
      <c r="CR6" s="537"/>
      <c r="CS6" s="537"/>
      <c r="CT6" s="537"/>
      <c r="CU6" s="537"/>
      <c r="CV6" s="537"/>
      <c r="CW6" s="538"/>
      <c r="CX6" s="536" t="s">
        <v>76</v>
      </c>
      <c r="CY6" s="537"/>
      <c r="CZ6" s="537"/>
      <c r="DA6" s="537"/>
      <c r="DB6" s="537"/>
      <c r="DC6" s="537"/>
      <c r="DD6" s="537"/>
      <c r="DE6" s="537"/>
      <c r="DF6" s="537"/>
      <c r="DG6" s="537"/>
      <c r="DH6" s="538"/>
      <c r="DI6" s="533"/>
      <c r="DJ6" s="534"/>
      <c r="DK6" s="534"/>
      <c r="DL6" s="534"/>
      <c r="DM6" s="534"/>
      <c r="DN6" s="534"/>
      <c r="DO6" s="534"/>
      <c r="DP6" s="534"/>
      <c r="DQ6" s="534"/>
      <c r="DR6" s="534"/>
      <c r="DS6" s="534"/>
      <c r="DT6" s="536" t="s">
        <v>77</v>
      </c>
      <c r="DU6" s="537"/>
      <c r="DV6" s="537"/>
      <c r="DW6" s="537"/>
      <c r="DX6" s="537"/>
      <c r="DY6" s="537"/>
      <c r="DZ6" s="537"/>
      <c r="EA6" s="537"/>
      <c r="EB6" s="537"/>
      <c r="EC6" s="537"/>
      <c r="ED6" s="538"/>
      <c r="EE6" s="536" t="s">
        <v>78</v>
      </c>
      <c r="EF6" s="537"/>
      <c r="EG6" s="537"/>
      <c r="EH6" s="537"/>
      <c r="EI6" s="537"/>
      <c r="EJ6" s="537"/>
      <c r="EK6" s="537"/>
      <c r="EL6" s="537"/>
      <c r="EM6" s="537"/>
      <c r="EN6" s="537"/>
      <c r="EO6" s="538"/>
      <c r="EP6" s="536" t="s">
        <v>79</v>
      </c>
      <c r="EQ6" s="537"/>
      <c r="ER6" s="537"/>
      <c r="ES6" s="537"/>
      <c r="ET6" s="537"/>
      <c r="EU6" s="537"/>
      <c r="EV6" s="537"/>
      <c r="EW6" s="537"/>
      <c r="EX6" s="537"/>
      <c r="EY6" s="537"/>
      <c r="EZ6" s="538"/>
      <c r="FA6" s="536" t="s">
        <v>148</v>
      </c>
      <c r="FB6" s="537"/>
      <c r="FC6" s="537"/>
      <c r="FD6" s="537"/>
      <c r="FE6" s="537"/>
      <c r="FF6" s="537"/>
      <c r="FG6" s="537"/>
      <c r="FH6" s="537"/>
      <c r="FI6" s="537"/>
      <c r="FJ6" s="537"/>
      <c r="FK6" s="538"/>
      <c r="FL6" s="533"/>
      <c r="FM6" s="534"/>
      <c r="FN6" s="534"/>
      <c r="FO6" s="534"/>
      <c r="FP6" s="534"/>
      <c r="FQ6" s="534"/>
      <c r="FR6" s="534"/>
      <c r="FS6" s="534"/>
      <c r="FT6" s="534"/>
      <c r="FU6" s="534"/>
      <c r="FV6" s="534"/>
      <c r="FW6" s="536" t="s">
        <v>80</v>
      </c>
      <c r="FX6" s="537"/>
      <c r="FY6" s="537"/>
      <c r="FZ6" s="537"/>
      <c r="GA6" s="537"/>
      <c r="GB6" s="537"/>
      <c r="GC6" s="537"/>
      <c r="GD6" s="537"/>
      <c r="GE6" s="537"/>
      <c r="GF6" s="537"/>
      <c r="GG6" s="538"/>
      <c r="GH6" s="434" t="s">
        <v>81</v>
      </c>
      <c r="GI6" s="435"/>
      <c r="GJ6" s="435"/>
      <c r="GK6" s="435"/>
      <c r="GL6" s="435"/>
      <c r="GM6" s="435"/>
      <c r="GN6" s="435"/>
      <c r="GO6" s="435"/>
      <c r="GP6" s="435"/>
      <c r="GQ6" s="435"/>
      <c r="GR6" s="436"/>
      <c r="GS6" s="434" t="s">
        <v>82</v>
      </c>
      <c r="GT6" s="435"/>
      <c r="GU6" s="435"/>
      <c r="GV6" s="435"/>
      <c r="GW6" s="435"/>
      <c r="GX6" s="435"/>
      <c r="GY6" s="435"/>
      <c r="GZ6" s="435"/>
      <c r="HA6" s="435"/>
      <c r="HB6" s="435"/>
      <c r="HC6" s="436"/>
      <c r="HD6" s="556"/>
      <c r="HE6" s="557"/>
      <c r="HF6" s="557"/>
      <c r="HG6" s="557"/>
      <c r="HH6" s="557"/>
      <c r="HI6" s="557"/>
      <c r="HJ6" s="557"/>
      <c r="HK6" s="557"/>
      <c r="HL6" s="557"/>
      <c r="HM6" s="557"/>
      <c r="HN6" s="558"/>
      <c r="HO6" s="556"/>
      <c r="HP6" s="557"/>
      <c r="HQ6" s="557"/>
      <c r="HR6" s="557"/>
      <c r="HS6" s="557"/>
      <c r="HT6" s="557"/>
      <c r="HU6" s="557"/>
      <c r="HV6" s="557"/>
      <c r="HW6" s="557"/>
      <c r="HX6" s="557"/>
      <c r="HY6" s="558"/>
      <c r="HZ6" s="533"/>
      <c r="IA6" s="534"/>
      <c r="IB6" s="534"/>
      <c r="IC6" s="534"/>
      <c r="ID6" s="534"/>
      <c r="IE6" s="534"/>
      <c r="IF6" s="534"/>
      <c r="IG6" s="534"/>
      <c r="IH6" s="534"/>
      <c r="II6" s="534"/>
      <c r="IJ6" s="535"/>
      <c r="IK6" s="431"/>
      <c r="IL6" s="432"/>
      <c r="IM6" s="432"/>
      <c r="IN6" s="432"/>
      <c r="IO6" s="432"/>
      <c r="IP6" s="432"/>
      <c r="IQ6" s="432"/>
      <c r="IR6" s="432"/>
      <c r="IS6" s="432"/>
      <c r="IT6" s="432"/>
      <c r="IU6" s="433"/>
      <c r="IV6" s="431"/>
      <c r="IW6" s="432"/>
      <c r="IX6" s="432"/>
      <c r="IY6" s="432"/>
      <c r="IZ6" s="432"/>
      <c r="JA6" s="432"/>
      <c r="JB6" s="432"/>
      <c r="JC6" s="432"/>
      <c r="JD6" s="432"/>
      <c r="JE6" s="432"/>
      <c r="JF6" s="433"/>
      <c r="JG6" s="431"/>
      <c r="JH6" s="432"/>
      <c r="JI6" s="432"/>
      <c r="JJ6" s="432"/>
      <c r="JK6" s="432"/>
      <c r="JL6" s="432"/>
      <c r="JM6" s="432"/>
      <c r="JN6" s="432"/>
      <c r="JO6" s="432"/>
      <c r="JP6" s="432"/>
      <c r="JQ6" s="433"/>
      <c r="JR6" s="431"/>
      <c r="JS6" s="432"/>
      <c r="JT6" s="432"/>
      <c r="JU6" s="432"/>
      <c r="JV6" s="432"/>
      <c r="JW6" s="432"/>
      <c r="JX6" s="432"/>
      <c r="JY6" s="432"/>
      <c r="JZ6" s="432"/>
      <c r="KA6" s="432"/>
      <c r="KB6" s="433"/>
      <c r="KC6" s="431"/>
      <c r="KD6" s="432"/>
      <c r="KE6" s="432"/>
      <c r="KF6" s="432"/>
      <c r="KG6" s="432"/>
      <c r="KH6" s="432"/>
      <c r="KI6" s="432"/>
      <c r="KJ6" s="432"/>
      <c r="KK6" s="432"/>
      <c r="KL6" s="432"/>
      <c r="KM6" s="433"/>
      <c r="KN6" s="431"/>
      <c r="KO6" s="432"/>
      <c r="KP6" s="432"/>
      <c r="KQ6" s="432"/>
      <c r="KR6" s="432"/>
      <c r="KS6" s="432"/>
      <c r="KT6" s="432"/>
      <c r="KU6" s="432"/>
      <c r="KV6" s="432"/>
      <c r="KW6" s="432"/>
      <c r="KX6" s="433"/>
      <c r="KY6" s="431"/>
      <c r="KZ6" s="432"/>
      <c r="LA6" s="432"/>
      <c r="LB6" s="432"/>
      <c r="LC6" s="432"/>
      <c r="LD6" s="432"/>
      <c r="LE6" s="432"/>
      <c r="LF6" s="432"/>
      <c r="LG6" s="432"/>
      <c r="LH6" s="432"/>
      <c r="LI6" s="433"/>
      <c r="LJ6" s="533"/>
      <c r="LK6" s="534"/>
      <c r="LL6" s="534"/>
      <c r="LM6" s="534"/>
      <c r="LN6" s="534"/>
      <c r="LO6" s="534"/>
      <c r="LP6" s="534"/>
      <c r="LQ6" s="534"/>
      <c r="LR6" s="534"/>
      <c r="LS6" s="534"/>
      <c r="LT6" s="535"/>
      <c r="LU6" s="533"/>
      <c r="LV6" s="534"/>
      <c r="LW6" s="534"/>
      <c r="LX6" s="534"/>
      <c r="LY6" s="534"/>
      <c r="LZ6" s="534"/>
      <c r="MA6" s="534"/>
      <c r="MB6" s="534"/>
      <c r="MC6" s="534"/>
      <c r="MD6" s="534"/>
      <c r="ME6" s="535"/>
      <c r="MF6" s="533"/>
      <c r="MG6" s="534"/>
      <c r="MH6" s="534"/>
      <c r="MI6" s="534"/>
      <c r="MJ6" s="534"/>
      <c r="MK6" s="534"/>
      <c r="ML6" s="534"/>
      <c r="MM6" s="534"/>
      <c r="MN6" s="534"/>
      <c r="MO6" s="534"/>
      <c r="MP6" s="535"/>
      <c r="MQ6" s="431"/>
      <c r="MR6" s="432"/>
      <c r="MS6" s="432"/>
      <c r="MT6" s="432"/>
      <c r="MU6" s="432"/>
      <c r="MV6" s="432"/>
      <c r="MW6" s="432"/>
      <c r="MX6" s="432"/>
      <c r="MY6" s="432"/>
      <c r="MZ6" s="432"/>
      <c r="NA6" s="433"/>
      <c r="NB6" s="431"/>
      <c r="NC6" s="432"/>
      <c r="ND6" s="432"/>
      <c r="NE6" s="432"/>
      <c r="NF6" s="432"/>
      <c r="NG6" s="432"/>
      <c r="NH6" s="432"/>
      <c r="NI6" s="432"/>
      <c r="NJ6" s="432"/>
      <c r="NK6" s="432"/>
      <c r="NL6" s="433"/>
      <c r="NM6" s="431"/>
      <c r="NN6" s="432"/>
      <c r="NO6" s="432"/>
      <c r="NP6" s="432"/>
      <c r="NQ6" s="432"/>
      <c r="NR6" s="432"/>
      <c r="NS6" s="432"/>
      <c r="NT6" s="432"/>
      <c r="NU6" s="432"/>
      <c r="NV6" s="432"/>
      <c r="NW6" s="433"/>
      <c r="NX6" s="431"/>
      <c r="NY6" s="432"/>
      <c r="NZ6" s="432"/>
      <c r="OA6" s="432"/>
      <c r="OB6" s="432"/>
      <c r="OC6" s="432"/>
      <c r="OD6" s="432"/>
      <c r="OE6" s="432"/>
      <c r="OF6" s="432"/>
      <c r="OG6" s="432"/>
      <c r="OH6" s="433"/>
      <c r="OI6" s="431"/>
      <c r="OJ6" s="432"/>
      <c r="OK6" s="432"/>
      <c r="OL6" s="432"/>
      <c r="OM6" s="432"/>
      <c r="ON6" s="432"/>
      <c r="OO6" s="432"/>
      <c r="OP6" s="432"/>
      <c r="OQ6" s="432"/>
      <c r="OR6" s="432"/>
      <c r="OS6" s="433"/>
    </row>
    <row r="7" spans="1:409" ht="21" customHeight="1" x14ac:dyDescent="0.2">
      <c r="B7" s="548"/>
      <c r="C7" s="516" t="s">
        <v>61</v>
      </c>
      <c r="D7" s="516"/>
      <c r="E7" s="516"/>
      <c r="F7" s="515" t="s">
        <v>62</v>
      </c>
      <c r="G7" s="516"/>
      <c r="H7" s="516"/>
      <c r="I7" s="516"/>
      <c r="J7" s="516"/>
      <c r="K7" s="516"/>
      <c r="L7" s="516"/>
      <c r="M7" s="515" t="s">
        <v>52</v>
      </c>
      <c r="N7" s="560" t="s">
        <v>61</v>
      </c>
      <c r="O7" s="516"/>
      <c r="P7" s="516"/>
      <c r="Q7" s="515" t="s">
        <v>62</v>
      </c>
      <c r="R7" s="516"/>
      <c r="S7" s="516"/>
      <c r="T7" s="516"/>
      <c r="U7" s="516"/>
      <c r="V7" s="516"/>
      <c r="W7" s="517"/>
      <c r="X7" s="545" t="s">
        <v>52</v>
      </c>
      <c r="Y7" s="431" t="s">
        <v>61</v>
      </c>
      <c r="Z7" s="432"/>
      <c r="AA7" s="524"/>
      <c r="AB7" s="523" t="s">
        <v>62</v>
      </c>
      <c r="AC7" s="432"/>
      <c r="AD7" s="432"/>
      <c r="AE7" s="432"/>
      <c r="AF7" s="432"/>
      <c r="AG7" s="432"/>
      <c r="AH7" s="524"/>
      <c r="AI7" s="433" t="s">
        <v>52</v>
      </c>
      <c r="AJ7" s="512" t="s">
        <v>61</v>
      </c>
      <c r="AK7" s="513"/>
      <c r="AL7" s="514"/>
      <c r="AM7" s="561" t="s">
        <v>62</v>
      </c>
      <c r="AN7" s="513"/>
      <c r="AO7" s="513"/>
      <c r="AP7" s="513"/>
      <c r="AQ7" s="513"/>
      <c r="AR7" s="513"/>
      <c r="AS7" s="562"/>
      <c r="AT7" s="563" t="s">
        <v>52</v>
      </c>
      <c r="AU7" s="520" t="s">
        <v>61</v>
      </c>
      <c r="AV7" s="521"/>
      <c r="AW7" s="522"/>
      <c r="AX7" s="543" t="s">
        <v>62</v>
      </c>
      <c r="AY7" s="521"/>
      <c r="AZ7" s="521"/>
      <c r="BA7" s="521"/>
      <c r="BB7" s="521"/>
      <c r="BC7" s="521"/>
      <c r="BD7" s="544"/>
      <c r="BE7" s="433" t="s">
        <v>52</v>
      </c>
      <c r="BF7" s="520" t="s">
        <v>61</v>
      </c>
      <c r="BG7" s="521"/>
      <c r="BH7" s="522"/>
      <c r="BI7" s="543" t="s">
        <v>62</v>
      </c>
      <c r="BJ7" s="521"/>
      <c r="BK7" s="521"/>
      <c r="BL7" s="521"/>
      <c r="BM7" s="521"/>
      <c r="BN7" s="521"/>
      <c r="BO7" s="544"/>
      <c r="BP7" s="433" t="s">
        <v>52</v>
      </c>
      <c r="BQ7" s="520" t="s">
        <v>61</v>
      </c>
      <c r="BR7" s="521"/>
      <c r="BS7" s="522"/>
      <c r="BT7" s="543" t="s">
        <v>62</v>
      </c>
      <c r="BU7" s="521"/>
      <c r="BV7" s="521"/>
      <c r="BW7" s="521"/>
      <c r="BX7" s="521"/>
      <c r="BY7" s="521"/>
      <c r="BZ7" s="544"/>
      <c r="CA7" s="433" t="s">
        <v>52</v>
      </c>
      <c r="CB7" s="512" t="s">
        <v>61</v>
      </c>
      <c r="CC7" s="513"/>
      <c r="CD7" s="514"/>
      <c r="CE7" s="561" t="s">
        <v>62</v>
      </c>
      <c r="CF7" s="513"/>
      <c r="CG7" s="513"/>
      <c r="CH7" s="513"/>
      <c r="CI7" s="513"/>
      <c r="CJ7" s="513"/>
      <c r="CK7" s="562"/>
      <c r="CL7" s="545" t="s">
        <v>52</v>
      </c>
      <c r="CM7" s="520" t="s">
        <v>61</v>
      </c>
      <c r="CN7" s="521"/>
      <c r="CO7" s="544"/>
      <c r="CP7" s="543" t="s">
        <v>62</v>
      </c>
      <c r="CQ7" s="521"/>
      <c r="CR7" s="521"/>
      <c r="CS7" s="521"/>
      <c r="CT7" s="521"/>
      <c r="CU7" s="521"/>
      <c r="CV7" s="544"/>
      <c r="CW7" s="567" t="s">
        <v>52</v>
      </c>
      <c r="CX7" s="520" t="s">
        <v>61</v>
      </c>
      <c r="CY7" s="521"/>
      <c r="CZ7" s="544"/>
      <c r="DA7" s="543" t="s">
        <v>62</v>
      </c>
      <c r="DB7" s="521"/>
      <c r="DC7" s="521"/>
      <c r="DD7" s="521"/>
      <c r="DE7" s="521"/>
      <c r="DF7" s="521"/>
      <c r="DG7" s="544"/>
      <c r="DH7" s="567" t="s">
        <v>52</v>
      </c>
      <c r="DI7" s="512" t="s">
        <v>61</v>
      </c>
      <c r="DJ7" s="513"/>
      <c r="DK7" s="562"/>
      <c r="DL7" s="561" t="s">
        <v>62</v>
      </c>
      <c r="DM7" s="513"/>
      <c r="DN7" s="513"/>
      <c r="DO7" s="513"/>
      <c r="DP7" s="513"/>
      <c r="DQ7" s="513"/>
      <c r="DR7" s="562"/>
      <c r="DS7" s="545" t="s">
        <v>52</v>
      </c>
      <c r="DT7" s="520" t="s">
        <v>61</v>
      </c>
      <c r="DU7" s="521"/>
      <c r="DV7" s="522"/>
      <c r="DW7" s="543" t="s">
        <v>62</v>
      </c>
      <c r="DX7" s="521"/>
      <c r="DY7" s="521"/>
      <c r="DZ7" s="521"/>
      <c r="EA7" s="521"/>
      <c r="EB7" s="521"/>
      <c r="EC7" s="544"/>
      <c r="ED7" s="433" t="s">
        <v>52</v>
      </c>
      <c r="EE7" s="520" t="s">
        <v>61</v>
      </c>
      <c r="EF7" s="521"/>
      <c r="EG7" s="522"/>
      <c r="EH7" s="543" t="s">
        <v>62</v>
      </c>
      <c r="EI7" s="521"/>
      <c r="EJ7" s="521"/>
      <c r="EK7" s="521"/>
      <c r="EL7" s="521"/>
      <c r="EM7" s="521"/>
      <c r="EN7" s="544"/>
      <c r="EO7" s="433" t="s">
        <v>52</v>
      </c>
      <c r="EP7" s="520" t="s">
        <v>61</v>
      </c>
      <c r="EQ7" s="521"/>
      <c r="ER7" s="522"/>
      <c r="ES7" s="543" t="s">
        <v>62</v>
      </c>
      <c r="ET7" s="521"/>
      <c r="EU7" s="521"/>
      <c r="EV7" s="521"/>
      <c r="EW7" s="521"/>
      <c r="EX7" s="521"/>
      <c r="EY7" s="544"/>
      <c r="EZ7" s="433" t="s">
        <v>52</v>
      </c>
      <c r="FA7" s="520" t="s">
        <v>61</v>
      </c>
      <c r="FB7" s="521"/>
      <c r="FC7" s="522"/>
      <c r="FD7" s="543" t="s">
        <v>62</v>
      </c>
      <c r="FE7" s="521"/>
      <c r="FF7" s="521"/>
      <c r="FG7" s="521"/>
      <c r="FH7" s="521"/>
      <c r="FI7" s="521"/>
      <c r="FJ7" s="544"/>
      <c r="FK7" s="433" t="s">
        <v>52</v>
      </c>
      <c r="FL7" s="512" t="s">
        <v>61</v>
      </c>
      <c r="FM7" s="513"/>
      <c r="FN7" s="514"/>
      <c r="FO7" s="561" t="s">
        <v>62</v>
      </c>
      <c r="FP7" s="513"/>
      <c r="FQ7" s="513"/>
      <c r="FR7" s="513"/>
      <c r="FS7" s="513"/>
      <c r="FT7" s="513"/>
      <c r="FU7" s="562"/>
      <c r="FV7" s="516" t="s">
        <v>52</v>
      </c>
      <c r="FW7" s="520" t="s">
        <v>61</v>
      </c>
      <c r="FX7" s="521"/>
      <c r="FY7" s="522"/>
      <c r="FZ7" s="543" t="s">
        <v>62</v>
      </c>
      <c r="GA7" s="521"/>
      <c r="GB7" s="521"/>
      <c r="GC7" s="521"/>
      <c r="GD7" s="521"/>
      <c r="GE7" s="521"/>
      <c r="GF7" s="544"/>
      <c r="GG7" s="433" t="s">
        <v>52</v>
      </c>
      <c r="GH7" s="431" t="s">
        <v>61</v>
      </c>
      <c r="GI7" s="432"/>
      <c r="GJ7" s="432"/>
      <c r="GK7" s="523" t="s">
        <v>62</v>
      </c>
      <c r="GL7" s="432"/>
      <c r="GM7" s="432"/>
      <c r="GN7" s="432"/>
      <c r="GO7" s="432"/>
      <c r="GP7" s="432"/>
      <c r="GQ7" s="524"/>
      <c r="GR7" s="564" t="s">
        <v>52</v>
      </c>
      <c r="GS7" s="431" t="s">
        <v>61</v>
      </c>
      <c r="GT7" s="432"/>
      <c r="GU7" s="524"/>
      <c r="GV7" s="523" t="s">
        <v>62</v>
      </c>
      <c r="GW7" s="432"/>
      <c r="GX7" s="432"/>
      <c r="GY7" s="432"/>
      <c r="GZ7" s="432"/>
      <c r="HA7" s="432"/>
      <c r="HB7" s="524"/>
      <c r="HC7" s="564" t="s">
        <v>52</v>
      </c>
      <c r="HD7" s="520" t="s">
        <v>61</v>
      </c>
      <c r="HE7" s="521"/>
      <c r="HF7" s="522"/>
      <c r="HG7" s="543" t="s">
        <v>62</v>
      </c>
      <c r="HH7" s="521"/>
      <c r="HI7" s="521"/>
      <c r="HJ7" s="521"/>
      <c r="HK7" s="521"/>
      <c r="HL7" s="521"/>
      <c r="HM7" s="544"/>
      <c r="HN7" s="433" t="s">
        <v>52</v>
      </c>
      <c r="HO7" s="520" t="s">
        <v>61</v>
      </c>
      <c r="HP7" s="521"/>
      <c r="HQ7" s="522"/>
      <c r="HR7" s="543" t="s">
        <v>62</v>
      </c>
      <c r="HS7" s="521"/>
      <c r="HT7" s="521"/>
      <c r="HU7" s="521"/>
      <c r="HV7" s="521"/>
      <c r="HW7" s="521"/>
      <c r="HX7" s="544"/>
      <c r="HY7" s="433" t="s">
        <v>52</v>
      </c>
      <c r="HZ7" s="512" t="s">
        <v>61</v>
      </c>
      <c r="IA7" s="513"/>
      <c r="IB7" s="514"/>
      <c r="IC7" s="561" t="s">
        <v>62</v>
      </c>
      <c r="ID7" s="513"/>
      <c r="IE7" s="513"/>
      <c r="IF7" s="513"/>
      <c r="IG7" s="513"/>
      <c r="IH7" s="513"/>
      <c r="II7" s="562"/>
      <c r="IJ7" s="516" t="s">
        <v>52</v>
      </c>
      <c r="IK7" s="520" t="s">
        <v>61</v>
      </c>
      <c r="IL7" s="521"/>
      <c r="IM7" s="522"/>
      <c r="IN7" s="543" t="s">
        <v>62</v>
      </c>
      <c r="IO7" s="521"/>
      <c r="IP7" s="521"/>
      <c r="IQ7" s="521"/>
      <c r="IR7" s="521"/>
      <c r="IS7" s="521"/>
      <c r="IT7" s="544"/>
      <c r="IU7" s="433" t="s">
        <v>52</v>
      </c>
      <c r="IV7" s="520" t="s">
        <v>61</v>
      </c>
      <c r="IW7" s="521"/>
      <c r="IX7" s="544"/>
      <c r="IY7" s="543" t="s">
        <v>62</v>
      </c>
      <c r="IZ7" s="521"/>
      <c r="JA7" s="521"/>
      <c r="JB7" s="521"/>
      <c r="JC7" s="521"/>
      <c r="JD7" s="521"/>
      <c r="JE7" s="544"/>
      <c r="JF7" s="433" t="s">
        <v>52</v>
      </c>
      <c r="JG7" s="520" t="s">
        <v>61</v>
      </c>
      <c r="JH7" s="521"/>
      <c r="JI7" s="522"/>
      <c r="JJ7" s="543" t="s">
        <v>62</v>
      </c>
      <c r="JK7" s="521"/>
      <c r="JL7" s="521"/>
      <c r="JM7" s="521"/>
      <c r="JN7" s="521"/>
      <c r="JO7" s="521"/>
      <c r="JP7" s="544"/>
      <c r="JQ7" s="567" t="s">
        <v>52</v>
      </c>
      <c r="JR7" s="520" t="s">
        <v>61</v>
      </c>
      <c r="JS7" s="521"/>
      <c r="JT7" s="522"/>
      <c r="JU7" s="543" t="s">
        <v>62</v>
      </c>
      <c r="JV7" s="521"/>
      <c r="JW7" s="521"/>
      <c r="JX7" s="521"/>
      <c r="JY7" s="521"/>
      <c r="JZ7" s="521"/>
      <c r="KA7" s="544"/>
      <c r="KB7" s="567" t="s">
        <v>52</v>
      </c>
      <c r="KC7" s="520" t="s">
        <v>61</v>
      </c>
      <c r="KD7" s="521"/>
      <c r="KE7" s="522"/>
      <c r="KF7" s="543" t="s">
        <v>62</v>
      </c>
      <c r="KG7" s="521"/>
      <c r="KH7" s="521"/>
      <c r="KI7" s="521"/>
      <c r="KJ7" s="521"/>
      <c r="KK7" s="521"/>
      <c r="KL7" s="544"/>
      <c r="KM7" s="567" t="s">
        <v>52</v>
      </c>
      <c r="KN7" s="520" t="s">
        <v>61</v>
      </c>
      <c r="KO7" s="521"/>
      <c r="KP7" s="522"/>
      <c r="KQ7" s="543" t="s">
        <v>62</v>
      </c>
      <c r="KR7" s="521"/>
      <c r="KS7" s="521"/>
      <c r="KT7" s="521"/>
      <c r="KU7" s="521"/>
      <c r="KV7" s="521"/>
      <c r="KW7" s="544"/>
      <c r="KX7" s="567" t="s">
        <v>52</v>
      </c>
      <c r="KY7" s="520" t="s">
        <v>61</v>
      </c>
      <c r="KZ7" s="521"/>
      <c r="LA7" s="522"/>
      <c r="LB7" s="543" t="s">
        <v>62</v>
      </c>
      <c r="LC7" s="521"/>
      <c r="LD7" s="521"/>
      <c r="LE7" s="521"/>
      <c r="LF7" s="521"/>
      <c r="LG7" s="521"/>
      <c r="LH7" s="544"/>
      <c r="LI7" s="567" t="s">
        <v>52</v>
      </c>
      <c r="LJ7" s="520" t="s">
        <v>61</v>
      </c>
      <c r="LK7" s="521"/>
      <c r="LL7" s="522"/>
      <c r="LM7" s="543" t="s">
        <v>62</v>
      </c>
      <c r="LN7" s="521"/>
      <c r="LO7" s="521"/>
      <c r="LP7" s="521"/>
      <c r="LQ7" s="521"/>
      <c r="LR7" s="521"/>
      <c r="LS7" s="544"/>
      <c r="LT7" s="567" t="s">
        <v>52</v>
      </c>
      <c r="LU7" s="520" t="s">
        <v>61</v>
      </c>
      <c r="LV7" s="521"/>
      <c r="LW7" s="522"/>
      <c r="LX7" s="543" t="s">
        <v>62</v>
      </c>
      <c r="LY7" s="521"/>
      <c r="LZ7" s="521"/>
      <c r="MA7" s="521"/>
      <c r="MB7" s="521"/>
      <c r="MC7" s="521"/>
      <c r="MD7" s="544"/>
      <c r="ME7" s="567" t="s">
        <v>52</v>
      </c>
      <c r="MF7" s="512" t="s">
        <v>61</v>
      </c>
      <c r="MG7" s="513"/>
      <c r="MH7" s="514"/>
      <c r="MI7" s="561" t="s">
        <v>62</v>
      </c>
      <c r="MJ7" s="513"/>
      <c r="MK7" s="513"/>
      <c r="ML7" s="513"/>
      <c r="MM7" s="513"/>
      <c r="MN7" s="513"/>
      <c r="MO7" s="562"/>
      <c r="MP7" s="545" t="s">
        <v>52</v>
      </c>
      <c r="MQ7" s="520" t="s">
        <v>61</v>
      </c>
      <c r="MR7" s="521"/>
      <c r="MS7" s="522"/>
      <c r="MT7" s="543" t="s">
        <v>62</v>
      </c>
      <c r="MU7" s="521"/>
      <c r="MV7" s="521"/>
      <c r="MW7" s="521"/>
      <c r="MX7" s="521"/>
      <c r="MY7" s="521"/>
      <c r="MZ7" s="544"/>
      <c r="NA7" s="567" t="s">
        <v>52</v>
      </c>
      <c r="NB7" s="520" t="s">
        <v>61</v>
      </c>
      <c r="NC7" s="521"/>
      <c r="ND7" s="522"/>
      <c r="NE7" s="543" t="s">
        <v>62</v>
      </c>
      <c r="NF7" s="521"/>
      <c r="NG7" s="521"/>
      <c r="NH7" s="521"/>
      <c r="NI7" s="521"/>
      <c r="NJ7" s="521"/>
      <c r="NK7" s="544"/>
      <c r="NL7" s="567" t="s">
        <v>52</v>
      </c>
      <c r="NM7" s="520" t="s">
        <v>61</v>
      </c>
      <c r="NN7" s="521"/>
      <c r="NO7" s="522"/>
      <c r="NP7" s="543" t="s">
        <v>62</v>
      </c>
      <c r="NQ7" s="521"/>
      <c r="NR7" s="521"/>
      <c r="NS7" s="521"/>
      <c r="NT7" s="521"/>
      <c r="NU7" s="521"/>
      <c r="NV7" s="544"/>
      <c r="NW7" s="567" t="s">
        <v>52</v>
      </c>
      <c r="NX7" s="520" t="s">
        <v>61</v>
      </c>
      <c r="NY7" s="521"/>
      <c r="NZ7" s="522"/>
      <c r="OA7" s="543" t="s">
        <v>62</v>
      </c>
      <c r="OB7" s="521"/>
      <c r="OC7" s="521"/>
      <c r="OD7" s="521"/>
      <c r="OE7" s="521"/>
      <c r="OF7" s="521"/>
      <c r="OG7" s="544"/>
      <c r="OH7" s="567" t="s">
        <v>52</v>
      </c>
      <c r="OI7" s="512" t="s">
        <v>61</v>
      </c>
      <c r="OJ7" s="513"/>
      <c r="OK7" s="514"/>
      <c r="OL7" s="561" t="s">
        <v>62</v>
      </c>
      <c r="OM7" s="513"/>
      <c r="ON7" s="513"/>
      <c r="OO7" s="513"/>
      <c r="OP7" s="513"/>
      <c r="OQ7" s="513"/>
      <c r="OR7" s="562"/>
      <c r="OS7" s="545" t="s">
        <v>52</v>
      </c>
    </row>
    <row r="8" spans="1:409" ht="30" customHeight="1" thickBot="1" x14ac:dyDescent="0.25">
      <c r="B8" s="549"/>
      <c r="C8" s="249" t="s">
        <v>43</v>
      </c>
      <c r="D8" s="74" t="s">
        <v>44</v>
      </c>
      <c r="E8" s="250" t="s">
        <v>45</v>
      </c>
      <c r="F8" s="76" t="s">
        <v>83</v>
      </c>
      <c r="G8" s="74" t="s">
        <v>47</v>
      </c>
      <c r="H8" s="74" t="s">
        <v>48</v>
      </c>
      <c r="I8" s="74" t="s">
        <v>49</v>
      </c>
      <c r="J8" s="74" t="s">
        <v>50</v>
      </c>
      <c r="K8" s="74" t="s">
        <v>51</v>
      </c>
      <c r="L8" s="75" t="s">
        <v>45</v>
      </c>
      <c r="M8" s="559"/>
      <c r="N8" s="73" t="s">
        <v>43</v>
      </c>
      <c r="O8" s="74" t="s">
        <v>44</v>
      </c>
      <c r="P8" s="75" t="s">
        <v>45</v>
      </c>
      <c r="Q8" s="76" t="s">
        <v>83</v>
      </c>
      <c r="R8" s="74" t="s">
        <v>47</v>
      </c>
      <c r="S8" s="74" t="s">
        <v>48</v>
      </c>
      <c r="T8" s="74" t="s">
        <v>49</v>
      </c>
      <c r="U8" s="74" t="s">
        <v>50</v>
      </c>
      <c r="V8" s="74" t="s">
        <v>51</v>
      </c>
      <c r="W8" s="75" t="s">
        <v>45</v>
      </c>
      <c r="X8" s="546"/>
      <c r="Y8" s="73" t="s">
        <v>43</v>
      </c>
      <c r="Z8" s="74" t="s">
        <v>44</v>
      </c>
      <c r="AA8" s="75" t="s">
        <v>45</v>
      </c>
      <c r="AB8" s="76" t="s">
        <v>83</v>
      </c>
      <c r="AC8" s="74" t="s">
        <v>47</v>
      </c>
      <c r="AD8" s="74" t="s">
        <v>48</v>
      </c>
      <c r="AE8" s="74" t="s">
        <v>49</v>
      </c>
      <c r="AF8" s="74" t="s">
        <v>50</v>
      </c>
      <c r="AG8" s="74" t="s">
        <v>51</v>
      </c>
      <c r="AH8" s="75" t="s">
        <v>45</v>
      </c>
      <c r="AI8" s="532"/>
      <c r="AJ8" s="73" t="s">
        <v>43</v>
      </c>
      <c r="AK8" s="74" t="s">
        <v>44</v>
      </c>
      <c r="AL8" s="250" t="s">
        <v>45</v>
      </c>
      <c r="AM8" s="76" t="s">
        <v>83</v>
      </c>
      <c r="AN8" s="74" t="s">
        <v>47</v>
      </c>
      <c r="AO8" s="74" t="s">
        <v>48</v>
      </c>
      <c r="AP8" s="74" t="s">
        <v>49</v>
      </c>
      <c r="AQ8" s="74" t="s">
        <v>50</v>
      </c>
      <c r="AR8" s="74" t="s">
        <v>51</v>
      </c>
      <c r="AS8" s="75" t="s">
        <v>45</v>
      </c>
      <c r="AT8" s="532"/>
      <c r="AU8" s="73" t="s">
        <v>43</v>
      </c>
      <c r="AV8" s="74" t="s">
        <v>44</v>
      </c>
      <c r="AW8" s="250" t="s">
        <v>45</v>
      </c>
      <c r="AX8" s="76" t="s">
        <v>83</v>
      </c>
      <c r="AY8" s="74" t="s">
        <v>47</v>
      </c>
      <c r="AZ8" s="74" t="s">
        <v>48</v>
      </c>
      <c r="BA8" s="74" t="s">
        <v>49</v>
      </c>
      <c r="BB8" s="74" t="s">
        <v>50</v>
      </c>
      <c r="BC8" s="74" t="s">
        <v>51</v>
      </c>
      <c r="BD8" s="75" t="s">
        <v>45</v>
      </c>
      <c r="BE8" s="532"/>
      <c r="BF8" s="251" t="s">
        <v>43</v>
      </c>
      <c r="BG8" s="74" t="s">
        <v>44</v>
      </c>
      <c r="BH8" s="250" t="s">
        <v>45</v>
      </c>
      <c r="BI8" s="76" t="s">
        <v>83</v>
      </c>
      <c r="BJ8" s="74" t="s">
        <v>47</v>
      </c>
      <c r="BK8" s="74" t="s">
        <v>48</v>
      </c>
      <c r="BL8" s="74" t="s">
        <v>49</v>
      </c>
      <c r="BM8" s="74" t="s">
        <v>50</v>
      </c>
      <c r="BN8" s="74" t="s">
        <v>51</v>
      </c>
      <c r="BO8" s="75" t="s">
        <v>45</v>
      </c>
      <c r="BP8" s="532"/>
      <c r="BQ8" s="73" t="s">
        <v>43</v>
      </c>
      <c r="BR8" s="74" t="s">
        <v>44</v>
      </c>
      <c r="BS8" s="250" t="s">
        <v>45</v>
      </c>
      <c r="BT8" s="76" t="s">
        <v>83</v>
      </c>
      <c r="BU8" s="74" t="s">
        <v>47</v>
      </c>
      <c r="BV8" s="74" t="s">
        <v>48</v>
      </c>
      <c r="BW8" s="74" t="s">
        <v>49</v>
      </c>
      <c r="BX8" s="74" t="s">
        <v>50</v>
      </c>
      <c r="BY8" s="74" t="s">
        <v>51</v>
      </c>
      <c r="BZ8" s="75" t="s">
        <v>45</v>
      </c>
      <c r="CA8" s="532"/>
      <c r="CB8" s="73" t="s">
        <v>43</v>
      </c>
      <c r="CC8" s="74" t="s">
        <v>44</v>
      </c>
      <c r="CD8" s="250" t="s">
        <v>45</v>
      </c>
      <c r="CE8" s="76" t="s">
        <v>83</v>
      </c>
      <c r="CF8" s="74" t="s">
        <v>47</v>
      </c>
      <c r="CG8" s="74" t="s">
        <v>48</v>
      </c>
      <c r="CH8" s="74" t="s">
        <v>49</v>
      </c>
      <c r="CI8" s="74" t="s">
        <v>50</v>
      </c>
      <c r="CJ8" s="74" t="s">
        <v>51</v>
      </c>
      <c r="CK8" s="75" t="s">
        <v>45</v>
      </c>
      <c r="CL8" s="546"/>
      <c r="CM8" s="73" t="s">
        <v>43</v>
      </c>
      <c r="CN8" s="74" t="s">
        <v>44</v>
      </c>
      <c r="CO8" s="75" t="s">
        <v>45</v>
      </c>
      <c r="CP8" s="76" t="s">
        <v>83</v>
      </c>
      <c r="CQ8" s="74" t="s">
        <v>47</v>
      </c>
      <c r="CR8" s="74" t="s">
        <v>48</v>
      </c>
      <c r="CS8" s="74" t="s">
        <v>49</v>
      </c>
      <c r="CT8" s="74" t="s">
        <v>50</v>
      </c>
      <c r="CU8" s="74" t="s">
        <v>51</v>
      </c>
      <c r="CV8" s="75" t="s">
        <v>45</v>
      </c>
      <c r="CW8" s="546"/>
      <c r="CX8" s="73" t="s">
        <v>43</v>
      </c>
      <c r="CY8" s="74" t="s">
        <v>44</v>
      </c>
      <c r="CZ8" s="75" t="s">
        <v>45</v>
      </c>
      <c r="DA8" s="76" t="s">
        <v>83</v>
      </c>
      <c r="DB8" s="74" t="s">
        <v>47</v>
      </c>
      <c r="DC8" s="74" t="s">
        <v>48</v>
      </c>
      <c r="DD8" s="74" t="s">
        <v>49</v>
      </c>
      <c r="DE8" s="74" t="s">
        <v>50</v>
      </c>
      <c r="DF8" s="74" t="s">
        <v>51</v>
      </c>
      <c r="DG8" s="75" t="s">
        <v>45</v>
      </c>
      <c r="DH8" s="546"/>
      <c r="DI8" s="73" t="s">
        <v>43</v>
      </c>
      <c r="DJ8" s="74" t="s">
        <v>44</v>
      </c>
      <c r="DK8" s="75" t="s">
        <v>45</v>
      </c>
      <c r="DL8" s="76" t="s">
        <v>83</v>
      </c>
      <c r="DM8" s="74" t="s">
        <v>47</v>
      </c>
      <c r="DN8" s="74" t="s">
        <v>48</v>
      </c>
      <c r="DO8" s="74" t="s">
        <v>49</v>
      </c>
      <c r="DP8" s="74" t="s">
        <v>50</v>
      </c>
      <c r="DQ8" s="74" t="s">
        <v>51</v>
      </c>
      <c r="DR8" s="75" t="s">
        <v>45</v>
      </c>
      <c r="DS8" s="546"/>
      <c r="DT8" s="73" t="s">
        <v>43</v>
      </c>
      <c r="DU8" s="74" t="s">
        <v>44</v>
      </c>
      <c r="DV8" s="250" t="s">
        <v>45</v>
      </c>
      <c r="DW8" s="76" t="s">
        <v>83</v>
      </c>
      <c r="DX8" s="74" t="s">
        <v>47</v>
      </c>
      <c r="DY8" s="74" t="s">
        <v>48</v>
      </c>
      <c r="DZ8" s="74" t="s">
        <v>49</v>
      </c>
      <c r="EA8" s="74" t="s">
        <v>50</v>
      </c>
      <c r="EB8" s="74" t="s">
        <v>51</v>
      </c>
      <c r="EC8" s="75" t="s">
        <v>45</v>
      </c>
      <c r="ED8" s="532"/>
      <c r="EE8" s="73" t="s">
        <v>43</v>
      </c>
      <c r="EF8" s="74" t="s">
        <v>44</v>
      </c>
      <c r="EG8" s="250" t="s">
        <v>45</v>
      </c>
      <c r="EH8" s="76" t="s">
        <v>83</v>
      </c>
      <c r="EI8" s="74" t="s">
        <v>47</v>
      </c>
      <c r="EJ8" s="74" t="s">
        <v>48</v>
      </c>
      <c r="EK8" s="74" t="s">
        <v>49</v>
      </c>
      <c r="EL8" s="74" t="s">
        <v>50</v>
      </c>
      <c r="EM8" s="74" t="s">
        <v>51</v>
      </c>
      <c r="EN8" s="75" t="s">
        <v>45</v>
      </c>
      <c r="EO8" s="532"/>
      <c r="EP8" s="73" t="s">
        <v>43</v>
      </c>
      <c r="EQ8" s="74" t="s">
        <v>44</v>
      </c>
      <c r="ER8" s="250" t="s">
        <v>45</v>
      </c>
      <c r="ES8" s="76" t="s">
        <v>83</v>
      </c>
      <c r="ET8" s="74" t="s">
        <v>47</v>
      </c>
      <c r="EU8" s="74" t="s">
        <v>48</v>
      </c>
      <c r="EV8" s="74" t="s">
        <v>49</v>
      </c>
      <c r="EW8" s="74" t="s">
        <v>50</v>
      </c>
      <c r="EX8" s="74" t="s">
        <v>51</v>
      </c>
      <c r="EY8" s="75" t="s">
        <v>45</v>
      </c>
      <c r="EZ8" s="532"/>
      <c r="FA8" s="73" t="s">
        <v>43</v>
      </c>
      <c r="FB8" s="74" t="s">
        <v>44</v>
      </c>
      <c r="FC8" s="250" t="s">
        <v>45</v>
      </c>
      <c r="FD8" s="76" t="s">
        <v>83</v>
      </c>
      <c r="FE8" s="74" t="s">
        <v>47</v>
      </c>
      <c r="FF8" s="74" t="s">
        <v>48</v>
      </c>
      <c r="FG8" s="74" t="s">
        <v>49</v>
      </c>
      <c r="FH8" s="74" t="s">
        <v>50</v>
      </c>
      <c r="FI8" s="74" t="s">
        <v>51</v>
      </c>
      <c r="FJ8" s="75" t="s">
        <v>45</v>
      </c>
      <c r="FK8" s="532"/>
      <c r="FL8" s="73" t="s">
        <v>43</v>
      </c>
      <c r="FM8" s="74" t="s">
        <v>44</v>
      </c>
      <c r="FN8" s="250" t="s">
        <v>45</v>
      </c>
      <c r="FO8" s="76" t="s">
        <v>83</v>
      </c>
      <c r="FP8" s="74" t="s">
        <v>47</v>
      </c>
      <c r="FQ8" s="74" t="s">
        <v>48</v>
      </c>
      <c r="FR8" s="74" t="s">
        <v>49</v>
      </c>
      <c r="FS8" s="74" t="s">
        <v>50</v>
      </c>
      <c r="FT8" s="74" t="s">
        <v>51</v>
      </c>
      <c r="FU8" s="75" t="s">
        <v>45</v>
      </c>
      <c r="FV8" s="566"/>
      <c r="FW8" s="73" t="s">
        <v>43</v>
      </c>
      <c r="FX8" s="74" t="s">
        <v>44</v>
      </c>
      <c r="FY8" s="250" t="s">
        <v>45</v>
      </c>
      <c r="FZ8" s="76" t="s">
        <v>83</v>
      </c>
      <c r="GA8" s="74" t="s">
        <v>47</v>
      </c>
      <c r="GB8" s="74" t="s">
        <v>48</v>
      </c>
      <c r="GC8" s="74" t="s">
        <v>49</v>
      </c>
      <c r="GD8" s="74" t="s">
        <v>50</v>
      </c>
      <c r="GE8" s="74" t="s">
        <v>51</v>
      </c>
      <c r="GF8" s="75" t="s">
        <v>45</v>
      </c>
      <c r="GG8" s="532"/>
      <c r="GH8" s="73" t="s">
        <v>43</v>
      </c>
      <c r="GI8" s="74" t="s">
        <v>44</v>
      </c>
      <c r="GJ8" s="250" t="s">
        <v>45</v>
      </c>
      <c r="GK8" s="76" t="s">
        <v>83</v>
      </c>
      <c r="GL8" s="74" t="s">
        <v>47</v>
      </c>
      <c r="GM8" s="74" t="s">
        <v>48</v>
      </c>
      <c r="GN8" s="74" t="s">
        <v>49</v>
      </c>
      <c r="GO8" s="74" t="s">
        <v>50</v>
      </c>
      <c r="GP8" s="74" t="s">
        <v>51</v>
      </c>
      <c r="GQ8" s="75" t="s">
        <v>45</v>
      </c>
      <c r="GR8" s="565"/>
      <c r="GS8" s="73" t="s">
        <v>43</v>
      </c>
      <c r="GT8" s="74" t="s">
        <v>44</v>
      </c>
      <c r="GU8" s="250" t="s">
        <v>45</v>
      </c>
      <c r="GV8" s="76" t="s">
        <v>83</v>
      </c>
      <c r="GW8" s="74" t="s">
        <v>47</v>
      </c>
      <c r="GX8" s="74" t="s">
        <v>48</v>
      </c>
      <c r="GY8" s="74" t="s">
        <v>49</v>
      </c>
      <c r="GZ8" s="74" t="s">
        <v>50</v>
      </c>
      <c r="HA8" s="74" t="s">
        <v>51</v>
      </c>
      <c r="HB8" s="75" t="s">
        <v>45</v>
      </c>
      <c r="HC8" s="565"/>
      <c r="HD8" s="73" t="s">
        <v>43</v>
      </c>
      <c r="HE8" s="74" t="s">
        <v>44</v>
      </c>
      <c r="HF8" s="250" t="s">
        <v>45</v>
      </c>
      <c r="HG8" s="76" t="s">
        <v>83</v>
      </c>
      <c r="HH8" s="74" t="s">
        <v>47</v>
      </c>
      <c r="HI8" s="74" t="s">
        <v>48</v>
      </c>
      <c r="HJ8" s="74" t="s">
        <v>49</v>
      </c>
      <c r="HK8" s="74" t="s">
        <v>50</v>
      </c>
      <c r="HL8" s="74" t="s">
        <v>51</v>
      </c>
      <c r="HM8" s="75" t="s">
        <v>45</v>
      </c>
      <c r="HN8" s="532"/>
      <c r="HO8" s="73" t="s">
        <v>43</v>
      </c>
      <c r="HP8" s="74" t="s">
        <v>44</v>
      </c>
      <c r="HQ8" s="250" t="s">
        <v>45</v>
      </c>
      <c r="HR8" s="76" t="s">
        <v>83</v>
      </c>
      <c r="HS8" s="74" t="s">
        <v>47</v>
      </c>
      <c r="HT8" s="74" t="s">
        <v>48</v>
      </c>
      <c r="HU8" s="74" t="s">
        <v>49</v>
      </c>
      <c r="HV8" s="74" t="s">
        <v>50</v>
      </c>
      <c r="HW8" s="74" t="s">
        <v>51</v>
      </c>
      <c r="HX8" s="75" t="s">
        <v>45</v>
      </c>
      <c r="HY8" s="532"/>
      <c r="HZ8" s="73" t="s">
        <v>43</v>
      </c>
      <c r="IA8" s="74" t="s">
        <v>44</v>
      </c>
      <c r="IB8" s="250" t="s">
        <v>45</v>
      </c>
      <c r="IC8" s="76" t="s">
        <v>83</v>
      </c>
      <c r="ID8" s="74" t="s">
        <v>47</v>
      </c>
      <c r="IE8" s="74" t="s">
        <v>48</v>
      </c>
      <c r="IF8" s="74" t="s">
        <v>49</v>
      </c>
      <c r="IG8" s="74" t="s">
        <v>50</v>
      </c>
      <c r="IH8" s="74" t="s">
        <v>51</v>
      </c>
      <c r="II8" s="75" t="s">
        <v>45</v>
      </c>
      <c r="IJ8" s="566"/>
      <c r="IK8" s="73" t="s">
        <v>43</v>
      </c>
      <c r="IL8" s="74" t="s">
        <v>44</v>
      </c>
      <c r="IM8" s="250" t="s">
        <v>45</v>
      </c>
      <c r="IN8" s="76" t="s">
        <v>83</v>
      </c>
      <c r="IO8" s="252" t="s">
        <v>47</v>
      </c>
      <c r="IP8" s="252" t="s">
        <v>48</v>
      </c>
      <c r="IQ8" s="252" t="s">
        <v>49</v>
      </c>
      <c r="IR8" s="252" t="s">
        <v>50</v>
      </c>
      <c r="IS8" s="252" t="s">
        <v>51</v>
      </c>
      <c r="IT8" s="253" t="s">
        <v>45</v>
      </c>
      <c r="IU8" s="569"/>
      <c r="IV8" s="251" t="s">
        <v>43</v>
      </c>
      <c r="IW8" s="252" t="s">
        <v>44</v>
      </c>
      <c r="IX8" s="253" t="s">
        <v>45</v>
      </c>
      <c r="IY8" s="231" t="s">
        <v>83</v>
      </c>
      <c r="IZ8" s="252" t="s">
        <v>47</v>
      </c>
      <c r="JA8" s="252" t="s">
        <v>48</v>
      </c>
      <c r="JB8" s="252" t="s">
        <v>49</v>
      </c>
      <c r="JC8" s="252" t="s">
        <v>50</v>
      </c>
      <c r="JD8" s="252" t="s">
        <v>51</v>
      </c>
      <c r="JE8" s="253" t="s">
        <v>45</v>
      </c>
      <c r="JF8" s="569"/>
      <c r="JG8" s="251" t="s">
        <v>43</v>
      </c>
      <c r="JH8" s="252" t="s">
        <v>44</v>
      </c>
      <c r="JI8" s="254" t="s">
        <v>45</v>
      </c>
      <c r="JJ8" s="231" t="s">
        <v>83</v>
      </c>
      <c r="JK8" s="252" t="s">
        <v>47</v>
      </c>
      <c r="JL8" s="252" t="s">
        <v>48</v>
      </c>
      <c r="JM8" s="252" t="s">
        <v>49</v>
      </c>
      <c r="JN8" s="252" t="s">
        <v>50</v>
      </c>
      <c r="JO8" s="252" t="s">
        <v>51</v>
      </c>
      <c r="JP8" s="253" t="s">
        <v>45</v>
      </c>
      <c r="JQ8" s="568"/>
      <c r="JR8" s="251" t="s">
        <v>43</v>
      </c>
      <c r="JS8" s="252" t="s">
        <v>44</v>
      </c>
      <c r="JT8" s="254" t="s">
        <v>45</v>
      </c>
      <c r="JU8" s="231" t="s">
        <v>83</v>
      </c>
      <c r="JV8" s="252" t="s">
        <v>47</v>
      </c>
      <c r="JW8" s="252" t="s">
        <v>48</v>
      </c>
      <c r="JX8" s="252" t="s">
        <v>49</v>
      </c>
      <c r="JY8" s="252" t="s">
        <v>50</v>
      </c>
      <c r="JZ8" s="252" t="s">
        <v>51</v>
      </c>
      <c r="KA8" s="253" t="s">
        <v>45</v>
      </c>
      <c r="KB8" s="568"/>
      <c r="KC8" s="251" t="s">
        <v>43</v>
      </c>
      <c r="KD8" s="252" t="s">
        <v>44</v>
      </c>
      <c r="KE8" s="254" t="s">
        <v>45</v>
      </c>
      <c r="KF8" s="231" t="s">
        <v>83</v>
      </c>
      <c r="KG8" s="252" t="s">
        <v>47</v>
      </c>
      <c r="KH8" s="252" t="s">
        <v>48</v>
      </c>
      <c r="KI8" s="252" t="s">
        <v>49</v>
      </c>
      <c r="KJ8" s="252" t="s">
        <v>50</v>
      </c>
      <c r="KK8" s="252" t="s">
        <v>51</v>
      </c>
      <c r="KL8" s="253" t="s">
        <v>45</v>
      </c>
      <c r="KM8" s="568"/>
      <c r="KN8" s="251" t="s">
        <v>43</v>
      </c>
      <c r="KO8" s="252" t="s">
        <v>44</v>
      </c>
      <c r="KP8" s="254" t="s">
        <v>45</v>
      </c>
      <c r="KQ8" s="76" t="s">
        <v>83</v>
      </c>
      <c r="KR8" s="252" t="s">
        <v>47</v>
      </c>
      <c r="KS8" s="252" t="s">
        <v>48</v>
      </c>
      <c r="KT8" s="252" t="s">
        <v>49</v>
      </c>
      <c r="KU8" s="252" t="s">
        <v>50</v>
      </c>
      <c r="KV8" s="252" t="s">
        <v>51</v>
      </c>
      <c r="KW8" s="253" t="s">
        <v>45</v>
      </c>
      <c r="KX8" s="568"/>
      <c r="KY8" s="251" t="s">
        <v>43</v>
      </c>
      <c r="KZ8" s="252" t="s">
        <v>44</v>
      </c>
      <c r="LA8" s="254" t="s">
        <v>45</v>
      </c>
      <c r="LB8" s="76" t="s">
        <v>83</v>
      </c>
      <c r="LC8" s="252" t="s">
        <v>47</v>
      </c>
      <c r="LD8" s="252" t="s">
        <v>48</v>
      </c>
      <c r="LE8" s="252" t="s">
        <v>49</v>
      </c>
      <c r="LF8" s="252" t="s">
        <v>50</v>
      </c>
      <c r="LG8" s="252" t="s">
        <v>51</v>
      </c>
      <c r="LH8" s="253" t="s">
        <v>45</v>
      </c>
      <c r="LI8" s="568"/>
      <c r="LJ8" s="251" t="s">
        <v>43</v>
      </c>
      <c r="LK8" s="252" t="s">
        <v>44</v>
      </c>
      <c r="LL8" s="254" t="s">
        <v>45</v>
      </c>
      <c r="LM8" s="76" t="s">
        <v>83</v>
      </c>
      <c r="LN8" s="252" t="s">
        <v>47</v>
      </c>
      <c r="LO8" s="252" t="s">
        <v>48</v>
      </c>
      <c r="LP8" s="252" t="s">
        <v>49</v>
      </c>
      <c r="LQ8" s="252" t="s">
        <v>50</v>
      </c>
      <c r="LR8" s="252" t="s">
        <v>51</v>
      </c>
      <c r="LS8" s="253" t="s">
        <v>45</v>
      </c>
      <c r="LT8" s="568"/>
      <c r="LU8" s="251" t="s">
        <v>43</v>
      </c>
      <c r="LV8" s="252" t="s">
        <v>44</v>
      </c>
      <c r="LW8" s="254" t="s">
        <v>45</v>
      </c>
      <c r="LX8" s="76" t="s">
        <v>83</v>
      </c>
      <c r="LY8" s="252" t="s">
        <v>47</v>
      </c>
      <c r="LZ8" s="252" t="s">
        <v>48</v>
      </c>
      <c r="MA8" s="252" t="s">
        <v>49</v>
      </c>
      <c r="MB8" s="252" t="s">
        <v>50</v>
      </c>
      <c r="MC8" s="252" t="s">
        <v>51</v>
      </c>
      <c r="MD8" s="253" t="s">
        <v>45</v>
      </c>
      <c r="ME8" s="568"/>
      <c r="MF8" s="251" t="s">
        <v>43</v>
      </c>
      <c r="MG8" s="252" t="s">
        <v>44</v>
      </c>
      <c r="MH8" s="254" t="s">
        <v>45</v>
      </c>
      <c r="MI8" s="76" t="s">
        <v>83</v>
      </c>
      <c r="MJ8" s="252" t="s">
        <v>47</v>
      </c>
      <c r="MK8" s="252" t="s">
        <v>48</v>
      </c>
      <c r="ML8" s="252" t="s">
        <v>49</v>
      </c>
      <c r="MM8" s="252" t="s">
        <v>50</v>
      </c>
      <c r="MN8" s="252" t="s">
        <v>51</v>
      </c>
      <c r="MO8" s="253" t="s">
        <v>45</v>
      </c>
      <c r="MP8" s="568"/>
      <c r="MQ8" s="251" t="s">
        <v>43</v>
      </c>
      <c r="MR8" s="252" t="s">
        <v>44</v>
      </c>
      <c r="MS8" s="254" t="s">
        <v>45</v>
      </c>
      <c r="MT8" s="76" t="s">
        <v>83</v>
      </c>
      <c r="MU8" s="252" t="s">
        <v>47</v>
      </c>
      <c r="MV8" s="252" t="s">
        <v>48</v>
      </c>
      <c r="MW8" s="252" t="s">
        <v>49</v>
      </c>
      <c r="MX8" s="252" t="s">
        <v>50</v>
      </c>
      <c r="MY8" s="252" t="s">
        <v>51</v>
      </c>
      <c r="MZ8" s="253" t="s">
        <v>45</v>
      </c>
      <c r="NA8" s="568"/>
      <c r="NB8" s="251" t="s">
        <v>43</v>
      </c>
      <c r="NC8" s="252" t="s">
        <v>44</v>
      </c>
      <c r="ND8" s="254" t="s">
        <v>45</v>
      </c>
      <c r="NE8" s="76" t="s">
        <v>83</v>
      </c>
      <c r="NF8" s="252" t="s">
        <v>47</v>
      </c>
      <c r="NG8" s="252" t="s">
        <v>48</v>
      </c>
      <c r="NH8" s="252" t="s">
        <v>49</v>
      </c>
      <c r="NI8" s="252" t="s">
        <v>50</v>
      </c>
      <c r="NJ8" s="252" t="s">
        <v>51</v>
      </c>
      <c r="NK8" s="253" t="s">
        <v>45</v>
      </c>
      <c r="NL8" s="568"/>
      <c r="NM8" s="251" t="s">
        <v>43</v>
      </c>
      <c r="NN8" s="252" t="s">
        <v>44</v>
      </c>
      <c r="NO8" s="254" t="s">
        <v>45</v>
      </c>
      <c r="NP8" s="76" t="s">
        <v>83</v>
      </c>
      <c r="NQ8" s="252" t="s">
        <v>47</v>
      </c>
      <c r="NR8" s="252" t="s">
        <v>48</v>
      </c>
      <c r="NS8" s="252" t="s">
        <v>49</v>
      </c>
      <c r="NT8" s="252" t="s">
        <v>50</v>
      </c>
      <c r="NU8" s="252" t="s">
        <v>51</v>
      </c>
      <c r="NV8" s="253" t="s">
        <v>45</v>
      </c>
      <c r="NW8" s="568"/>
      <c r="NX8" s="251" t="s">
        <v>43</v>
      </c>
      <c r="NY8" s="252" t="s">
        <v>44</v>
      </c>
      <c r="NZ8" s="254" t="s">
        <v>45</v>
      </c>
      <c r="OA8" s="76" t="s">
        <v>83</v>
      </c>
      <c r="OB8" s="252" t="s">
        <v>47</v>
      </c>
      <c r="OC8" s="252" t="s">
        <v>48</v>
      </c>
      <c r="OD8" s="252" t="s">
        <v>49</v>
      </c>
      <c r="OE8" s="252" t="s">
        <v>50</v>
      </c>
      <c r="OF8" s="252" t="s">
        <v>51</v>
      </c>
      <c r="OG8" s="253" t="s">
        <v>45</v>
      </c>
      <c r="OH8" s="568"/>
      <c r="OI8" s="251" t="s">
        <v>43</v>
      </c>
      <c r="OJ8" s="252" t="s">
        <v>44</v>
      </c>
      <c r="OK8" s="254" t="s">
        <v>45</v>
      </c>
      <c r="OL8" s="231" t="s">
        <v>83</v>
      </c>
      <c r="OM8" s="252" t="s">
        <v>47</v>
      </c>
      <c r="ON8" s="252" t="s">
        <v>48</v>
      </c>
      <c r="OO8" s="252" t="s">
        <v>49</v>
      </c>
      <c r="OP8" s="252" t="s">
        <v>50</v>
      </c>
      <c r="OQ8" s="252" t="s">
        <v>51</v>
      </c>
      <c r="OR8" s="253" t="s">
        <v>45</v>
      </c>
      <c r="OS8" s="568"/>
    </row>
    <row r="9" spans="1:409" s="407" customFormat="1" ht="21" customHeight="1" x14ac:dyDescent="0.2">
      <c r="A9" s="70"/>
      <c r="B9" s="408" t="s">
        <v>4</v>
      </c>
      <c r="C9" s="255">
        <v>445276820</v>
      </c>
      <c r="D9" s="256">
        <v>941377035</v>
      </c>
      <c r="E9" s="257">
        <v>1386653855</v>
      </c>
      <c r="F9" s="258">
        <v>0</v>
      </c>
      <c r="G9" s="256">
        <v>5580936840</v>
      </c>
      <c r="H9" s="256">
        <v>7802644107</v>
      </c>
      <c r="I9" s="256">
        <v>6331362357</v>
      </c>
      <c r="J9" s="256">
        <v>6048487830</v>
      </c>
      <c r="K9" s="256">
        <v>4457852538</v>
      </c>
      <c r="L9" s="259">
        <v>30221283672</v>
      </c>
      <c r="M9" s="260">
        <v>31607937527</v>
      </c>
      <c r="N9" s="255">
        <v>110142333</v>
      </c>
      <c r="O9" s="256">
        <v>285884949</v>
      </c>
      <c r="P9" s="261">
        <v>396027282</v>
      </c>
      <c r="Q9" s="255">
        <v>0</v>
      </c>
      <c r="R9" s="256">
        <v>1600102122</v>
      </c>
      <c r="S9" s="256">
        <v>2568728270</v>
      </c>
      <c r="T9" s="256">
        <v>2168547015</v>
      </c>
      <c r="U9" s="256">
        <v>2425855737</v>
      </c>
      <c r="V9" s="256">
        <v>2340709012</v>
      </c>
      <c r="W9" s="261">
        <v>11103942156</v>
      </c>
      <c r="X9" s="260">
        <v>11499969438</v>
      </c>
      <c r="Y9" s="255">
        <v>0</v>
      </c>
      <c r="Z9" s="256">
        <v>0</v>
      </c>
      <c r="AA9" s="261">
        <v>0</v>
      </c>
      <c r="AB9" s="262">
        <v>0</v>
      </c>
      <c r="AC9" s="263">
        <v>712376005</v>
      </c>
      <c r="AD9" s="263">
        <v>1215862360</v>
      </c>
      <c r="AE9" s="263">
        <v>1197794383</v>
      </c>
      <c r="AF9" s="263">
        <v>1437252762</v>
      </c>
      <c r="AG9" s="263">
        <v>1379725419</v>
      </c>
      <c r="AH9" s="261">
        <v>5943010929</v>
      </c>
      <c r="AI9" s="260">
        <v>5943010929</v>
      </c>
      <c r="AJ9" s="264">
        <v>176080</v>
      </c>
      <c r="AK9" s="263">
        <v>669081</v>
      </c>
      <c r="AL9" s="261">
        <v>845161</v>
      </c>
      <c r="AM9" s="262">
        <v>0</v>
      </c>
      <c r="AN9" s="263">
        <v>5811577</v>
      </c>
      <c r="AO9" s="259">
        <v>23228659</v>
      </c>
      <c r="AP9" s="263">
        <v>46446081</v>
      </c>
      <c r="AQ9" s="263">
        <v>130095930</v>
      </c>
      <c r="AR9" s="263">
        <v>250271751</v>
      </c>
      <c r="AS9" s="261">
        <v>455853998</v>
      </c>
      <c r="AT9" s="260">
        <v>456699159</v>
      </c>
      <c r="AU9" s="264">
        <v>62549328</v>
      </c>
      <c r="AV9" s="263">
        <v>205270734</v>
      </c>
      <c r="AW9" s="261">
        <v>267820062</v>
      </c>
      <c r="AX9" s="262">
        <v>0</v>
      </c>
      <c r="AY9" s="263">
        <v>534280958</v>
      </c>
      <c r="AZ9" s="263">
        <v>875698698</v>
      </c>
      <c r="BA9" s="263">
        <v>543032274</v>
      </c>
      <c r="BB9" s="263">
        <v>487651610</v>
      </c>
      <c r="BC9" s="263">
        <v>439597031</v>
      </c>
      <c r="BD9" s="261">
        <v>2880260571</v>
      </c>
      <c r="BE9" s="265">
        <v>3148080633</v>
      </c>
      <c r="BF9" s="264">
        <v>6954338</v>
      </c>
      <c r="BG9" s="259">
        <v>25189552</v>
      </c>
      <c r="BH9" s="266">
        <v>32143890</v>
      </c>
      <c r="BI9" s="262">
        <v>0</v>
      </c>
      <c r="BJ9" s="263">
        <v>41942185</v>
      </c>
      <c r="BK9" s="263">
        <v>67593516</v>
      </c>
      <c r="BL9" s="263">
        <v>44894831</v>
      </c>
      <c r="BM9" s="263">
        <v>35008232</v>
      </c>
      <c r="BN9" s="263">
        <v>22907724</v>
      </c>
      <c r="BO9" s="261">
        <v>212346488</v>
      </c>
      <c r="BP9" s="260">
        <v>244490378</v>
      </c>
      <c r="BQ9" s="264">
        <v>40462587</v>
      </c>
      <c r="BR9" s="263">
        <v>54755582</v>
      </c>
      <c r="BS9" s="261">
        <v>95218169</v>
      </c>
      <c r="BT9" s="262">
        <v>0</v>
      </c>
      <c r="BU9" s="263">
        <v>305691397</v>
      </c>
      <c r="BV9" s="263">
        <v>386345037</v>
      </c>
      <c r="BW9" s="263">
        <v>336379446</v>
      </c>
      <c r="BX9" s="263">
        <v>335847203</v>
      </c>
      <c r="BY9" s="263">
        <v>248207087</v>
      </c>
      <c r="BZ9" s="261">
        <v>1612470170</v>
      </c>
      <c r="CA9" s="260">
        <v>1707688339</v>
      </c>
      <c r="CB9" s="264">
        <v>42489909</v>
      </c>
      <c r="CC9" s="263">
        <v>125697413</v>
      </c>
      <c r="CD9" s="261">
        <v>168187322</v>
      </c>
      <c r="CE9" s="262">
        <v>0</v>
      </c>
      <c r="CF9" s="263">
        <v>1476025287</v>
      </c>
      <c r="CG9" s="263">
        <v>1978504364</v>
      </c>
      <c r="CH9" s="267">
        <v>1376055354</v>
      </c>
      <c r="CI9" s="263">
        <v>910111942</v>
      </c>
      <c r="CJ9" s="263">
        <v>436080360</v>
      </c>
      <c r="CK9" s="261">
        <v>6176777307</v>
      </c>
      <c r="CL9" s="260">
        <v>6344964629</v>
      </c>
      <c r="CM9" s="255">
        <v>0</v>
      </c>
      <c r="CN9" s="256">
        <v>0</v>
      </c>
      <c r="CO9" s="261">
        <v>0</v>
      </c>
      <c r="CP9" s="262">
        <v>0</v>
      </c>
      <c r="CQ9" s="263">
        <v>1241745467</v>
      </c>
      <c r="CR9" s="263">
        <v>1547495328</v>
      </c>
      <c r="CS9" s="263">
        <v>1075317013</v>
      </c>
      <c r="CT9" s="263">
        <v>697639329</v>
      </c>
      <c r="CU9" s="263">
        <v>354064509</v>
      </c>
      <c r="CV9" s="268">
        <v>4916261646</v>
      </c>
      <c r="CW9" s="260">
        <v>4916261646</v>
      </c>
      <c r="CX9" s="264">
        <v>42489909</v>
      </c>
      <c r="CY9" s="263">
        <v>125697413</v>
      </c>
      <c r="CZ9" s="261">
        <v>168187322</v>
      </c>
      <c r="DA9" s="262">
        <v>0</v>
      </c>
      <c r="DB9" s="263">
        <v>234279820</v>
      </c>
      <c r="DC9" s="263">
        <v>431009036</v>
      </c>
      <c r="DD9" s="263">
        <v>300738341</v>
      </c>
      <c r="DE9" s="263">
        <v>212472613</v>
      </c>
      <c r="DF9" s="263">
        <v>82015851</v>
      </c>
      <c r="DG9" s="261">
        <v>1260515661</v>
      </c>
      <c r="DH9" s="260">
        <v>1428702983</v>
      </c>
      <c r="DI9" s="264">
        <v>1718554</v>
      </c>
      <c r="DJ9" s="263">
        <v>10304433</v>
      </c>
      <c r="DK9" s="266">
        <v>12022987</v>
      </c>
      <c r="DL9" s="262">
        <v>0</v>
      </c>
      <c r="DM9" s="263">
        <v>137664334</v>
      </c>
      <c r="DN9" s="263">
        <v>300588664</v>
      </c>
      <c r="DO9" s="263">
        <v>555944634</v>
      </c>
      <c r="DP9" s="263">
        <v>454234604</v>
      </c>
      <c r="DQ9" s="263">
        <v>265503259</v>
      </c>
      <c r="DR9" s="269">
        <v>1713935495</v>
      </c>
      <c r="DS9" s="260">
        <v>1725958482</v>
      </c>
      <c r="DT9" s="264">
        <v>1602183</v>
      </c>
      <c r="DU9" s="263">
        <v>9316714</v>
      </c>
      <c r="DV9" s="261">
        <v>10918897</v>
      </c>
      <c r="DW9" s="262">
        <v>0</v>
      </c>
      <c r="DX9" s="263">
        <v>124296849</v>
      </c>
      <c r="DY9" s="263">
        <v>267297298</v>
      </c>
      <c r="DZ9" s="263">
        <v>504015520</v>
      </c>
      <c r="EA9" s="263">
        <v>400732748</v>
      </c>
      <c r="EB9" s="263">
        <v>227396758</v>
      </c>
      <c r="EC9" s="261">
        <v>1523739173</v>
      </c>
      <c r="ED9" s="260">
        <v>1534658070</v>
      </c>
      <c r="EE9" s="264">
        <v>116371</v>
      </c>
      <c r="EF9" s="259">
        <v>987719</v>
      </c>
      <c r="EG9" s="261">
        <v>1104090</v>
      </c>
      <c r="EH9" s="265">
        <v>0</v>
      </c>
      <c r="EI9" s="263">
        <v>13367485</v>
      </c>
      <c r="EJ9" s="263">
        <v>33291366</v>
      </c>
      <c r="EK9" s="263">
        <v>51929114</v>
      </c>
      <c r="EL9" s="263">
        <v>53501856</v>
      </c>
      <c r="EM9" s="267">
        <v>38106501</v>
      </c>
      <c r="EN9" s="259">
        <v>190196322</v>
      </c>
      <c r="EO9" s="260">
        <v>191300412</v>
      </c>
      <c r="EP9" s="264">
        <v>0</v>
      </c>
      <c r="EQ9" s="263">
        <v>0</v>
      </c>
      <c r="ER9" s="259">
        <v>0</v>
      </c>
      <c r="ES9" s="262">
        <v>0</v>
      </c>
      <c r="ET9" s="263">
        <v>0</v>
      </c>
      <c r="EU9" s="263">
        <v>0</v>
      </c>
      <c r="EV9" s="263">
        <v>0</v>
      </c>
      <c r="EW9" s="263">
        <v>0</v>
      </c>
      <c r="EX9" s="263">
        <v>0</v>
      </c>
      <c r="EY9" s="268">
        <v>0</v>
      </c>
      <c r="EZ9" s="260">
        <v>0</v>
      </c>
      <c r="FA9" s="264">
        <v>0</v>
      </c>
      <c r="FB9" s="263">
        <v>0</v>
      </c>
      <c r="FC9" s="259">
        <v>0</v>
      </c>
      <c r="FD9" s="262">
        <v>0</v>
      </c>
      <c r="FE9" s="263">
        <v>0</v>
      </c>
      <c r="FF9" s="263">
        <v>0</v>
      </c>
      <c r="FG9" s="263">
        <v>0</v>
      </c>
      <c r="FH9" s="263">
        <v>0</v>
      </c>
      <c r="FI9" s="263">
        <v>0</v>
      </c>
      <c r="FJ9" s="268">
        <v>0</v>
      </c>
      <c r="FK9" s="260">
        <v>0</v>
      </c>
      <c r="FL9" s="264">
        <v>106908873</v>
      </c>
      <c r="FM9" s="263">
        <v>222653309</v>
      </c>
      <c r="FN9" s="261">
        <v>329562182</v>
      </c>
      <c r="FO9" s="262">
        <v>0</v>
      </c>
      <c r="FP9" s="263">
        <v>282205563</v>
      </c>
      <c r="FQ9" s="263">
        <v>720362015</v>
      </c>
      <c r="FR9" s="263">
        <v>487852624</v>
      </c>
      <c r="FS9" s="263">
        <v>435718065</v>
      </c>
      <c r="FT9" s="263">
        <v>316159819</v>
      </c>
      <c r="FU9" s="261">
        <v>2242298086</v>
      </c>
      <c r="FV9" s="260">
        <v>2571860268</v>
      </c>
      <c r="FW9" s="264">
        <v>62177360</v>
      </c>
      <c r="FX9" s="263">
        <v>168126879</v>
      </c>
      <c r="FY9" s="259">
        <v>230304239</v>
      </c>
      <c r="FZ9" s="265">
        <v>0</v>
      </c>
      <c r="GA9" s="263">
        <v>224699772</v>
      </c>
      <c r="GB9" s="270">
        <v>661451697</v>
      </c>
      <c r="GC9" s="263">
        <v>453921417</v>
      </c>
      <c r="GD9" s="270">
        <v>407417822</v>
      </c>
      <c r="GE9" s="263">
        <v>304526543</v>
      </c>
      <c r="GF9" s="268">
        <v>2052017251</v>
      </c>
      <c r="GG9" s="271">
        <v>2282321490</v>
      </c>
      <c r="GH9" s="272">
        <v>8574696</v>
      </c>
      <c r="GI9" s="263">
        <v>12814101</v>
      </c>
      <c r="GJ9" s="270">
        <v>21388797</v>
      </c>
      <c r="GK9" s="258">
        <v>0</v>
      </c>
      <c r="GL9" s="263">
        <v>15307726</v>
      </c>
      <c r="GM9" s="259">
        <v>22929833</v>
      </c>
      <c r="GN9" s="263">
        <v>13408923</v>
      </c>
      <c r="GO9" s="259">
        <v>13397594</v>
      </c>
      <c r="GP9" s="263">
        <v>5602475</v>
      </c>
      <c r="GQ9" s="269">
        <v>70646551</v>
      </c>
      <c r="GR9" s="260">
        <v>92035348</v>
      </c>
      <c r="GS9" s="259">
        <v>36156817</v>
      </c>
      <c r="GT9" s="263">
        <v>41712329</v>
      </c>
      <c r="GU9" s="261">
        <v>77869146</v>
      </c>
      <c r="GV9" s="259">
        <v>0</v>
      </c>
      <c r="GW9" s="263">
        <v>42198065</v>
      </c>
      <c r="GX9" s="259">
        <v>35980485</v>
      </c>
      <c r="GY9" s="263">
        <v>20522284</v>
      </c>
      <c r="GZ9" s="259">
        <v>14902649</v>
      </c>
      <c r="HA9" s="263">
        <v>6030801</v>
      </c>
      <c r="HB9" s="259">
        <v>119634284</v>
      </c>
      <c r="HC9" s="260">
        <v>197503430</v>
      </c>
      <c r="HD9" s="259">
        <v>103943881</v>
      </c>
      <c r="HE9" s="263">
        <v>140314450</v>
      </c>
      <c r="HF9" s="259">
        <v>244258331</v>
      </c>
      <c r="HG9" s="265">
        <v>0</v>
      </c>
      <c r="HH9" s="263">
        <v>1159750818</v>
      </c>
      <c r="HI9" s="270">
        <v>1226527148</v>
      </c>
      <c r="HJ9" s="263">
        <v>1119285883</v>
      </c>
      <c r="HK9" s="270">
        <v>1388513271</v>
      </c>
      <c r="HL9" s="263">
        <v>837678769</v>
      </c>
      <c r="HM9" s="268">
        <v>5731755889</v>
      </c>
      <c r="HN9" s="259">
        <v>5976014220</v>
      </c>
      <c r="HO9" s="272">
        <v>80073270</v>
      </c>
      <c r="HP9" s="263">
        <v>156522481</v>
      </c>
      <c r="HQ9" s="268">
        <v>236595751</v>
      </c>
      <c r="HR9" s="259">
        <v>0</v>
      </c>
      <c r="HS9" s="263">
        <v>925188716</v>
      </c>
      <c r="HT9" s="259">
        <v>1007933646</v>
      </c>
      <c r="HU9" s="263">
        <v>623676847</v>
      </c>
      <c r="HV9" s="259">
        <v>434054211</v>
      </c>
      <c r="HW9" s="263">
        <v>261721319</v>
      </c>
      <c r="HX9" s="259">
        <v>3252574739</v>
      </c>
      <c r="HY9" s="260">
        <v>3489170490</v>
      </c>
      <c r="HZ9" s="273">
        <v>9019155</v>
      </c>
      <c r="IA9" s="274">
        <v>33894174</v>
      </c>
      <c r="IB9" s="275">
        <v>42913329</v>
      </c>
      <c r="IC9" s="276">
        <v>0</v>
      </c>
      <c r="ID9" s="274">
        <v>1738405314</v>
      </c>
      <c r="IE9" s="277">
        <v>2349341550</v>
      </c>
      <c r="IF9" s="278">
        <v>2448834079</v>
      </c>
      <c r="IG9" s="274">
        <v>1818775832</v>
      </c>
      <c r="IH9" s="278">
        <v>1298829789</v>
      </c>
      <c r="II9" s="279">
        <v>9654186564</v>
      </c>
      <c r="IJ9" s="280">
        <v>9697099893</v>
      </c>
      <c r="IK9" s="281">
        <v>0</v>
      </c>
      <c r="IL9" s="282">
        <v>0</v>
      </c>
      <c r="IM9" s="283">
        <v>0</v>
      </c>
      <c r="IN9" s="406">
        <v>0</v>
      </c>
      <c r="IO9" s="284">
        <v>28396903</v>
      </c>
      <c r="IP9" s="284">
        <v>59753274</v>
      </c>
      <c r="IQ9" s="284">
        <v>75869225</v>
      </c>
      <c r="IR9" s="284">
        <v>112113441</v>
      </c>
      <c r="IS9" s="284">
        <v>126403129</v>
      </c>
      <c r="IT9" s="285">
        <v>402535972</v>
      </c>
      <c r="IU9" s="286">
        <v>402535972</v>
      </c>
      <c r="IV9" s="287">
        <v>0</v>
      </c>
      <c r="IW9" s="284">
        <v>0</v>
      </c>
      <c r="IX9" s="288">
        <v>0</v>
      </c>
      <c r="IY9" s="412">
        <v>0</v>
      </c>
      <c r="IZ9" s="284">
        <v>4035776</v>
      </c>
      <c r="JA9" s="284">
        <v>9734250</v>
      </c>
      <c r="JB9" s="284">
        <v>11454189</v>
      </c>
      <c r="JC9" s="284">
        <v>13345203</v>
      </c>
      <c r="JD9" s="284">
        <v>19375325</v>
      </c>
      <c r="JE9" s="288">
        <v>57944743</v>
      </c>
      <c r="JF9" s="289">
        <v>57944743</v>
      </c>
      <c r="JG9" s="287">
        <v>0</v>
      </c>
      <c r="JH9" s="284">
        <v>0</v>
      </c>
      <c r="JI9" s="285">
        <v>0</v>
      </c>
      <c r="JJ9" s="290">
        <v>0</v>
      </c>
      <c r="JK9" s="284">
        <v>642913166</v>
      </c>
      <c r="JL9" s="284">
        <v>794693889</v>
      </c>
      <c r="JM9" s="284">
        <v>584622984</v>
      </c>
      <c r="JN9" s="284">
        <v>341982580</v>
      </c>
      <c r="JO9" s="284">
        <v>181901040</v>
      </c>
      <c r="JP9" s="288">
        <v>2546113659</v>
      </c>
      <c r="JQ9" s="286">
        <v>2546113659</v>
      </c>
      <c r="JR9" s="287">
        <v>264955</v>
      </c>
      <c r="JS9" s="284">
        <v>371594</v>
      </c>
      <c r="JT9" s="285">
        <v>636549</v>
      </c>
      <c r="JU9" s="290">
        <v>0</v>
      </c>
      <c r="JV9" s="284">
        <v>71691064</v>
      </c>
      <c r="JW9" s="284">
        <v>109385955</v>
      </c>
      <c r="JX9" s="284">
        <v>147133712</v>
      </c>
      <c r="JY9" s="284">
        <v>85514249</v>
      </c>
      <c r="JZ9" s="284">
        <v>71722053</v>
      </c>
      <c r="KA9" s="288">
        <v>485447033</v>
      </c>
      <c r="KB9" s="286">
        <v>486083582</v>
      </c>
      <c r="KC9" s="291">
        <v>8754200</v>
      </c>
      <c r="KD9" s="292">
        <v>23893477</v>
      </c>
      <c r="KE9" s="288">
        <v>32647677</v>
      </c>
      <c r="KF9" s="290">
        <v>0</v>
      </c>
      <c r="KG9" s="284">
        <v>214520092</v>
      </c>
      <c r="KH9" s="284">
        <v>321878051</v>
      </c>
      <c r="KI9" s="284">
        <v>357893007</v>
      </c>
      <c r="KJ9" s="284">
        <v>276343143</v>
      </c>
      <c r="KK9" s="284">
        <v>172613241</v>
      </c>
      <c r="KL9" s="288">
        <v>1343247534</v>
      </c>
      <c r="KM9" s="293">
        <v>1375895211</v>
      </c>
      <c r="KN9" s="281">
        <v>0</v>
      </c>
      <c r="KO9" s="282">
        <v>9629103</v>
      </c>
      <c r="KP9" s="283">
        <v>9629103</v>
      </c>
      <c r="KQ9" s="412">
        <v>0</v>
      </c>
      <c r="KR9" s="284">
        <v>728610625</v>
      </c>
      <c r="KS9" s="284">
        <v>965211321</v>
      </c>
      <c r="KT9" s="284">
        <v>1090705767</v>
      </c>
      <c r="KU9" s="284">
        <v>715975363</v>
      </c>
      <c r="KV9" s="284">
        <v>471183999</v>
      </c>
      <c r="KW9" s="288">
        <v>3971687075</v>
      </c>
      <c r="KX9" s="286">
        <v>3981316178</v>
      </c>
      <c r="KY9" s="287">
        <v>0</v>
      </c>
      <c r="KZ9" s="284">
        <v>0</v>
      </c>
      <c r="LA9" s="288">
        <v>0</v>
      </c>
      <c r="LB9" s="412">
        <v>0</v>
      </c>
      <c r="LC9" s="284">
        <v>6724566</v>
      </c>
      <c r="LD9" s="284">
        <v>8350448</v>
      </c>
      <c r="LE9" s="284">
        <v>15141222</v>
      </c>
      <c r="LF9" s="284">
        <v>17990399</v>
      </c>
      <c r="LG9" s="284">
        <v>12576540</v>
      </c>
      <c r="LH9" s="288">
        <v>60783175</v>
      </c>
      <c r="LI9" s="289">
        <v>60783175</v>
      </c>
      <c r="LJ9" s="287">
        <v>0</v>
      </c>
      <c r="LK9" s="284">
        <v>0</v>
      </c>
      <c r="LL9" s="288">
        <v>0</v>
      </c>
      <c r="LM9" s="412">
        <v>0</v>
      </c>
      <c r="LN9" s="284">
        <v>1226960</v>
      </c>
      <c r="LO9" s="284">
        <v>6731280</v>
      </c>
      <c r="LP9" s="284">
        <v>60695513</v>
      </c>
      <c r="LQ9" s="284">
        <v>107756319</v>
      </c>
      <c r="LR9" s="284">
        <v>68482984</v>
      </c>
      <c r="LS9" s="288">
        <v>244893056</v>
      </c>
      <c r="LT9" s="286">
        <v>244893056</v>
      </c>
      <c r="LU9" s="287">
        <v>0</v>
      </c>
      <c r="LV9" s="284">
        <v>0</v>
      </c>
      <c r="LW9" s="288">
        <v>0</v>
      </c>
      <c r="LX9" s="412">
        <v>0</v>
      </c>
      <c r="LY9" s="284">
        <v>40286162</v>
      </c>
      <c r="LZ9" s="284">
        <v>73603082</v>
      </c>
      <c r="MA9" s="284">
        <v>105318460</v>
      </c>
      <c r="MB9" s="284">
        <v>147755135</v>
      </c>
      <c r="MC9" s="284">
        <v>174571478</v>
      </c>
      <c r="MD9" s="288">
        <v>541534317</v>
      </c>
      <c r="ME9" s="289">
        <v>541534317</v>
      </c>
      <c r="MF9" s="287">
        <v>0</v>
      </c>
      <c r="MG9" s="284">
        <v>0</v>
      </c>
      <c r="MH9" s="288">
        <v>0</v>
      </c>
      <c r="MI9" s="412">
        <v>0</v>
      </c>
      <c r="MJ9" s="284">
        <v>570225008</v>
      </c>
      <c r="MK9" s="284">
        <v>1438958547</v>
      </c>
      <c r="ML9" s="284">
        <v>4495531218</v>
      </c>
      <c r="MM9" s="284">
        <v>6635903805</v>
      </c>
      <c r="MN9" s="284">
        <v>4331260223</v>
      </c>
      <c r="MO9" s="288">
        <v>17471878801</v>
      </c>
      <c r="MP9" s="293">
        <v>17471878801</v>
      </c>
      <c r="MQ9" s="287">
        <v>0</v>
      </c>
      <c r="MR9" s="284">
        <v>0</v>
      </c>
      <c r="MS9" s="288">
        <v>0</v>
      </c>
      <c r="MT9" s="412">
        <v>0</v>
      </c>
      <c r="MU9" s="284">
        <v>118159367</v>
      </c>
      <c r="MV9" s="284">
        <v>448775975</v>
      </c>
      <c r="MW9" s="284">
        <v>2946695472</v>
      </c>
      <c r="MX9" s="284">
        <v>4544220196</v>
      </c>
      <c r="MY9" s="284">
        <v>3094777333</v>
      </c>
      <c r="MZ9" s="288">
        <v>11152628343</v>
      </c>
      <c r="NA9" s="293">
        <v>11152628343</v>
      </c>
      <c r="NB9" s="287">
        <v>0</v>
      </c>
      <c r="NC9" s="284">
        <v>0</v>
      </c>
      <c r="ND9" s="288">
        <v>0</v>
      </c>
      <c r="NE9" s="412">
        <v>0</v>
      </c>
      <c r="NF9" s="284">
        <v>449953858</v>
      </c>
      <c r="NG9" s="284">
        <v>983678231</v>
      </c>
      <c r="NH9" s="284">
        <v>1529354125</v>
      </c>
      <c r="NI9" s="284">
        <v>1942604081</v>
      </c>
      <c r="NJ9" s="284">
        <v>1025486340</v>
      </c>
      <c r="NK9" s="288">
        <v>5931076635</v>
      </c>
      <c r="NL9" s="286">
        <v>5931076635</v>
      </c>
      <c r="NM9" s="287">
        <v>0</v>
      </c>
      <c r="NN9" s="284">
        <v>0</v>
      </c>
      <c r="NO9" s="288">
        <v>0</v>
      </c>
      <c r="NP9" s="412">
        <v>0</v>
      </c>
      <c r="NQ9" s="284">
        <v>0</v>
      </c>
      <c r="NR9" s="284">
        <v>0</v>
      </c>
      <c r="NS9" s="284">
        <v>0</v>
      </c>
      <c r="NT9" s="284">
        <v>0</v>
      </c>
      <c r="NU9" s="284">
        <v>0</v>
      </c>
      <c r="NV9" s="288">
        <v>0</v>
      </c>
      <c r="NW9" s="289">
        <v>0</v>
      </c>
      <c r="NX9" s="287">
        <v>0</v>
      </c>
      <c r="NY9" s="284">
        <v>0</v>
      </c>
      <c r="NZ9" s="288">
        <v>0</v>
      </c>
      <c r="OA9" s="412">
        <v>0</v>
      </c>
      <c r="OB9" s="284">
        <v>2111783</v>
      </c>
      <c r="OC9" s="284">
        <v>6504341</v>
      </c>
      <c r="OD9" s="284">
        <v>19481621</v>
      </c>
      <c r="OE9" s="284">
        <v>149079528</v>
      </c>
      <c r="OF9" s="284">
        <v>210996550</v>
      </c>
      <c r="OG9" s="288">
        <v>388173823</v>
      </c>
      <c r="OH9" s="289">
        <v>388173823</v>
      </c>
      <c r="OI9" s="287">
        <v>454295975</v>
      </c>
      <c r="OJ9" s="284">
        <v>975271209</v>
      </c>
      <c r="OK9" s="285">
        <v>1429567184</v>
      </c>
      <c r="OL9" s="290">
        <v>0</v>
      </c>
      <c r="OM9" s="284">
        <v>7889567162</v>
      </c>
      <c r="ON9" s="284">
        <v>11590944204</v>
      </c>
      <c r="OO9" s="284">
        <v>13275727654</v>
      </c>
      <c r="OP9" s="284">
        <v>14503167467</v>
      </c>
      <c r="OQ9" s="284">
        <v>10087942550</v>
      </c>
      <c r="OR9" s="288">
        <v>57347349037</v>
      </c>
      <c r="OS9" s="293">
        <v>58776916221</v>
      </c>
    </row>
    <row r="10" spans="1:409" s="407" customFormat="1" ht="21" customHeight="1" x14ac:dyDescent="0.2">
      <c r="A10" s="70"/>
      <c r="B10" s="409" t="s">
        <v>5</v>
      </c>
      <c r="C10" s="295">
        <v>170138988</v>
      </c>
      <c r="D10" s="296">
        <v>446133293</v>
      </c>
      <c r="E10" s="297">
        <v>616272281</v>
      </c>
      <c r="F10" s="298">
        <v>0</v>
      </c>
      <c r="G10" s="296">
        <v>1935982743</v>
      </c>
      <c r="H10" s="296">
        <v>3508810035</v>
      </c>
      <c r="I10" s="296">
        <v>2597574426</v>
      </c>
      <c r="J10" s="296">
        <v>2416695206</v>
      </c>
      <c r="K10" s="296">
        <v>1791661622</v>
      </c>
      <c r="L10" s="298">
        <v>12250724032</v>
      </c>
      <c r="M10" s="299">
        <v>12866996313</v>
      </c>
      <c r="N10" s="295">
        <v>44913932</v>
      </c>
      <c r="O10" s="296">
        <v>151821780</v>
      </c>
      <c r="P10" s="297">
        <v>196735712</v>
      </c>
      <c r="Q10" s="295">
        <v>0</v>
      </c>
      <c r="R10" s="296">
        <v>569257316</v>
      </c>
      <c r="S10" s="296">
        <v>1201776812</v>
      </c>
      <c r="T10" s="296">
        <v>893961130</v>
      </c>
      <c r="U10" s="296">
        <v>943435633</v>
      </c>
      <c r="V10" s="296">
        <v>948330726</v>
      </c>
      <c r="W10" s="297">
        <v>4556761617</v>
      </c>
      <c r="X10" s="299">
        <v>4753497329</v>
      </c>
      <c r="Y10" s="295">
        <v>0</v>
      </c>
      <c r="Z10" s="296">
        <v>0</v>
      </c>
      <c r="AA10" s="297">
        <v>0</v>
      </c>
      <c r="AB10" s="295">
        <v>0</v>
      </c>
      <c r="AC10" s="296">
        <v>243542403</v>
      </c>
      <c r="AD10" s="296">
        <v>531077053</v>
      </c>
      <c r="AE10" s="296">
        <v>448162912</v>
      </c>
      <c r="AF10" s="296">
        <v>515869990</v>
      </c>
      <c r="AG10" s="296">
        <v>530757122</v>
      </c>
      <c r="AH10" s="297">
        <v>2269409480</v>
      </c>
      <c r="AI10" s="299">
        <v>2269409480</v>
      </c>
      <c r="AJ10" s="295">
        <v>117191</v>
      </c>
      <c r="AK10" s="296">
        <v>332049</v>
      </c>
      <c r="AL10" s="297">
        <v>449240</v>
      </c>
      <c r="AM10" s="295">
        <v>0</v>
      </c>
      <c r="AN10" s="296">
        <v>1363362</v>
      </c>
      <c r="AO10" s="296">
        <v>9093846</v>
      </c>
      <c r="AP10" s="296">
        <v>17994049</v>
      </c>
      <c r="AQ10" s="296">
        <v>51442705</v>
      </c>
      <c r="AR10" s="296">
        <v>111544824</v>
      </c>
      <c r="AS10" s="297">
        <v>191438786</v>
      </c>
      <c r="AT10" s="299">
        <v>191888026</v>
      </c>
      <c r="AU10" s="295">
        <v>26735544</v>
      </c>
      <c r="AV10" s="296">
        <v>110658406</v>
      </c>
      <c r="AW10" s="297">
        <v>137393950</v>
      </c>
      <c r="AX10" s="295">
        <v>0</v>
      </c>
      <c r="AY10" s="296">
        <v>196427137</v>
      </c>
      <c r="AZ10" s="296">
        <v>460674876</v>
      </c>
      <c r="BA10" s="296">
        <v>270292454</v>
      </c>
      <c r="BB10" s="296">
        <v>224022909</v>
      </c>
      <c r="BC10" s="296">
        <v>194943299</v>
      </c>
      <c r="BD10" s="297">
        <v>1346360675</v>
      </c>
      <c r="BE10" s="299">
        <v>1483754625</v>
      </c>
      <c r="BF10" s="295">
        <v>2569717</v>
      </c>
      <c r="BG10" s="296">
        <v>12525720</v>
      </c>
      <c r="BH10" s="300">
        <v>15095437</v>
      </c>
      <c r="BI10" s="301">
        <v>0</v>
      </c>
      <c r="BJ10" s="296">
        <v>10563278</v>
      </c>
      <c r="BK10" s="296">
        <v>28927040</v>
      </c>
      <c r="BL10" s="296">
        <v>19222371</v>
      </c>
      <c r="BM10" s="296">
        <v>14402374</v>
      </c>
      <c r="BN10" s="296">
        <v>9848756</v>
      </c>
      <c r="BO10" s="297">
        <v>82963819</v>
      </c>
      <c r="BP10" s="299">
        <v>98059256</v>
      </c>
      <c r="BQ10" s="295">
        <v>15491480</v>
      </c>
      <c r="BR10" s="296">
        <v>28305605</v>
      </c>
      <c r="BS10" s="297">
        <v>43797085</v>
      </c>
      <c r="BT10" s="295">
        <v>0</v>
      </c>
      <c r="BU10" s="296">
        <v>117361136</v>
      </c>
      <c r="BV10" s="296">
        <v>172003997</v>
      </c>
      <c r="BW10" s="296">
        <v>138289344</v>
      </c>
      <c r="BX10" s="296">
        <v>137697655</v>
      </c>
      <c r="BY10" s="296">
        <v>101236725</v>
      </c>
      <c r="BZ10" s="297">
        <v>666588857</v>
      </c>
      <c r="CA10" s="299">
        <v>710385942</v>
      </c>
      <c r="CB10" s="295">
        <v>17593038</v>
      </c>
      <c r="CC10" s="296">
        <v>56170869</v>
      </c>
      <c r="CD10" s="297">
        <v>73763907</v>
      </c>
      <c r="CE10" s="295">
        <v>0</v>
      </c>
      <c r="CF10" s="296">
        <v>464435771</v>
      </c>
      <c r="CG10" s="296">
        <v>823306932</v>
      </c>
      <c r="CH10" s="296">
        <v>518349460</v>
      </c>
      <c r="CI10" s="296">
        <v>328845005</v>
      </c>
      <c r="CJ10" s="296">
        <v>153267398</v>
      </c>
      <c r="CK10" s="297">
        <v>2288204566</v>
      </c>
      <c r="CL10" s="299">
        <v>2361968473</v>
      </c>
      <c r="CM10" s="295">
        <v>0</v>
      </c>
      <c r="CN10" s="296">
        <v>0</v>
      </c>
      <c r="CO10" s="297">
        <v>0</v>
      </c>
      <c r="CP10" s="301">
        <v>0</v>
      </c>
      <c r="CQ10" s="296">
        <v>394186155</v>
      </c>
      <c r="CR10" s="296">
        <v>629439971</v>
      </c>
      <c r="CS10" s="296">
        <v>384215772</v>
      </c>
      <c r="CT10" s="296">
        <v>235129370</v>
      </c>
      <c r="CU10" s="296">
        <v>119673858</v>
      </c>
      <c r="CV10" s="297">
        <v>1762645126</v>
      </c>
      <c r="CW10" s="299">
        <v>1762645126</v>
      </c>
      <c r="CX10" s="295">
        <v>17593038</v>
      </c>
      <c r="CY10" s="296">
        <v>56170869</v>
      </c>
      <c r="CZ10" s="297">
        <v>73763907</v>
      </c>
      <c r="DA10" s="295">
        <v>0</v>
      </c>
      <c r="DB10" s="296">
        <v>70249616</v>
      </c>
      <c r="DC10" s="296">
        <v>193866961</v>
      </c>
      <c r="DD10" s="296">
        <v>134133688</v>
      </c>
      <c r="DE10" s="296">
        <v>93715635</v>
      </c>
      <c r="DF10" s="296">
        <v>33593540</v>
      </c>
      <c r="DG10" s="297">
        <v>525559440</v>
      </c>
      <c r="DH10" s="299">
        <v>599323347</v>
      </c>
      <c r="DI10" s="295">
        <v>478684</v>
      </c>
      <c r="DJ10" s="296">
        <v>3483291</v>
      </c>
      <c r="DK10" s="300">
        <v>3961975</v>
      </c>
      <c r="DL10" s="301">
        <v>0</v>
      </c>
      <c r="DM10" s="296">
        <v>43291943</v>
      </c>
      <c r="DN10" s="296">
        <v>120131925</v>
      </c>
      <c r="DO10" s="296">
        <v>226372814</v>
      </c>
      <c r="DP10" s="296">
        <v>183198655</v>
      </c>
      <c r="DQ10" s="296">
        <v>106029676</v>
      </c>
      <c r="DR10" s="297">
        <v>679025013</v>
      </c>
      <c r="DS10" s="299">
        <v>682986988</v>
      </c>
      <c r="DT10" s="295">
        <v>431632</v>
      </c>
      <c r="DU10" s="296">
        <v>3003560</v>
      </c>
      <c r="DV10" s="297">
        <v>3435192</v>
      </c>
      <c r="DW10" s="295">
        <v>0</v>
      </c>
      <c r="DX10" s="296">
        <v>37844322</v>
      </c>
      <c r="DY10" s="296">
        <v>99541095</v>
      </c>
      <c r="DZ10" s="296">
        <v>194986496</v>
      </c>
      <c r="EA10" s="296">
        <v>150495267</v>
      </c>
      <c r="EB10" s="296">
        <v>84383522</v>
      </c>
      <c r="EC10" s="297">
        <v>567250702</v>
      </c>
      <c r="ED10" s="299">
        <v>570685894</v>
      </c>
      <c r="EE10" s="295">
        <v>47052</v>
      </c>
      <c r="EF10" s="300">
        <v>479731</v>
      </c>
      <c r="EG10" s="297">
        <v>526783</v>
      </c>
      <c r="EH10" s="295">
        <v>0</v>
      </c>
      <c r="EI10" s="296">
        <v>5447621</v>
      </c>
      <c r="EJ10" s="296">
        <v>20590830</v>
      </c>
      <c r="EK10" s="296">
        <v>31386318</v>
      </c>
      <c r="EL10" s="296">
        <v>32703388</v>
      </c>
      <c r="EM10" s="296">
        <v>21646154</v>
      </c>
      <c r="EN10" s="300">
        <v>111774311</v>
      </c>
      <c r="EO10" s="299">
        <v>112301094</v>
      </c>
      <c r="EP10" s="295">
        <v>0</v>
      </c>
      <c r="EQ10" s="296">
        <v>0</v>
      </c>
      <c r="ER10" s="300">
        <v>0</v>
      </c>
      <c r="ES10" s="301">
        <v>0</v>
      </c>
      <c r="ET10" s="296">
        <v>0</v>
      </c>
      <c r="EU10" s="296">
        <v>0</v>
      </c>
      <c r="EV10" s="296">
        <v>0</v>
      </c>
      <c r="EW10" s="296">
        <v>0</v>
      </c>
      <c r="EX10" s="296">
        <v>0</v>
      </c>
      <c r="EY10" s="297">
        <v>0</v>
      </c>
      <c r="EZ10" s="299">
        <v>0</v>
      </c>
      <c r="FA10" s="295">
        <v>0</v>
      </c>
      <c r="FB10" s="296">
        <v>0</v>
      </c>
      <c r="FC10" s="300">
        <v>0</v>
      </c>
      <c r="FD10" s="301">
        <v>0</v>
      </c>
      <c r="FE10" s="296">
        <v>0</v>
      </c>
      <c r="FF10" s="296">
        <v>0</v>
      </c>
      <c r="FG10" s="296">
        <v>0</v>
      </c>
      <c r="FH10" s="296">
        <v>0</v>
      </c>
      <c r="FI10" s="296">
        <v>0</v>
      </c>
      <c r="FJ10" s="297">
        <v>0</v>
      </c>
      <c r="FK10" s="299">
        <v>0</v>
      </c>
      <c r="FL10" s="295">
        <v>38185943</v>
      </c>
      <c r="FM10" s="296">
        <v>95861736</v>
      </c>
      <c r="FN10" s="297">
        <v>134047679</v>
      </c>
      <c r="FO10" s="295">
        <v>0</v>
      </c>
      <c r="FP10" s="296">
        <v>78841834</v>
      </c>
      <c r="FQ10" s="296">
        <v>311261869</v>
      </c>
      <c r="FR10" s="296">
        <v>195409365</v>
      </c>
      <c r="FS10" s="296">
        <v>168994043</v>
      </c>
      <c r="FT10" s="296">
        <v>125885936</v>
      </c>
      <c r="FU10" s="297">
        <v>880393047</v>
      </c>
      <c r="FV10" s="299">
        <v>1014440726</v>
      </c>
      <c r="FW10" s="302">
        <v>18697935</v>
      </c>
      <c r="FX10" s="296">
        <v>70095169</v>
      </c>
      <c r="FY10" s="300">
        <v>88793104</v>
      </c>
      <c r="FZ10" s="301">
        <v>0</v>
      </c>
      <c r="GA10" s="296">
        <v>58992889</v>
      </c>
      <c r="GB10" s="296">
        <v>286286533</v>
      </c>
      <c r="GC10" s="296">
        <v>182648854</v>
      </c>
      <c r="GD10" s="296">
        <v>158489467</v>
      </c>
      <c r="GE10" s="296">
        <v>120101555</v>
      </c>
      <c r="GF10" s="297">
        <v>806519298</v>
      </c>
      <c r="GG10" s="303">
        <v>895312402</v>
      </c>
      <c r="GH10" s="302">
        <v>3455613</v>
      </c>
      <c r="GI10" s="296">
        <v>5351994</v>
      </c>
      <c r="GJ10" s="300">
        <v>8807607</v>
      </c>
      <c r="GK10" s="301">
        <v>0</v>
      </c>
      <c r="GL10" s="296">
        <v>4525231</v>
      </c>
      <c r="GM10" s="296">
        <v>8840992</v>
      </c>
      <c r="GN10" s="296">
        <v>4726331</v>
      </c>
      <c r="GO10" s="296">
        <v>5446845</v>
      </c>
      <c r="GP10" s="296">
        <v>2403806</v>
      </c>
      <c r="GQ10" s="297">
        <v>25943205</v>
      </c>
      <c r="GR10" s="299">
        <v>34750812</v>
      </c>
      <c r="GS10" s="295">
        <v>16032395</v>
      </c>
      <c r="GT10" s="296">
        <v>20414573</v>
      </c>
      <c r="GU10" s="297">
        <v>36446968</v>
      </c>
      <c r="GV10" s="295">
        <v>0</v>
      </c>
      <c r="GW10" s="296">
        <v>15323714</v>
      </c>
      <c r="GX10" s="296">
        <v>16134344</v>
      </c>
      <c r="GY10" s="296">
        <v>8034180</v>
      </c>
      <c r="GZ10" s="296">
        <v>5057731</v>
      </c>
      <c r="HA10" s="296">
        <v>3380575</v>
      </c>
      <c r="HB10" s="300">
        <v>47930544</v>
      </c>
      <c r="HC10" s="299">
        <v>84377512</v>
      </c>
      <c r="HD10" s="295">
        <v>40534981</v>
      </c>
      <c r="HE10" s="296">
        <v>68395762</v>
      </c>
      <c r="HF10" s="300">
        <v>108930743</v>
      </c>
      <c r="HG10" s="301">
        <v>0</v>
      </c>
      <c r="HH10" s="296">
        <v>469567612</v>
      </c>
      <c r="HI10" s="296">
        <v>583613698</v>
      </c>
      <c r="HJ10" s="296">
        <v>498188652</v>
      </c>
      <c r="HK10" s="296">
        <v>614212445</v>
      </c>
      <c r="HL10" s="296">
        <v>349292722</v>
      </c>
      <c r="HM10" s="297">
        <v>2514875129</v>
      </c>
      <c r="HN10" s="298">
        <v>2623805872</v>
      </c>
      <c r="HO10" s="302">
        <v>28432410</v>
      </c>
      <c r="HP10" s="296">
        <v>70399855</v>
      </c>
      <c r="HQ10" s="297">
        <v>98832265</v>
      </c>
      <c r="HR10" s="295">
        <v>0</v>
      </c>
      <c r="HS10" s="296">
        <v>310588267</v>
      </c>
      <c r="HT10" s="296">
        <v>468718799</v>
      </c>
      <c r="HU10" s="296">
        <v>265293005</v>
      </c>
      <c r="HV10" s="296">
        <v>178009425</v>
      </c>
      <c r="HW10" s="296">
        <v>108855164</v>
      </c>
      <c r="HX10" s="300">
        <v>1331464660</v>
      </c>
      <c r="HY10" s="299">
        <v>1430296925</v>
      </c>
      <c r="HZ10" s="304">
        <v>3106678</v>
      </c>
      <c r="IA10" s="305">
        <v>14854710</v>
      </c>
      <c r="IB10" s="306">
        <v>17961388</v>
      </c>
      <c r="IC10" s="307">
        <v>0</v>
      </c>
      <c r="ID10" s="308">
        <v>675891486</v>
      </c>
      <c r="IE10" s="309">
        <v>1053740918</v>
      </c>
      <c r="IF10" s="310">
        <v>1036590374</v>
      </c>
      <c r="IG10" s="308">
        <v>771835479</v>
      </c>
      <c r="IH10" s="310">
        <v>567025556</v>
      </c>
      <c r="II10" s="311">
        <v>4105083813</v>
      </c>
      <c r="IJ10" s="312">
        <v>4123045201</v>
      </c>
      <c r="IK10" s="313">
        <v>0</v>
      </c>
      <c r="IL10" s="314">
        <v>0</v>
      </c>
      <c r="IM10" s="315">
        <v>0</v>
      </c>
      <c r="IN10" s="403">
        <v>0</v>
      </c>
      <c r="IO10" s="316">
        <v>11303752</v>
      </c>
      <c r="IP10" s="316">
        <v>27319318</v>
      </c>
      <c r="IQ10" s="316">
        <v>37488824</v>
      </c>
      <c r="IR10" s="316">
        <v>54848738</v>
      </c>
      <c r="IS10" s="316">
        <v>56117202</v>
      </c>
      <c r="IT10" s="317">
        <v>187077834</v>
      </c>
      <c r="IU10" s="318">
        <v>187077834</v>
      </c>
      <c r="IV10" s="319">
        <v>0</v>
      </c>
      <c r="IW10" s="316">
        <v>0</v>
      </c>
      <c r="IX10" s="320">
        <v>0</v>
      </c>
      <c r="IY10" s="413">
        <v>0</v>
      </c>
      <c r="IZ10" s="316">
        <v>2334340</v>
      </c>
      <c r="JA10" s="316">
        <v>7553708</v>
      </c>
      <c r="JB10" s="316">
        <v>8278107</v>
      </c>
      <c r="JC10" s="316">
        <v>9667172</v>
      </c>
      <c r="JD10" s="316">
        <v>15256002</v>
      </c>
      <c r="JE10" s="320">
        <v>43089329</v>
      </c>
      <c r="JF10" s="321">
        <v>43089329</v>
      </c>
      <c r="JG10" s="319">
        <v>0</v>
      </c>
      <c r="JH10" s="316">
        <v>0</v>
      </c>
      <c r="JI10" s="317">
        <v>0</v>
      </c>
      <c r="JJ10" s="322">
        <v>0</v>
      </c>
      <c r="JK10" s="316">
        <v>225703569</v>
      </c>
      <c r="JL10" s="316">
        <v>368533185</v>
      </c>
      <c r="JM10" s="316">
        <v>277161104</v>
      </c>
      <c r="JN10" s="316">
        <v>159220798</v>
      </c>
      <c r="JO10" s="316">
        <v>86848092</v>
      </c>
      <c r="JP10" s="320">
        <v>1117466748</v>
      </c>
      <c r="JQ10" s="318">
        <v>1117466748</v>
      </c>
      <c r="JR10" s="319">
        <v>156552</v>
      </c>
      <c r="JS10" s="316">
        <v>88058</v>
      </c>
      <c r="JT10" s="317">
        <v>244610</v>
      </c>
      <c r="JU10" s="322">
        <v>0</v>
      </c>
      <c r="JV10" s="316">
        <v>36364041</v>
      </c>
      <c r="JW10" s="316">
        <v>58937401</v>
      </c>
      <c r="JX10" s="316">
        <v>77715594</v>
      </c>
      <c r="JY10" s="316">
        <v>48840110</v>
      </c>
      <c r="JZ10" s="316">
        <v>39913344</v>
      </c>
      <c r="KA10" s="320">
        <v>261770490</v>
      </c>
      <c r="KB10" s="318">
        <v>262015100</v>
      </c>
      <c r="KC10" s="323">
        <v>2950126</v>
      </c>
      <c r="KD10" s="324">
        <v>10880215</v>
      </c>
      <c r="KE10" s="320">
        <v>13830341</v>
      </c>
      <c r="KF10" s="322">
        <v>0</v>
      </c>
      <c r="KG10" s="316">
        <v>81501441</v>
      </c>
      <c r="KH10" s="316">
        <v>149352467</v>
      </c>
      <c r="KI10" s="316">
        <v>145400998</v>
      </c>
      <c r="KJ10" s="316">
        <v>128985859</v>
      </c>
      <c r="KK10" s="316">
        <v>86199785</v>
      </c>
      <c r="KL10" s="320">
        <v>591440550</v>
      </c>
      <c r="KM10" s="325">
        <v>605270891</v>
      </c>
      <c r="KN10" s="313">
        <v>0</v>
      </c>
      <c r="KO10" s="314">
        <v>3886437</v>
      </c>
      <c r="KP10" s="315">
        <v>3886437</v>
      </c>
      <c r="KQ10" s="413">
        <v>0</v>
      </c>
      <c r="KR10" s="316">
        <v>313491556</v>
      </c>
      <c r="KS10" s="316">
        <v>422336957</v>
      </c>
      <c r="KT10" s="316">
        <v>465022394</v>
      </c>
      <c r="KU10" s="316">
        <v>312465234</v>
      </c>
      <c r="KV10" s="316">
        <v>208499425</v>
      </c>
      <c r="KW10" s="320">
        <v>1721815566</v>
      </c>
      <c r="KX10" s="318">
        <v>1725702003</v>
      </c>
      <c r="KY10" s="319">
        <v>0</v>
      </c>
      <c r="KZ10" s="316">
        <v>0</v>
      </c>
      <c r="LA10" s="320">
        <v>0</v>
      </c>
      <c r="LB10" s="413">
        <v>0</v>
      </c>
      <c r="LC10" s="316">
        <v>183224</v>
      </c>
      <c r="LD10" s="316">
        <v>618126</v>
      </c>
      <c r="LE10" s="316">
        <v>1149360</v>
      </c>
      <c r="LF10" s="316">
        <v>251686</v>
      </c>
      <c r="LG10" s="316">
        <v>550340</v>
      </c>
      <c r="LH10" s="320">
        <v>2752736</v>
      </c>
      <c r="LI10" s="321">
        <v>2752736</v>
      </c>
      <c r="LJ10" s="319">
        <v>0</v>
      </c>
      <c r="LK10" s="316">
        <v>0</v>
      </c>
      <c r="LL10" s="320">
        <v>0</v>
      </c>
      <c r="LM10" s="413">
        <v>0</v>
      </c>
      <c r="LN10" s="316">
        <v>789083</v>
      </c>
      <c r="LO10" s="316">
        <v>2886981</v>
      </c>
      <c r="LP10" s="316">
        <v>6180805</v>
      </c>
      <c r="LQ10" s="316">
        <v>13599654</v>
      </c>
      <c r="LR10" s="316">
        <v>12777209</v>
      </c>
      <c r="LS10" s="320">
        <v>36233732</v>
      </c>
      <c r="LT10" s="318">
        <v>36233732</v>
      </c>
      <c r="LU10" s="319">
        <v>0</v>
      </c>
      <c r="LV10" s="316">
        <v>0</v>
      </c>
      <c r="LW10" s="320">
        <v>0</v>
      </c>
      <c r="LX10" s="413">
        <v>0</v>
      </c>
      <c r="LY10" s="316">
        <v>4220480</v>
      </c>
      <c r="LZ10" s="316">
        <v>16202775</v>
      </c>
      <c r="MA10" s="316">
        <v>18193188</v>
      </c>
      <c r="MB10" s="316">
        <v>43956228</v>
      </c>
      <c r="MC10" s="316">
        <v>60864157</v>
      </c>
      <c r="MD10" s="320">
        <v>143436828</v>
      </c>
      <c r="ME10" s="321">
        <v>143436828</v>
      </c>
      <c r="MF10" s="319">
        <v>0</v>
      </c>
      <c r="MG10" s="316">
        <v>0</v>
      </c>
      <c r="MH10" s="320">
        <v>0</v>
      </c>
      <c r="MI10" s="413">
        <v>0</v>
      </c>
      <c r="MJ10" s="316">
        <v>224719348</v>
      </c>
      <c r="MK10" s="316">
        <v>768057236</v>
      </c>
      <c r="ML10" s="316">
        <v>2022028117</v>
      </c>
      <c r="MM10" s="316">
        <v>2849047292</v>
      </c>
      <c r="MN10" s="316">
        <v>1874846456</v>
      </c>
      <c r="MO10" s="320">
        <v>7738698449</v>
      </c>
      <c r="MP10" s="325">
        <v>7738698449</v>
      </c>
      <c r="MQ10" s="319">
        <v>0</v>
      </c>
      <c r="MR10" s="316">
        <v>0</v>
      </c>
      <c r="MS10" s="320">
        <v>0</v>
      </c>
      <c r="MT10" s="413">
        <v>0</v>
      </c>
      <c r="MU10" s="316">
        <v>69992185</v>
      </c>
      <c r="MV10" s="316">
        <v>307981185</v>
      </c>
      <c r="MW10" s="316">
        <v>1339963056</v>
      </c>
      <c r="MX10" s="316">
        <v>1926539305</v>
      </c>
      <c r="MY10" s="316">
        <v>1325897192</v>
      </c>
      <c r="MZ10" s="320">
        <v>4970372923</v>
      </c>
      <c r="NA10" s="325">
        <v>4970372923</v>
      </c>
      <c r="NB10" s="319">
        <v>0</v>
      </c>
      <c r="NC10" s="316">
        <v>0</v>
      </c>
      <c r="ND10" s="320">
        <v>0</v>
      </c>
      <c r="NE10" s="413">
        <v>0</v>
      </c>
      <c r="NF10" s="316">
        <v>154343688</v>
      </c>
      <c r="NG10" s="316">
        <v>459106840</v>
      </c>
      <c r="NH10" s="316">
        <v>678494043</v>
      </c>
      <c r="NI10" s="316">
        <v>879142712</v>
      </c>
      <c r="NJ10" s="316">
        <v>493686069</v>
      </c>
      <c r="NK10" s="320">
        <v>2664773352</v>
      </c>
      <c r="NL10" s="318">
        <v>2664773352</v>
      </c>
      <c r="NM10" s="319">
        <v>0</v>
      </c>
      <c r="NN10" s="316">
        <v>0</v>
      </c>
      <c r="NO10" s="320">
        <v>0</v>
      </c>
      <c r="NP10" s="413">
        <v>0</v>
      </c>
      <c r="NQ10" s="316">
        <v>0</v>
      </c>
      <c r="NR10" s="316">
        <v>0</v>
      </c>
      <c r="NS10" s="316">
        <v>0</v>
      </c>
      <c r="NT10" s="316">
        <v>0</v>
      </c>
      <c r="NU10" s="316">
        <v>0</v>
      </c>
      <c r="NV10" s="320">
        <v>0</v>
      </c>
      <c r="NW10" s="321">
        <v>0</v>
      </c>
      <c r="NX10" s="319">
        <v>0</v>
      </c>
      <c r="NY10" s="316">
        <v>0</v>
      </c>
      <c r="NZ10" s="320">
        <v>0</v>
      </c>
      <c r="OA10" s="413">
        <v>0</v>
      </c>
      <c r="OB10" s="316">
        <v>383475</v>
      </c>
      <c r="OC10" s="316">
        <v>969211</v>
      </c>
      <c r="OD10" s="316">
        <v>3571018</v>
      </c>
      <c r="OE10" s="316">
        <v>43365275</v>
      </c>
      <c r="OF10" s="316">
        <v>55263195</v>
      </c>
      <c r="OG10" s="320">
        <v>103552174</v>
      </c>
      <c r="OH10" s="321">
        <v>103552174</v>
      </c>
      <c r="OI10" s="319">
        <v>173245666</v>
      </c>
      <c r="OJ10" s="316">
        <v>460988003</v>
      </c>
      <c r="OK10" s="317">
        <v>634233669</v>
      </c>
      <c r="OL10" s="322">
        <v>0</v>
      </c>
      <c r="OM10" s="316">
        <v>2836593577</v>
      </c>
      <c r="ON10" s="316">
        <v>5330608189</v>
      </c>
      <c r="OO10" s="316">
        <v>5656192917</v>
      </c>
      <c r="OP10" s="316">
        <v>6037577977</v>
      </c>
      <c r="OQ10" s="316">
        <v>4233533634</v>
      </c>
      <c r="OR10" s="320">
        <v>24094506294</v>
      </c>
      <c r="OS10" s="325">
        <v>24728739963</v>
      </c>
    </row>
    <row r="11" spans="1:409" s="70" customFormat="1" ht="21" customHeight="1" x14ac:dyDescent="0.2">
      <c r="B11" s="410" t="s">
        <v>6</v>
      </c>
      <c r="C11" s="326">
        <v>64685092</v>
      </c>
      <c r="D11" s="327">
        <v>109262596</v>
      </c>
      <c r="E11" s="328">
        <v>173947688</v>
      </c>
      <c r="F11" s="329">
        <v>0</v>
      </c>
      <c r="G11" s="327">
        <v>934949962</v>
      </c>
      <c r="H11" s="327">
        <v>1087350970</v>
      </c>
      <c r="I11" s="327">
        <v>875810312</v>
      </c>
      <c r="J11" s="327">
        <v>890309421</v>
      </c>
      <c r="K11" s="327">
        <v>688380732</v>
      </c>
      <c r="L11" s="329">
        <v>4476801397</v>
      </c>
      <c r="M11" s="330">
        <v>4650749085</v>
      </c>
      <c r="N11" s="326">
        <v>18592267</v>
      </c>
      <c r="O11" s="327">
        <v>36260181</v>
      </c>
      <c r="P11" s="328">
        <v>54852448</v>
      </c>
      <c r="Q11" s="326">
        <v>0</v>
      </c>
      <c r="R11" s="327">
        <v>301848951</v>
      </c>
      <c r="S11" s="327">
        <v>385876558</v>
      </c>
      <c r="T11" s="327">
        <v>329305465</v>
      </c>
      <c r="U11" s="327">
        <v>380634896</v>
      </c>
      <c r="V11" s="327">
        <v>375975746</v>
      </c>
      <c r="W11" s="328">
        <v>1773641616</v>
      </c>
      <c r="X11" s="330">
        <v>1828494064</v>
      </c>
      <c r="Y11" s="326">
        <v>0</v>
      </c>
      <c r="Z11" s="327">
        <v>0</v>
      </c>
      <c r="AA11" s="328">
        <v>0</v>
      </c>
      <c r="AB11" s="326">
        <v>0</v>
      </c>
      <c r="AC11" s="327">
        <v>133058478</v>
      </c>
      <c r="AD11" s="327">
        <v>188879708</v>
      </c>
      <c r="AE11" s="327">
        <v>191278865</v>
      </c>
      <c r="AF11" s="327">
        <v>233906686</v>
      </c>
      <c r="AG11" s="327">
        <v>228878677</v>
      </c>
      <c r="AH11" s="328">
        <v>976002414</v>
      </c>
      <c r="AI11" s="330">
        <v>976002414</v>
      </c>
      <c r="AJ11" s="326">
        <v>46856</v>
      </c>
      <c r="AK11" s="327">
        <v>84345</v>
      </c>
      <c r="AL11" s="328">
        <v>131201</v>
      </c>
      <c r="AM11" s="326">
        <v>0</v>
      </c>
      <c r="AN11" s="327">
        <v>687979</v>
      </c>
      <c r="AO11" s="327">
        <v>1990128</v>
      </c>
      <c r="AP11" s="327">
        <v>6683440</v>
      </c>
      <c r="AQ11" s="327">
        <v>18442729</v>
      </c>
      <c r="AR11" s="327">
        <v>36466629</v>
      </c>
      <c r="AS11" s="328">
        <v>64270905</v>
      </c>
      <c r="AT11" s="330">
        <v>64402106</v>
      </c>
      <c r="AU11" s="326">
        <v>10282772</v>
      </c>
      <c r="AV11" s="327">
        <v>26351207</v>
      </c>
      <c r="AW11" s="328">
        <v>36633979</v>
      </c>
      <c r="AX11" s="326">
        <v>0</v>
      </c>
      <c r="AY11" s="327">
        <v>104022254</v>
      </c>
      <c r="AZ11" s="327">
        <v>120059190</v>
      </c>
      <c r="BA11" s="327">
        <v>70872343</v>
      </c>
      <c r="BB11" s="327">
        <v>68359214</v>
      </c>
      <c r="BC11" s="327">
        <v>63678967</v>
      </c>
      <c r="BD11" s="328">
        <v>426991968</v>
      </c>
      <c r="BE11" s="330">
        <v>463625947</v>
      </c>
      <c r="BF11" s="326">
        <v>759792</v>
      </c>
      <c r="BG11" s="327">
        <v>2173505</v>
      </c>
      <c r="BH11" s="331">
        <v>2933297</v>
      </c>
      <c r="BI11" s="332">
        <v>0</v>
      </c>
      <c r="BJ11" s="327">
        <v>7132407</v>
      </c>
      <c r="BK11" s="327">
        <v>8650520</v>
      </c>
      <c r="BL11" s="327">
        <v>5103474</v>
      </c>
      <c r="BM11" s="327">
        <v>4819547</v>
      </c>
      <c r="BN11" s="327">
        <v>3185106</v>
      </c>
      <c r="BO11" s="328">
        <v>28891054</v>
      </c>
      <c r="BP11" s="330">
        <v>31824351</v>
      </c>
      <c r="BQ11" s="326">
        <v>7502847</v>
      </c>
      <c r="BR11" s="327">
        <v>7651124</v>
      </c>
      <c r="BS11" s="328">
        <v>15153971</v>
      </c>
      <c r="BT11" s="326">
        <v>0</v>
      </c>
      <c r="BU11" s="327">
        <v>56947833</v>
      </c>
      <c r="BV11" s="327">
        <v>66297012</v>
      </c>
      <c r="BW11" s="327">
        <v>55367343</v>
      </c>
      <c r="BX11" s="327">
        <v>55106720</v>
      </c>
      <c r="BY11" s="327">
        <v>43766367</v>
      </c>
      <c r="BZ11" s="328">
        <v>277485275</v>
      </c>
      <c r="CA11" s="330">
        <v>292639246</v>
      </c>
      <c r="CB11" s="326">
        <v>3493518</v>
      </c>
      <c r="CC11" s="327">
        <v>10414083</v>
      </c>
      <c r="CD11" s="328">
        <v>13907601</v>
      </c>
      <c r="CE11" s="326">
        <v>0</v>
      </c>
      <c r="CF11" s="327">
        <v>238380679</v>
      </c>
      <c r="CG11" s="327">
        <v>270392468</v>
      </c>
      <c r="CH11" s="327">
        <v>183025867</v>
      </c>
      <c r="CI11" s="327">
        <v>130179151</v>
      </c>
      <c r="CJ11" s="327">
        <v>60094645</v>
      </c>
      <c r="CK11" s="328">
        <v>882072810</v>
      </c>
      <c r="CL11" s="330">
        <v>895980411</v>
      </c>
      <c r="CM11" s="326">
        <v>0</v>
      </c>
      <c r="CN11" s="327">
        <v>0</v>
      </c>
      <c r="CO11" s="328">
        <v>0</v>
      </c>
      <c r="CP11" s="332">
        <v>0</v>
      </c>
      <c r="CQ11" s="327">
        <v>202601353</v>
      </c>
      <c r="CR11" s="327">
        <v>218616587</v>
      </c>
      <c r="CS11" s="327">
        <v>145651644</v>
      </c>
      <c r="CT11" s="327">
        <v>103333279</v>
      </c>
      <c r="CU11" s="327">
        <v>47280181</v>
      </c>
      <c r="CV11" s="328">
        <v>717483044</v>
      </c>
      <c r="CW11" s="330">
        <v>717483044</v>
      </c>
      <c r="CX11" s="326">
        <v>3493518</v>
      </c>
      <c r="CY11" s="327">
        <v>10414083</v>
      </c>
      <c r="CZ11" s="328">
        <v>13907601</v>
      </c>
      <c r="DA11" s="326">
        <v>0</v>
      </c>
      <c r="DB11" s="327">
        <v>35779326</v>
      </c>
      <c r="DC11" s="327">
        <v>51775881</v>
      </c>
      <c r="DD11" s="327">
        <v>37374223</v>
      </c>
      <c r="DE11" s="327">
        <v>26845872</v>
      </c>
      <c r="DF11" s="327">
        <v>12814464</v>
      </c>
      <c r="DG11" s="328">
        <v>164589766</v>
      </c>
      <c r="DH11" s="330">
        <v>178497367</v>
      </c>
      <c r="DI11" s="326">
        <v>82222</v>
      </c>
      <c r="DJ11" s="327">
        <v>762081</v>
      </c>
      <c r="DK11" s="331">
        <v>844303</v>
      </c>
      <c r="DL11" s="332">
        <v>0</v>
      </c>
      <c r="DM11" s="327">
        <v>16232781</v>
      </c>
      <c r="DN11" s="327">
        <v>35661464</v>
      </c>
      <c r="DO11" s="327">
        <v>57180280</v>
      </c>
      <c r="DP11" s="327">
        <v>50547734</v>
      </c>
      <c r="DQ11" s="327">
        <v>29308773</v>
      </c>
      <c r="DR11" s="328">
        <v>188931032</v>
      </c>
      <c r="DS11" s="330">
        <v>189775335</v>
      </c>
      <c r="DT11" s="326">
        <v>62098</v>
      </c>
      <c r="DU11" s="327">
        <v>762081</v>
      </c>
      <c r="DV11" s="328">
        <v>824179</v>
      </c>
      <c r="DW11" s="326">
        <v>0</v>
      </c>
      <c r="DX11" s="327">
        <v>14277566</v>
      </c>
      <c r="DY11" s="327">
        <v>31491007</v>
      </c>
      <c r="DZ11" s="327">
        <v>50967232</v>
      </c>
      <c r="EA11" s="327">
        <v>44163667</v>
      </c>
      <c r="EB11" s="327">
        <v>22967184</v>
      </c>
      <c r="EC11" s="328">
        <v>163866656</v>
      </c>
      <c r="ED11" s="330">
        <v>164690835</v>
      </c>
      <c r="EE11" s="326">
        <v>20124</v>
      </c>
      <c r="EF11" s="331">
        <v>0</v>
      </c>
      <c r="EG11" s="328">
        <v>20124</v>
      </c>
      <c r="EH11" s="326">
        <v>0</v>
      </c>
      <c r="EI11" s="327">
        <v>1955215</v>
      </c>
      <c r="EJ11" s="327">
        <v>4170457</v>
      </c>
      <c r="EK11" s="327">
        <v>6213048</v>
      </c>
      <c r="EL11" s="327">
        <v>6384067</v>
      </c>
      <c r="EM11" s="327">
        <v>6341589</v>
      </c>
      <c r="EN11" s="331">
        <v>25064376</v>
      </c>
      <c r="EO11" s="330">
        <v>25084500</v>
      </c>
      <c r="EP11" s="326">
        <v>0</v>
      </c>
      <c r="EQ11" s="327">
        <v>0</v>
      </c>
      <c r="ER11" s="331">
        <v>0</v>
      </c>
      <c r="ES11" s="332">
        <v>0</v>
      </c>
      <c r="ET11" s="327">
        <v>0</v>
      </c>
      <c r="EU11" s="327">
        <v>0</v>
      </c>
      <c r="EV11" s="327">
        <v>0</v>
      </c>
      <c r="EW11" s="327">
        <v>0</v>
      </c>
      <c r="EX11" s="327">
        <v>0</v>
      </c>
      <c r="EY11" s="328">
        <v>0</v>
      </c>
      <c r="EZ11" s="330">
        <v>0</v>
      </c>
      <c r="FA11" s="326">
        <v>0</v>
      </c>
      <c r="FB11" s="327">
        <v>0</v>
      </c>
      <c r="FC11" s="331">
        <v>0</v>
      </c>
      <c r="FD11" s="332">
        <v>0</v>
      </c>
      <c r="FE11" s="327">
        <v>0</v>
      </c>
      <c r="FF11" s="327">
        <v>0</v>
      </c>
      <c r="FG11" s="327">
        <v>0</v>
      </c>
      <c r="FH11" s="327">
        <v>0</v>
      </c>
      <c r="FI11" s="327">
        <v>0</v>
      </c>
      <c r="FJ11" s="328">
        <v>0</v>
      </c>
      <c r="FK11" s="330">
        <v>0</v>
      </c>
      <c r="FL11" s="326">
        <v>13920781</v>
      </c>
      <c r="FM11" s="327">
        <v>25534065</v>
      </c>
      <c r="FN11" s="328">
        <v>39454846</v>
      </c>
      <c r="FO11" s="326">
        <v>0</v>
      </c>
      <c r="FP11" s="327">
        <v>53979863</v>
      </c>
      <c r="FQ11" s="327">
        <v>97800656</v>
      </c>
      <c r="FR11" s="327">
        <v>69944605</v>
      </c>
      <c r="FS11" s="327">
        <v>66164050</v>
      </c>
      <c r="FT11" s="327">
        <v>48572117</v>
      </c>
      <c r="FU11" s="328">
        <v>336461291</v>
      </c>
      <c r="FV11" s="330">
        <v>375916137</v>
      </c>
      <c r="FW11" s="333">
        <v>9513879</v>
      </c>
      <c r="FX11" s="327">
        <v>20834393</v>
      </c>
      <c r="FY11" s="331">
        <v>30348272</v>
      </c>
      <c r="FZ11" s="332">
        <v>0</v>
      </c>
      <c r="GA11" s="327">
        <v>44070466</v>
      </c>
      <c r="GB11" s="327">
        <v>90266972</v>
      </c>
      <c r="GC11" s="327">
        <v>64991487</v>
      </c>
      <c r="GD11" s="327">
        <v>62099570</v>
      </c>
      <c r="GE11" s="327">
        <v>47550061</v>
      </c>
      <c r="GF11" s="328">
        <v>308978556</v>
      </c>
      <c r="GG11" s="334">
        <v>339326828</v>
      </c>
      <c r="GH11" s="333">
        <v>1125403</v>
      </c>
      <c r="GI11" s="327">
        <v>1223153</v>
      </c>
      <c r="GJ11" s="331">
        <v>2348556</v>
      </c>
      <c r="GK11" s="332">
        <v>0</v>
      </c>
      <c r="GL11" s="327">
        <v>2770070</v>
      </c>
      <c r="GM11" s="327">
        <v>3205085</v>
      </c>
      <c r="GN11" s="327">
        <v>2146941</v>
      </c>
      <c r="GO11" s="327">
        <v>2250375</v>
      </c>
      <c r="GP11" s="327">
        <v>779056</v>
      </c>
      <c r="GQ11" s="328">
        <v>11151527</v>
      </c>
      <c r="GR11" s="330">
        <v>13500083</v>
      </c>
      <c r="GS11" s="326">
        <v>3281499</v>
      </c>
      <c r="GT11" s="327">
        <v>3476519</v>
      </c>
      <c r="GU11" s="328">
        <v>6758018</v>
      </c>
      <c r="GV11" s="326">
        <v>0</v>
      </c>
      <c r="GW11" s="327">
        <v>7139327</v>
      </c>
      <c r="GX11" s="327">
        <v>4328599</v>
      </c>
      <c r="GY11" s="327">
        <v>2806177</v>
      </c>
      <c r="GZ11" s="327">
        <v>1814105</v>
      </c>
      <c r="HA11" s="327">
        <v>243000</v>
      </c>
      <c r="HB11" s="331">
        <v>16331208</v>
      </c>
      <c r="HC11" s="330">
        <v>23089226</v>
      </c>
      <c r="HD11" s="326">
        <v>16505594</v>
      </c>
      <c r="HE11" s="327">
        <v>17022363</v>
      </c>
      <c r="HF11" s="331">
        <v>33527957</v>
      </c>
      <c r="HG11" s="332">
        <v>0</v>
      </c>
      <c r="HH11" s="327">
        <v>175564299</v>
      </c>
      <c r="HI11" s="327">
        <v>169847608</v>
      </c>
      <c r="HJ11" s="327">
        <v>153843736</v>
      </c>
      <c r="HK11" s="327">
        <v>201613260</v>
      </c>
      <c r="HL11" s="327">
        <v>135230344</v>
      </c>
      <c r="HM11" s="328">
        <v>836099247</v>
      </c>
      <c r="HN11" s="329">
        <v>869627204</v>
      </c>
      <c r="HO11" s="333">
        <v>12090710</v>
      </c>
      <c r="HP11" s="327">
        <v>19269823</v>
      </c>
      <c r="HQ11" s="328">
        <v>31360533</v>
      </c>
      <c r="HR11" s="326">
        <v>0</v>
      </c>
      <c r="HS11" s="327">
        <v>148943389</v>
      </c>
      <c r="HT11" s="327">
        <v>127772216</v>
      </c>
      <c r="HU11" s="327">
        <v>82510359</v>
      </c>
      <c r="HV11" s="327">
        <v>61170330</v>
      </c>
      <c r="HW11" s="327">
        <v>39199107</v>
      </c>
      <c r="HX11" s="331">
        <v>459595401</v>
      </c>
      <c r="HY11" s="330">
        <v>490955934</v>
      </c>
      <c r="HZ11" s="335">
        <v>1237944</v>
      </c>
      <c r="IA11" s="336">
        <v>4996871</v>
      </c>
      <c r="IB11" s="337">
        <v>6234815</v>
      </c>
      <c r="IC11" s="338">
        <v>0</v>
      </c>
      <c r="ID11" s="336">
        <v>295477962</v>
      </c>
      <c r="IE11" s="339">
        <v>371652893</v>
      </c>
      <c r="IF11" s="337">
        <v>385244257</v>
      </c>
      <c r="IG11" s="336">
        <v>295961148</v>
      </c>
      <c r="IH11" s="337">
        <v>243083624</v>
      </c>
      <c r="II11" s="340">
        <v>1591419884</v>
      </c>
      <c r="IJ11" s="341">
        <v>1597654699</v>
      </c>
      <c r="IK11" s="342">
        <v>0</v>
      </c>
      <c r="IL11" s="343">
        <v>0</v>
      </c>
      <c r="IM11" s="344">
        <v>0</v>
      </c>
      <c r="IN11" s="404">
        <v>0</v>
      </c>
      <c r="IO11" s="345">
        <v>5688913</v>
      </c>
      <c r="IP11" s="345">
        <v>12591461</v>
      </c>
      <c r="IQ11" s="345">
        <v>13917196</v>
      </c>
      <c r="IR11" s="345">
        <v>28693440</v>
      </c>
      <c r="IS11" s="345">
        <v>34227167</v>
      </c>
      <c r="IT11" s="346">
        <v>95118177</v>
      </c>
      <c r="IU11" s="347">
        <v>95118177</v>
      </c>
      <c r="IV11" s="348">
        <v>0</v>
      </c>
      <c r="IW11" s="345">
        <v>0</v>
      </c>
      <c r="IX11" s="349">
        <v>0</v>
      </c>
      <c r="IY11" s="413">
        <v>0</v>
      </c>
      <c r="IZ11" s="345">
        <v>1422065</v>
      </c>
      <c r="JA11" s="345">
        <v>1916040</v>
      </c>
      <c r="JB11" s="345">
        <v>2898827</v>
      </c>
      <c r="JC11" s="345">
        <v>2902673</v>
      </c>
      <c r="JD11" s="345">
        <v>3491844</v>
      </c>
      <c r="JE11" s="349">
        <v>12631449</v>
      </c>
      <c r="JF11" s="350">
        <v>12631449</v>
      </c>
      <c r="JG11" s="348">
        <v>0</v>
      </c>
      <c r="JH11" s="345">
        <v>0</v>
      </c>
      <c r="JI11" s="346">
        <v>0</v>
      </c>
      <c r="JJ11" s="351">
        <v>0</v>
      </c>
      <c r="JK11" s="345">
        <v>88285142</v>
      </c>
      <c r="JL11" s="345">
        <v>90547583</v>
      </c>
      <c r="JM11" s="345">
        <v>65567159</v>
      </c>
      <c r="JN11" s="345">
        <v>43660263</v>
      </c>
      <c r="JO11" s="345">
        <v>23314062</v>
      </c>
      <c r="JP11" s="349">
        <v>311374209</v>
      </c>
      <c r="JQ11" s="347">
        <v>311374209</v>
      </c>
      <c r="JR11" s="348">
        <v>60709</v>
      </c>
      <c r="JS11" s="345">
        <v>0</v>
      </c>
      <c r="JT11" s="346">
        <v>60709</v>
      </c>
      <c r="JU11" s="351">
        <v>0</v>
      </c>
      <c r="JV11" s="345">
        <v>15200107</v>
      </c>
      <c r="JW11" s="345">
        <v>25769473</v>
      </c>
      <c r="JX11" s="345">
        <v>33254903</v>
      </c>
      <c r="JY11" s="345">
        <v>18532545</v>
      </c>
      <c r="JZ11" s="345">
        <v>15504207</v>
      </c>
      <c r="KA11" s="349">
        <v>108261235</v>
      </c>
      <c r="KB11" s="347">
        <v>108321944</v>
      </c>
      <c r="KC11" s="352">
        <v>1177235</v>
      </c>
      <c r="KD11" s="353">
        <v>3674145</v>
      </c>
      <c r="KE11" s="349">
        <v>4851380</v>
      </c>
      <c r="KF11" s="351">
        <v>0</v>
      </c>
      <c r="KG11" s="345">
        <v>37837003</v>
      </c>
      <c r="KH11" s="345">
        <v>43816414</v>
      </c>
      <c r="KI11" s="345">
        <v>49342575</v>
      </c>
      <c r="KJ11" s="345">
        <v>34900634</v>
      </c>
      <c r="KK11" s="345">
        <v>20172467</v>
      </c>
      <c r="KL11" s="349">
        <v>186069093</v>
      </c>
      <c r="KM11" s="354">
        <v>190920473</v>
      </c>
      <c r="KN11" s="342">
        <v>0</v>
      </c>
      <c r="KO11" s="343">
        <v>1322726</v>
      </c>
      <c r="KP11" s="344">
        <v>1322726</v>
      </c>
      <c r="KQ11" s="413">
        <v>0</v>
      </c>
      <c r="KR11" s="345">
        <v>131544949</v>
      </c>
      <c r="KS11" s="345">
        <v>171405799</v>
      </c>
      <c r="KT11" s="345">
        <v>170428087</v>
      </c>
      <c r="KU11" s="345">
        <v>108029127</v>
      </c>
      <c r="KV11" s="345">
        <v>84925479</v>
      </c>
      <c r="KW11" s="349">
        <v>666333441</v>
      </c>
      <c r="KX11" s="347">
        <v>667656167</v>
      </c>
      <c r="KY11" s="348">
        <v>0</v>
      </c>
      <c r="KZ11" s="345">
        <v>0</v>
      </c>
      <c r="LA11" s="349">
        <v>0</v>
      </c>
      <c r="LB11" s="413">
        <v>0</v>
      </c>
      <c r="LC11" s="345">
        <v>0</v>
      </c>
      <c r="LD11" s="345">
        <v>0</v>
      </c>
      <c r="LE11" s="345">
        <v>0</v>
      </c>
      <c r="LF11" s="345">
        <v>0</v>
      </c>
      <c r="LG11" s="345">
        <v>0</v>
      </c>
      <c r="LH11" s="349">
        <v>0</v>
      </c>
      <c r="LI11" s="350">
        <v>0</v>
      </c>
      <c r="LJ11" s="348">
        <v>0</v>
      </c>
      <c r="LK11" s="345">
        <v>0</v>
      </c>
      <c r="LL11" s="349">
        <v>0</v>
      </c>
      <c r="LM11" s="413">
        <v>0</v>
      </c>
      <c r="LN11" s="345">
        <v>242010</v>
      </c>
      <c r="LO11" s="345">
        <v>2533666</v>
      </c>
      <c r="LP11" s="345">
        <v>18729694</v>
      </c>
      <c r="LQ11" s="345">
        <v>29403355</v>
      </c>
      <c r="LR11" s="345">
        <v>19027349</v>
      </c>
      <c r="LS11" s="349">
        <v>69936074</v>
      </c>
      <c r="LT11" s="347">
        <v>69936074</v>
      </c>
      <c r="LU11" s="348">
        <v>0</v>
      </c>
      <c r="LV11" s="345">
        <v>0</v>
      </c>
      <c r="LW11" s="349">
        <v>0</v>
      </c>
      <c r="LX11" s="413">
        <v>0</v>
      </c>
      <c r="LY11" s="345">
        <v>15257773</v>
      </c>
      <c r="LZ11" s="345">
        <v>23072457</v>
      </c>
      <c r="MA11" s="345">
        <v>31105816</v>
      </c>
      <c r="MB11" s="345">
        <v>29839111</v>
      </c>
      <c r="MC11" s="345">
        <v>42421049</v>
      </c>
      <c r="MD11" s="349">
        <v>141696206</v>
      </c>
      <c r="ME11" s="350">
        <v>141696206</v>
      </c>
      <c r="MF11" s="348">
        <v>0</v>
      </c>
      <c r="MG11" s="345">
        <v>0</v>
      </c>
      <c r="MH11" s="349">
        <v>0</v>
      </c>
      <c r="MI11" s="413">
        <v>0</v>
      </c>
      <c r="MJ11" s="345">
        <v>93538981</v>
      </c>
      <c r="MK11" s="345">
        <v>144580724</v>
      </c>
      <c r="ML11" s="345">
        <v>530651172</v>
      </c>
      <c r="MM11" s="345">
        <v>761399097</v>
      </c>
      <c r="MN11" s="345">
        <v>550219306</v>
      </c>
      <c r="MO11" s="349">
        <v>2080389280</v>
      </c>
      <c r="MP11" s="354">
        <v>2080389280</v>
      </c>
      <c r="MQ11" s="348">
        <v>0</v>
      </c>
      <c r="MR11" s="345">
        <v>0</v>
      </c>
      <c r="MS11" s="349">
        <v>0</v>
      </c>
      <c r="MT11" s="413">
        <v>0</v>
      </c>
      <c r="MU11" s="345">
        <v>23171462</v>
      </c>
      <c r="MV11" s="345">
        <v>54530108</v>
      </c>
      <c r="MW11" s="345">
        <v>358529281</v>
      </c>
      <c r="MX11" s="345">
        <v>536551020</v>
      </c>
      <c r="MY11" s="345">
        <v>402790365</v>
      </c>
      <c r="MZ11" s="349">
        <v>1375572236</v>
      </c>
      <c r="NA11" s="354">
        <v>1375572236</v>
      </c>
      <c r="NB11" s="348">
        <v>0</v>
      </c>
      <c r="NC11" s="345">
        <v>0</v>
      </c>
      <c r="ND11" s="349">
        <v>0</v>
      </c>
      <c r="NE11" s="413">
        <v>0</v>
      </c>
      <c r="NF11" s="345">
        <v>70367519</v>
      </c>
      <c r="NG11" s="345">
        <v>89721209</v>
      </c>
      <c r="NH11" s="345">
        <v>171352225</v>
      </c>
      <c r="NI11" s="345">
        <v>208744383</v>
      </c>
      <c r="NJ11" s="345">
        <v>123602223</v>
      </c>
      <c r="NK11" s="349">
        <v>663787559</v>
      </c>
      <c r="NL11" s="347">
        <v>663787559</v>
      </c>
      <c r="NM11" s="348">
        <v>0</v>
      </c>
      <c r="NN11" s="345">
        <v>0</v>
      </c>
      <c r="NO11" s="349">
        <v>0</v>
      </c>
      <c r="NP11" s="413">
        <v>0</v>
      </c>
      <c r="NQ11" s="345">
        <v>0</v>
      </c>
      <c r="NR11" s="345">
        <v>0</v>
      </c>
      <c r="NS11" s="345">
        <v>0</v>
      </c>
      <c r="NT11" s="345">
        <v>0</v>
      </c>
      <c r="NU11" s="345">
        <v>0</v>
      </c>
      <c r="NV11" s="349">
        <v>0</v>
      </c>
      <c r="NW11" s="350">
        <v>0</v>
      </c>
      <c r="NX11" s="348">
        <v>0</v>
      </c>
      <c r="NY11" s="345">
        <v>0</v>
      </c>
      <c r="NZ11" s="349">
        <v>0</v>
      </c>
      <c r="OA11" s="413">
        <v>0</v>
      </c>
      <c r="OB11" s="345">
        <v>0</v>
      </c>
      <c r="OC11" s="345">
        <v>329407</v>
      </c>
      <c r="OD11" s="345">
        <v>769666</v>
      </c>
      <c r="OE11" s="345">
        <v>16103694</v>
      </c>
      <c r="OF11" s="345">
        <v>23826718</v>
      </c>
      <c r="OG11" s="349">
        <v>41029485</v>
      </c>
      <c r="OH11" s="350">
        <v>41029485</v>
      </c>
      <c r="OI11" s="348">
        <v>65923036</v>
      </c>
      <c r="OJ11" s="345">
        <v>114259467</v>
      </c>
      <c r="OK11" s="346">
        <v>180182503</v>
      </c>
      <c r="OL11" s="351">
        <v>0</v>
      </c>
      <c r="OM11" s="345">
        <v>1323966905</v>
      </c>
      <c r="ON11" s="345">
        <v>1603584587</v>
      </c>
      <c r="OO11" s="345">
        <v>1791705741</v>
      </c>
      <c r="OP11" s="345">
        <v>1947669666</v>
      </c>
      <c r="OQ11" s="345">
        <v>1481683662</v>
      </c>
      <c r="OR11" s="349">
        <v>8148610561</v>
      </c>
      <c r="OS11" s="354">
        <v>8328793064</v>
      </c>
    </row>
    <row r="12" spans="1:409" s="70" customFormat="1" ht="21" customHeight="1" x14ac:dyDescent="0.2">
      <c r="B12" s="410" t="s">
        <v>14</v>
      </c>
      <c r="C12" s="326">
        <v>29763166</v>
      </c>
      <c r="D12" s="327">
        <v>74151315</v>
      </c>
      <c r="E12" s="328">
        <v>103914481</v>
      </c>
      <c r="F12" s="329">
        <v>0</v>
      </c>
      <c r="G12" s="327">
        <v>348520100</v>
      </c>
      <c r="H12" s="327">
        <v>594214964</v>
      </c>
      <c r="I12" s="327">
        <v>534979436</v>
      </c>
      <c r="J12" s="327">
        <v>466538385</v>
      </c>
      <c r="K12" s="327">
        <v>315628750</v>
      </c>
      <c r="L12" s="331">
        <v>2259881635</v>
      </c>
      <c r="M12" s="330">
        <v>2363796116</v>
      </c>
      <c r="N12" s="326">
        <v>5735289</v>
      </c>
      <c r="O12" s="327">
        <v>17928545</v>
      </c>
      <c r="P12" s="328">
        <v>23663834</v>
      </c>
      <c r="Q12" s="326">
        <v>0</v>
      </c>
      <c r="R12" s="327">
        <v>97851213</v>
      </c>
      <c r="S12" s="327">
        <v>191465042</v>
      </c>
      <c r="T12" s="327">
        <v>186129876</v>
      </c>
      <c r="U12" s="327">
        <v>193879535</v>
      </c>
      <c r="V12" s="327">
        <v>166470371</v>
      </c>
      <c r="W12" s="328">
        <v>835796037</v>
      </c>
      <c r="X12" s="330">
        <v>859459871</v>
      </c>
      <c r="Y12" s="326">
        <v>0</v>
      </c>
      <c r="Z12" s="327">
        <v>0</v>
      </c>
      <c r="AA12" s="328">
        <v>0</v>
      </c>
      <c r="AB12" s="326">
        <v>0</v>
      </c>
      <c r="AC12" s="327">
        <v>46831570</v>
      </c>
      <c r="AD12" s="327">
        <v>98755893</v>
      </c>
      <c r="AE12" s="327">
        <v>107486182</v>
      </c>
      <c r="AF12" s="327">
        <v>118941685</v>
      </c>
      <c r="AG12" s="327">
        <v>100570971</v>
      </c>
      <c r="AH12" s="328">
        <v>472586301</v>
      </c>
      <c r="AI12" s="330">
        <v>472586301</v>
      </c>
      <c r="AJ12" s="326">
        <v>12033</v>
      </c>
      <c r="AK12" s="327">
        <v>45676</v>
      </c>
      <c r="AL12" s="328">
        <v>57709</v>
      </c>
      <c r="AM12" s="326">
        <v>0</v>
      </c>
      <c r="AN12" s="327">
        <v>74838</v>
      </c>
      <c r="AO12" s="327">
        <v>1248754</v>
      </c>
      <c r="AP12" s="327">
        <v>2658071</v>
      </c>
      <c r="AQ12" s="327">
        <v>10195956</v>
      </c>
      <c r="AR12" s="327">
        <v>14909218</v>
      </c>
      <c r="AS12" s="328">
        <v>29086837</v>
      </c>
      <c r="AT12" s="330">
        <v>29144546</v>
      </c>
      <c r="AU12" s="326">
        <v>2662346</v>
      </c>
      <c r="AV12" s="327">
        <v>12375995</v>
      </c>
      <c r="AW12" s="328">
        <v>15038341</v>
      </c>
      <c r="AX12" s="326">
        <v>0</v>
      </c>
      <c r="AY12" s="327">
        <v>29306030</v>
      </c>
      <c r="AZ12" s="327">
        <v>58042701</v>
      </c>
      <c r="BA12" s="327">
        <v>42382239</v>
      </c>
      <c r="BB12" s="327">
        <v>35803762</v>
      </c>
      <c r="BC12" s="327">
        <v>31442247</v>
      </c>
      <c r="BD12" s="328">
        <v>196976979</v>
      </c>
      <c r="BE12" s="330">
        <v>212015320</v>
      </c>
      <c r="BF12" s="326">
        <v>177164</v>
      </c>
      <c r="BG12" s="327">
        <v>829023</v>
      </c>
      <c r="BH12" s="331">
        <v>1006187</v>
      </c>
      <c r="BI12" s="332">
        <v>0</v>
      </c>
      <c r="BJ12" s="327">
        <v>570553</v>
      </c>
      <c r="BK12" s="327">
        <v>2736176</v>
      </c>
      <c r="BL12" s="327">
        <v>1635183</v>
      </c>
      <c r="BM12" s="327">
        <v>1682670</v>
      </c>
      <c r="BN12" s="327">
        <v>587126</v>
      </c>
      <c r="BO12" s="328">
        <v>7211708</v>
      </c>
      <c r="BP12" s="330">
        <v>8217895</v>
      </c>
      <c r="BQ12" s="326">
        <v>2883746</v>
      </c>
      <c r="BR12" s="327">
        <v>4677851</v>
      </c>
      <c r="BS12" s="328">
        <v>7561597</v>
      </c>
      <c r="BT12" s="326">
        <v>0</v>
      </c>
      <c r="BU12" s="327">
        <v>21068222</v>
      </c>
      <c r="BV12" s="327">
        <v>30681518</v>
      </c>
      <c r="BW12" s="327">
        <v>31968201</v>
      </c>
      <c r="BX12" s="327">
        <v>27255462</v>
      </c>
      <c r="BY12" s="327">
        <v>18960809</v>
      </c>
      <c r="BZ12" s="328">
        <v>129934212</v>
      </c>
      <c r="CA12" s="330">
        <v>137495809</v>
      </c>
      <c r="CB12" s="326">
        <v>2058575</v>
      </c>
      <c r="CC12" s="327">
        <v>7024497</v>
      </c>
      <c r="CD12" s="328">
        <v>9083072</v>
      </c>
      <c r="CE12" s="326">
        <v>0</v>
      </c>
      <c r="CF12" s="327">
        <v>101075170</v>
      </c>
      <c r="CG12" s="327">
        <v>168205772</v>
      </c>
      <c r="CH12" s="327">
        <v>132911491</v>
      </c>
      <c r="CI12" s="327">
        <v>82807557</v>
      </c>
      <c r="CJ12" s="327">
        <v>38955698</v>
      </c>
      <c r="CK12" s="328">
        <v>523955688</v>
      </c>
      <c r="CL12" s="330">
        <v>533038760</v>
      </c>
      <c r="CM12" s="326">
        <v>0</v>
      </c>
      <c r="CN12" s="327">
        <v>0</v>
      </c>
      <c r="CO12" s="328">
        <v>0</v>
      </c>
      <c r="CP12" s="332">
        <v>0</v>
      </c>
      <c r="CQ12" s="327">
        <v>94589280</v>
      </c>
      <c r="CR12" s="327">
        <v>142317140</v>
      </c>
      <c r="CS12" s="327">
        <v>112427727</v>
      </c>
      <c r="CT12" s="327">
        <v>69563487</v>
      </c>
      <c r="CU12" s="327">
        <v>33060147</v>
      </c>
      <c r="CV12" s="328">
        <v>451957781</v>
      </c>
      <c r="CW12" s="330">
        <v>451957781</v>
      </c>
      <c r="CX12" s="326">
        <v>2058575</v>
      </c>
      <c r="CY12" s="327">
        <v>7024497</v>
      </c>
      <c r="CZ12" s="328">
        <v>9083072</v>
      </c>
      <c r="DA12" s="326">
        <v>0</v>
      </c>
      <c r="DB12" s="327">
        <v>6485890</v>
      </c>
      <c r="DC12" s="327">
        <v>25888632</v>
      </c>
      <c r="DD12" s="327">
        <v>20483764</v>
      </c>
      <c r="DE12" s="327">
        <v>13244070</v>
      </c>
      <c r="DF12" s="327">
        <v>5895551</v>
      </c>
      <c r="DG12" s="328">
        <v>71997907</v>
      </c>
      <c r="DH12" s="330">
        <v>81080979</v>
      </c>
      <c r="DI12" s="326">
        <v>15993</v>
      </c>
      <c r="DJ12" s="327">
        <v>874220</v>
      </c>
      <c r="DK12" s="331">
        <v>890213</v>
      </c>
      <c r="DL12" s="332">
        <v>0</v>
      </c>
      <c r="DM12" s="327">
        <v>6330566</v>
      </c>
      <c r="DN12" s="327">
        <v>19582487</v>
      </c>
      <c r="DO12" s="327">
        <v>52018570</v>
      </c>
      <c r="DP12" s="327">
        <v>41220245</v>
      </c>
      <c r="DQ12" s="327">
        <v>20910635</v>
      </c>
      <c r="DR12" s="328">
        <v>140062503</v>
      </c>
      <c r="DS12" s="330">
        <v>140952716</v>
      </c>
      <c r="DT12" s="326">
        <v>15993</v>
      </c>
      <c r="DU12" s="327">
        <v>874220</v>
      </c>
      <c r="DV12" s="328">
        <v>890213</v>
      </c>
      <c r="DW12" s="326">
        <v>0</v>
      </c>
      <c r="DX12" s="327">
        <v>6249025</v>
      </c>
      <c r="DY12" s="327">
        <v>19071356</v>
      </c>
      <c r="DZ12" s="327">
        <v>50999964</v>
      </c>
      <c r="EA12" s="327">
        <v>40815600</v>
      </c>
      <c r="EB12" s="327">
        <v>20080588</v>
      </c>
      <c r="EC12" s="328">
        <v>137216533</v>
      </c>
      <c r="ED12" s="330">
        <v>138106746</v>
      </c>
      <c r="EE12" s="326">
        <v>0</v>
      </c>
      <c r="EF12" s="331">
        <v>0</v>
      </c>
      <c r="EG12" s="328">
        <v>0</v>
      </c>
      <c r="EH12" s="326">
        <v>0</v>
      </c>
      <c r="EI12" s="327">
        <v>81541</v>
      </c>
      <c r="EJ12" s="327">
        <v>511131</v>
      </c>
      <c r="EK12" s="327">
        <v>1018606</v>
      </c>
      <c r="EL12" s="327">
        <v>404645</v>
      </c>
      <c r="EM12" s="327">
        <v>830047</v>
      </c>
      <c r="EN12" s="331">
        <v>2845970</v>
      </c>
      <c r="EO12" s="330">
        <v>2845970</v>
      </c>
      <c r="EP12" s="326">
        <v>0</v>
      </c>
      <c r="EQ12" s="327">
        <v>0</v>
      </c>
      <c r="ER12" s="331">
        <v>0</v>
      </c>
      <c r="ES12" s="332">
        <v>0</v>
      </c>
      <c r="ET12" s="327">
        <v>0</v>
      </c>
      <c r="EU12" s="327">
        <v>0</v>
      </c>
      <c r="EV12" s="327">
        <v>0</v>
      </c>
      <c r="EW12" s="327">
        <v>0</v>
      </c>
      <c r="EX12" s="327">
        <v>0</v>
      </c>
      <c r="EY12" s="328">
        <v>0</v>
      </c>
      <c r="EZ12" s="330">
        <v>0</v>
      </c>
      <c r="FA12" s="326">
        <v>0</v>
      </c>
      <c r="FB12" s="327">
        <v>0</v>
      </c>
      <c r="FC12" s="331">
        <v>0</v>
      </c>
      <c r="FD12" s="332">
        <v>0</v>
      </c>
      <c r="FE12" s="327">
        <v>0</v>
      </c>
      <c r="FF12" s="327">
        <v>0</v>
      </c>
      <c r="FG12" s="327">
        <v>0</v>
      </c>
      <c r="FH12" s="327">
        <v>0</v>
      </c>
      <c r="FI12" s="327">
        <v>0</v>
      </c>
      <c r="FJ12" s="328">
        <v>0</v>
      </c>
      <c r="FK12" s="330">
        <v>0</v>
      </c>
      <c r="FL12" s="326">
        <v>9263375</v>
      </c>
      <c r="FM12" s="327">
        <v>23838391</v>
      </c>
      <c r="FN12" s="328">
        <v>33101766</v>
      </c>
      <c r="FO12" s="326">
        <v>0</v>
      </c>
      <c r="FP12" s="327">
        <v>20514341</v>
      </c>
      <c r="FQ12" s="327">
        <v>65207708</v>
      </c>
      <c r="FR12" s="327">
        <v>45076998</v>
      </c>
      <c r="FS12" s="327">
        <v>38780984</v>
      </c>
      <c r="FT12" s="327">
        <v>25651192</v>
      </c>
      <c r="FU12" s="328">
        <v>195231223</v>
      </c>
      <c r="FV12" s="330">
        <v>228332989</v>
      </c>
      <c r="FW12" s="333">
        <v>5448207</v>
      </c>
      <c r="FX12" s="327">
        <v>18213772</v>
      </c>
      <c r="FY12" s="331">
        <v>23661979</v>
      </c>
      <c r="FZ12" s="332">
        <v>0</v>
      </c>
      <c r="GA12" s="327">
        <v>16830484</v>
      </c>
      <c r="GB12" s="327">
        <v>58914562</v>
      </c>
      <c r="GC12" s="327">
        <v>41797464</v>
      </c>
      <c r="GD12" s="327">
        <v>35246101</v>
      </c>
      <c r="GE12" s="327">
        <v>24445174</v>
      </c>
      <c r="GF12" s="328">
        <v>177233785</v>
      </c>
      <c r="GG12" s="334">
        <v>200895764</v>
      </c>
      <c r="GH12" s="333">
        <v>893699</v>
      </c>
      <c r="GI12" s="327">
        <v>1244658</v>
      </c>
      <c r="GJ12" s="331">
        <v>2138357</v>
      </c>
      <c r="GK12" s="332">
        <v>0</v>
      </c>
      <c r="GL12" s="327">
        <v>1022364</v>
      </c>
      <c r="GM12" s="327">
        <v>3206937</v>
      </c>
      <c r="GN12" s="327">
        <v>1612468</v>
      </c>
      <c r="GO12" s="327">
        <v>1391989</v>
      </c>
      <c r="GP12" s="327">
        <v>581688</v>
      </c>
      <c r="GQ12" s="328">
        <v>7815446</v>
      </c>
      <c r="GR12" s="330">
        <v>9953803</v>
      </c>
      <c r="GS12" s="326">
        <v>2921469</v>
      </c>
      <c r="GT12" s="327">
        <v>4379961</v>
      </c>
      <c r="GU12" s="328">
        <v>7301430</v>
      </c>
      <c r="GV12" s="326">
        <v>0</v>
      </c>
      <c r="GW12" s="327">
        <v>2661493</v>
      </c>
      <c r="GX12" s="327">
        <v>3086209</v>
      </c>
      <c r="GY12" s="327">
        <v>1667066</v>
      </c>
      <c r="GZ12" s="327">
        <v>2142894</v>
      </c>
      <c r="HA12" s="327">
        <v>624330</v>
      </c>
      <c r="HB12" s="331">
        <v>10181992</v>
      </c>
      <c r="HC12" s="330">
        <v>17483422</v>
      </c>
      <c r="HD12" s="326">
        <v>7422633</v>
      </c>
      <c r="HE12" s="327">
        <v>11163099</v>
      </c>
      <c r="HF12" s="331">
        <v>18585732</v>
      </c>
      <c r="HG12" s="332">
        <v>0</v>
      </c>
      <c r="HH12" s="327">
        <v>60765730</v>
      </c>
      <c r="HI12" s="327">
        <v>67222274</v>
      </c>
      <c r="HJ12" s="327">
        <v>63848660</v>
      </c>
      <c r="HK12" s="327">
        <v>73535915</v>
      </c>
      <c r="HL12" s="327">
        <v>43771489</v>
      </c>
      <c r="HM12" s="328">
        <v>309144068</v>
      </c>
      <c r="HN12" s="329">
        <v>327729800</v>
      </c>
      <c r="HO12" s="333">
        <v>5267301</v>
      </c>
      <c r="HP12" s="327">
        <v>13322563</v>
      </c>
      <c r="HQ12" s="328">
        <v>18589864</v>
      </c>
      <c r="HR12" s="326">
        <v>0</v>
      </c>
      <c r="HS12" s="327">
        <v>61983080</v>
      </c>
      <c r="HT12" s="327">
        <v>82531681</v>
      </c>
      <c r="HU12" s="327">
        <v>54993841</v>
      </c>
      <c r="HV12" s="327">
        <v>36314149</v>
      </c>
      <c r="HW12" s="327">
        <v>19869365</v>
      </c>
      <c r="HX12" s="331">
        <v>255692116</v>
      </c>
      <c r="HY12" s="330">
        <v>274281980</v>
      </c>
      <c r="HZ12" s="335">
        <v>1031380</v>
      </c>
      <c r="IA12" s="336">
        <v>2416697</v>
      </c>
      <c r="IB12" s="337">
        <v>3448077</v>
      </c>
      <c r="IC12" s="355">
        <v>0</v>
      </c>
      <c r="ID12" s="356">
        <v>132300748</v>
      </c>
      <c r="IE12" s="357">
        <v>203298724</v>
      </c>
      <c r="IF12" s="358">
        <v>243367444</v>
      </c>
      <c r="IG12" s="356">
        <v>151620772</v>
      </c>
      <c r="IH12" s="358">
        <v>96205505</v>
      </c>
      <c r="II12" s="359">
        <v>826793193</v>
      </c>
      <c r="IJ12" s="341">
        <v>830241270</v>
      </c>
      <c r="IK12" s="342">
        <v>0</v>
      </c>
      <c r="IL12" s="343">
        <v>0</v>
      </c>
      <c r="IM12" s="344">
        <v>0</v>
      </c>
      <c r="IN12" s="404">
        <v>0</v>
      </c>
      <c r="IO12" s="345">
        <v>2362200</v>
      </c>
      <c r="IP12" s="345">
        <v>6750871</v>
      </c>
      <c r="IQ12" s="345">
        <v>6469558</v>
      </c>
      <c r="IR12" s="345">
        <v>9401142</v>
      </c>
      <c r="IS12" s="345">
        <v>11977229</v>
      </c>
      <c r="IT12" s="346">
        <v>36961000</v>
      </c>
      <c r="IU12" s="347">
        <v>36961000</v>
      </c>
      <c r="IV12" s="348">
        <v>0</v>
      </c>
      <c r="IW12" s="345">
        <v>0</v>
      </c>
      <c r="IX12" s="349">
        <v>0</v>
      </c>
      <c r="IY12" s="413">
        <v>0</v>
      </c>
      <c r="IZ12" s="345">
        <v>0</v>
      </c>
      <c r="JA12" s="345">
        <v>0</v>
      </c>
      <c r="JB12" s="345">
        <v>0</v>
      </c>
      <c r="JC12" s="345">
        <v>0</v>
      </c>
      <c r="JD12" s="345">
        <v>0</v>
      </c>
      <c r="JE12" s="349">
        <v>0</v>
      </c>
      <c r="JF12" s="350">
        <v>0</v>
      </c>
      <c r="JG12" s="348">
        <v>0</v>
      </c>
      <c r="JH12" s="345">
        <v>0</v>
      </c>
      <c r="JI12" s="346">
        <v>0</v>
      </c>
      <c r="JJ12" s="351">
        <v>0</v>
      </c>
      <c r="JK12" s="345">
        <v>50676105</v>
      </c>
      <c r="JL12" s="345">
        <v>69781304</v>
      </c>
      <c r="JM12" s="345">
        <v>53958370</v>
      </c>
      <c r="JN12" s="345">
        <v>31663840</v>
      </c>
      <c r="JO12" s="345">
        <v>18109122</v>
      </c>
      <c r="JP12" s="349">
        <v>224188741</v>
      </c>
      <c r="JQ12" s="347">
        <v>224188741</v>
      </c>
      <c r="JR12" s="348">
        <v>0</v>
      </c>
      <c r="JS12" s="345">
        <v>0</v>
      </c>
      <c r="JT12" s="346">
        <v>0</v>
      </c>
      <c r="JU12" s="351">
        <v>0</v>
      </c>
      <c r="JV12" s="345">
        <v>1054714</v>
      </c>
      <c r="JW12" s="345">
        <v>1499269</v>
      </c>
      <c r="JX12" s="345">
        <v>3431738</v>
      </c>
      <c r="JY12" s="345">
        <v>2369390</v>
      </c>
      <c r="JZ12" s="345">
        <v>3220890</v>
      </c>
      <c r="KA12" s="349">
        <v>11576001</v>
      </c>
      <c r="KB12" s="347">
        <v>11576001</v>
      </c>
      <c r="KC12" s="352">
        <v>1031380</v>
      </c>
      <c r="KD12" s="353">
        <v>1908354</v>
      </c>
      <c r="KE12" s="349">
        <v>2939734</v>
      </c>
      <c r="KF12" s="351">
        <v>0</v>
      </c>
      <c r="KG12" s="345">
        <v>15587297</v>
      </c>
      <c r="KH12" s="345">
        <v>27948930</v>
      </c>
      <c r="KI12" s="345">
        <v>36693996</v>
      </c>
      <c r="KJ12" s="345">
        <v>19992831</v>
      </c>
      <c r="KK12" s="345">
        <v>11118699</v>
      </c>
      <c r="KL12" s="349">
        <v>111341753</v>
      </c>
      <c r="KM12" s="354">
        <v>114281487</v>
      </c>
      <c r="KN12" s="342">
        <v>0</v>
      </c>
      <c r="KO12" s="343">
        <v>508343</v>
      </c>
      <c r="KP12" s="344">
        <v>508343</v>
      </c>
      <c r="KQ12" s="413">
        <v>0</v>
      </c>
      <c r="KR12" s="345">
        <v>59532721</v>
      </c>
      <c r="KS12" s="345">
        <v>88792733</v>
      </c>
      <c r="KT12" s="345">
        <v>124892784</v>
      </c>
      <c r="KU12" s="345">
        <v>63569552</v>
      </c>
      <c r="KV12" s="345">
        <v>34899372</v>
      </c>
      <c r="KW12" s="349">
        <v>371687162</v>
      </c>
      <c r="KX12" s="347">
        <v>372195505</v>
      </c>
      <c r="KY12" s="348">
        <v>0</v>
      </c>
      <c r="KZ12" s="345">
        <v>0</v>
      </c>
      <c r="LA12" s="349">
        <v>0</v>
      </c>
      <c r="LB12" s="413">
        <v>0</v>
      </c>
      <c r="LC12" s="345">
        <v>0</v>
      </c>
      <c r="LD12" s="345">
        <v>0</v>
      </c>
      <c r="LE12" s="345">
        <v>0</v>
      </c>
      <c r="LF12" s="345">
        <v>0</v>
      </c>
      <c r="LG12" s="345">
        <v>0</v>
      </c>
      <c r="LH12" s="349">
        <v>0</v>
      </c>
      <c r="LI12" s="350">
        <v>0</v>
      </c>
      <c r="LJ12" s="348">
        <v>0</v>
      </c>
      <c r="LK12" s="345">
        <v>0</v>
      </c>
      <c r="LL12" s="349">
        <v>0</v>
      </c>
      <c r="LM12" s="413">
        <v>0</v>
      </c>
      <c r="LN12" s="345">
        <v>0</v>
      </c>
      <c r="LO12" s="345">
        <v>0</v>
      </c>
      <c r="LP12" s="345">
        <v>3701142</v>
      </c>
      <c r="LQ12" s="345">
        <v>9316354</v>
      </c>
      <c r="LR12" s="345">
        <v>3019146</v>
      </c>
      <c r="LS12" s="349">
        <v>16036642</v>
      </c>
      <c r="LT12" s="347">
        <v>16036642</v>
      </c>
      <c r="LU12" s="348">
        <v>0</v>
      </c>
      <c r="LV12" s="345">
        <v>0</v>
      </c>
      <c r="LW12" s="349">
        <v>0</v>
      </c>
      <c r="LX12" s="413">
        <v>0</v>
      </c>
      <c r="LY12" s="345">
        <v>3087711</v>
      </c>
      <c r="LZ12" s="345">
        <v>8525617</v>
      </c>
      <c r="MA12" s="345">
        <v>14219856</v>
      </c>
      <c r="MB12" s="345">
        <v>15307663</v>
      </c>
      <c r="MC12" s="345">
        <v>13861047</v>
      </c>
      <c r="MD12" s="349">
        <v>55001894</v>
      </c>
      <c r="ME12" s="350">
        <v>55001894</v>
      </c>
      <c r="MF12" s="348">
        <v>0</v>
      </c>
      <c r="MG12" s="345">
        <v>0</v>
      </c>
      <c r="MH12" s="349">
        <v>0</v>
      </c>
      <c r="MI12" s="413">
        <v>0</v>
      </c>
      <c r="MJ12" s="345">
        <v>22246744</v>
      </c>
      <c r="MK12" s="345">
        <v>71355780</v>
      </c>
      <c r="ML12" s="345">
        <v>353222811</v>
      </c>
      <c r="MM12" s="345">
        <v>556528571</v>
      </c>
      <c r="MN12" s="345">
        <v>347978098</v>
      </c>
      <c r="MO12" s="349">
        <v>1351332004</v>
      </c>
      <c r="MP12" s="354">
        <v>1351332004</v>
      </c>
      <c r="MQ12" s="348">
        <v>0</v>
      </c>
      <c r="MR12" s="345">
        <v>0</v>
      </c>
      <c r="MS12" s="349">
        <v>0</v>
      </c>
      <c r="MT12" s="413">
        <v>0</v>
      </c>
      <c r="MU12" s="345">
        <v>2226925</v>
      </c>
      <c r="MV12" s="345">
        <v>9978160</v>
      </c>
      <c r="MW12" s="345">
        <v>248968624</v>
      </c>
      <c r="MX12" s="345">
        <v>377734530</v>
      </c>
      <c r="MY12" s="345">
        <v>248171940</v>
      </c>
      <c r="MZ12" s="349">
        <v>887080179</v>
      </c>
      <c r="NA12" s="354">
        <v>887080179</v>
      </c>
      <c r="NB12" s="348">
        <v>0</v>
      </c>
      <c r="NC12" s="345">
        <v>0</v>
      </c>
      <c r="ND12" s="349">
        <v>0</v>
      </c>
      <c r="NE12" s="413">
        <v>0</v>
      </c>
      <c r="NF12" s="345">
        <v>19775951</v>
      </c>
      <c r="NG12" s="345">
        <v>61377620</v>
      </c>
      <c r="NH12" s="345">
        <v>100375945</v>
      </c>
      <c r="NI12" s="345">
        <v>137822641</v>
      </c>
      <c r="NJ12" s="345">
        <v>58163496</v>
      </c>
      <c r="NK12" s="349">
        <v>377515653</v>
      </c>
      <c r="NL12" s="347">
        <v>377515653</v>
      </c>
      <c r="NM12" s="348">
        <v>0</v>
      </c>
      <c r="NN12" s="345">
        <v>0</v>
      </c>
      <c r="NO12" s="349">
        <v>0</v>
      </c>
      <c r="NP12" s="413">
        <v>0</v>
      </c>
      <c r="NQ12" s="345">
        <v>0</v>
      </c>
      <c r="NR12" s="345">
        <v>0</v>
      </c>
      <c r="NS12" s="345">
        <v>0</v>
      </c>
      <c r="NT12" s="345">
        <v>0</v>
      </c>
      <c r="NU12" s="345">
        <v>0</v>
      </c>
      <c r="NV12" s="349">
        <v>0</v>
      </c>
      <c r="NW12" s="350">
        <v>0</v>
      </c>
      <c r="NX12" s="348">
        <v>0</v>
      </c>
      <c r="NY12" s="345">
        <v>0</v>
      </c>
      <c r="NZ12" s="349">
        <v>0</v>
      </c>
      <c r="OA12" s="413">
        <v>0</v>
      </c>
      <c r="OB12" s="345">
        <v>243868</v>
      </c>
      <c r="OC12" s="345">
        <v>0</v>
      </c>
      <c r="OD12" s="345">
        <v>3878242</v>
      </c>
      <c r="OE12" s="345">
        <v>40971400</v>
      </c>
      <c r="OF12" s="345">
        <v>41642662</v>
      </c>
      <c r="OG12" s="349">
        <v>86736172</v>
      </c>
      <c r="OH12" s="350">
        <v>86736172</v>
      </c>
      <c r="OI12" s="348">
        <v>30794546</v>
      </c>
      <c r="OJ12" s="345">
        <v>76568012</v>
      </c>
      <c r="OK12" s="346">
        <v>107362558</v>
      </c>
      <c r="OL12" s="351">
        <v>0</v>
      </c>
      <c r="OM12" s="345">
        <v>503067592</v>
      </c>
      <c r="ON12" s="345">
        <v>868869468</v>
      </c>
      <c r="OO12" s="345">
        <v>1131569691</v>
      </c>
      <c r="OP12" s="345">
        <v>1174687728</v>
      </c>
      <c r="OQ12" s="345">
        <v>759812353</v>
      </c>
      <c r="OR12" s="349">
        <v>4438006832</v>
      </c>
      <c r="OS12" s="354">
        <v>4545369390</v>
      </c>
    </row>
    <row r="13" spans="1:409" s="70" customFormat="1" ht="21" customHeight="1" x14ac:dyDescent="0.2">
      <c r="B13" s="410" t="s">
        <v>7</v>
      </c>
      <c r="C13" s="326">
        <v>18601695</v>
      </c>
      <c r="D13" s="327">
        <v>23268319</v>
      </c>
      <c r="E13" s="328">
        <v>41870014</v>
      </c>
      <c r="F13" s="329">
        <v>0</v>
      </c>
      <c r="G13" s="327">
        <v>388951662</v>
      </c>
      <c r="H13" s="327">
        <v>342950607</v>
      </c>
      <c r="I13" s="327">
        <v>286326236</v>
      </c>
      <c r="J13" s="327">
        <v>321100473</v>
      </c>
      <c r="K13" s="327">
        <v>213649983</v>
      </c>
      <c r="L13" s="329">
        <v>1552978961</v>
      </c>
      <c r="M13" s="330">
        <v>1594848975</v>
      </c>
      <c r="N13" s="326">
        <v>2848939</v>
      </c>
      <c r="O13" s="327">
        <v>3027537</v>
      </c>
      <c r="P13" s="328">
        <v>5876476</v>
      </c>
      <c r="Q13" s="326">
        <v>0</v>
      </c>
      <c r="R13" s="327">
        <v>96383671</v>
      </c>
      <c r="S13" s="327">
        <v>98900867</v>
      </c>
      <c r="T13" s="327">
        <v>92683230</v>
      </c>
      <c r="U13" s="327">
        <v>141240341</v>
      </c>
      <c r="V13" s="327">
        <v>113931261</v>
      </c>
      <c r="W13" s="328">
        <v>543139370</v>
      </c>
      <c r="X13" s="330">
        <v>549015846</v>
      </c>
      <c r="Y13" s="326">
        <v>0</v>
      </c>
      <c r="Z13" s="327">
        <v>0</v>
      </c>
      <c r="AA13" s="328">
        <v>0</v>
      </c>
      <c r="AB13" s="326">
        <v>0</v>
      </c>
      <c r="AC13" s="327">
        <v>50060647</v>
      </c>
      <c r="AD13" s="327">
        <v>54673516</v>
      </c>
      <c r="AE13" s="327">
        <v>59026749</v>
      </c>
      <c r="AF13" s="327">
        <v>94277488</v>
      </c>
      <c r="AG13" s="327">
        <v>70167979</v>
      </c>
      <c r="AH13" s="328">
        <v>328206379</v>
      </c>
      <c r="AI13" s="330">
        <v>328206379</v>
      </c>
      <c r="AJ13" s="326">
        <v>0</v>
      </c>
      <c r="AK13" s="327">
        <v>0</v>
      </c>
      <c r="AL13" s="328">
        <v>0</v>
      </c>
      <c r="AM13" s="326">
        <v>0</v>
      </c>
      <c r="AN13" s="327">
        <v>605088</v>
      </c>
      <c r="AO13" s="327">
        <v>2098903</v>
      </c>
      <c r="AP13" s="327">
        <v>2752308</v>
      </c>
      <c r="AQ13" s="327">
        <v>9845574</v>
      </c>
      <c r="AR13" s="327">
        <v>13967346</v>
      </c>
      <c r="AS13" s="328">
        <v>29269219</v>
      </c>
      <c r="AT13" s="330">
        <v>29269219</v>
      </c>
      <c r="AU13" s="326">
        <v>631448</v>
      </c>
      <c r="AV13" s="327">
        <v>1214126</v>
      </c>
      <c r="AW13" s="328">
        <v>1845574</v>
      </c>
      <c r="AX13" s="326">
        <v>0</v>
      </c>
      <c r="AY13" s="327">
        <v>25103944</v>
      </c>
      <c r="AZ13" s="327">
        <v>24283607</v>
      </c>
      <c r="BA13" s="327">
        <v>15213503</v>
      </c>
      <c r="BB13" s="327">
        <v>19798473</v>
      </c>
      <c r="BC13" s="327">
        <v>19346563</v>
      </c>
      <c r="BD13" s="328">
        <v>103746090</v>
      </c>
      <c r="BE13" s="330">
        <v>105591664</v>
      </c>
      <c r="BF13" s="326">
        <v>75181</v>
      </c>
      <c r="BG13" s="327">
        <v>355456</v>
      </c>
      <c r="BH13" s="331">
        <v>430637</v>
      </c>
      <c r="BI13" s="332">
        <v>0</v>
      </c>
      <c r="BJ13" s="327">
        <v>2223393</v>
      </c>
      <c r="BK13" s="327">
        <v>2322160</v>
      </c>
      <c r="BL13" s="327">
        <v>1766351</v>
      </c>
      <c r="BM13" s="327">
        <v>1353548</v>
      </c>
      <c r="BN13" s="327">
        <v>746049</v>
      </c>
      <c r="BO13" s="328">
        <v>8411501</v>
      </c>
      <c r="BP13" s="330">
        <v>8842138</v>
      </c>
      <c r="BQ13" s="326">
        <v>2142310</v>
      </c>
      <c r="BR13" s="327">
        <v>1457955</v>
      </c>
      <c r="BS13" s="328">
        <v>3600265</v>
      </c>
      <c r="BT13" s="326">
        <v>0</v>
      </c>
      <c r="BU13" s="327">
        <v>18390599</v>
      </c>
      <c r="BV13" s="327">
        <v>15522681</v>
      </c>
      <c r="BW13" s="327">
        <v>13924319</v>
      </c>
      <c r="BX13" s="327">
        <v>15965258</v>
      </c>
      <c r="BY13" s="327">
        <v>9703324</v>
      </c>
      <c r="BZ13" s="328">
        <v>73506181</v>
      </c>
      <c r="CA13" s="330">
        <v>77106446</v>
      </c>
      <c r="CB13" s="326">
        <v>1400353</v>
      </c>
      <c r="CC13" s="327">
        <v>2921196</v>
      </c>
      <c r="CD13" s="328">
        <v>4321549</v>
      </c>
      <c r="CE13" s="326">
        <v>0</v>
      </c>
      <c r="CF13" s="327">
        <v>103469461</v>
      </c>
      <c r="CG13" s="327">
        <v>83948251</v>
      </c>
      <c r="CH13" s="327">
        <v>54857619</v>
      </c>
      <c r="CI13" s="327">
        <v>37133405</v>
      </c>
      <c r="CJ13" s="327">
        <v>17449027</v>
      </c>
      <c r="CK13" s="328">
        <v>296857763</v>
      </c>
      <c r="CL13" s="330">
        <v>301179312</v>
      </c>
      <c r="CM13" s="326">
        <v>0</v>
      </c>
      <c r="CN13" s="327">
        <v>0</v>
      </c>
      <c r="CO13" s="328">
        <v>0</v>
      </c>
      <c r="CP13" s="332">
        <v>0</v>
      </c>
      <c r="CQ13" s="327">
        <v>87748680</v>
      </c>
      <c r="CR13" s="327">
        <v>69525487</v>
      </c>
      <c r="CS13" s="327">
        <v>44985996</v>
      </c>
      <c r="CT13" s="327">
        <v>29155988</v>
      </c>
      <c r="CU13" s="327">
        <v>14417734</v>
      </c>
      <c r="CV13" s="328">
        <v>245833885</v>
      </c>
      <c r="CW13" s="330">
        <v>245833885</v>
      </c>
      <c r="CX13" s="326">
        <v>1400353</v>
      </c>
      <c r="CY13" s="327">
        <v>2921196</v>
      </c>
      <c r="CZ13" s="328">
        <v>4321549</v>
      </c>
      <c r="DA13" s="326">
        <v>0</v>
      </c>
      <c r="DB13" s="327">
        <v>15720781</v>
      </c>
      <c r="DC13" s="327">
        <v>14422764</v>
      </c>
      <c r="DD13" s="327">
        <v>9871623</v>
      </c>
      <c r="DE13" s="327">
        <v>7977417</v>
      </c>
      <c r="DF13" s="327">
        <v>3031293</v>
      </c>
      <c r="DG13" s="328">
        <v>51023878</v>
      </c>
      <c r="DH13" s="330">
        <v>55345427</v>
      </c>
      <c r="DI13" s="326">
        <v>19091</v>
      </c>
      <c r="DJ13" s="327">
        <v>366475</v>
      </c>
      <c r="DK13" s="331">
        <v>385566</v>
      </c>
      <c r="DL13" s="332">
        <v>0</v>
      </c>
      <c r="DM13" s="327">
        <v>16587091</v>
      </c>
      <c r="DN13" s="327">
        <v>19421980</v>
      </c>
      <c r="DO13" s="327">
        <v>29110557</v>
      </c>
      <c r="DP13" s="327">
        <v>23417884</v>
      </c>
      <c r="DQ13" s="327">
        <v>14374341</v>
      </c>
      <c r="DR13" s="328">
        <v>102911853</v>
      </c>
      <c r="DS13" s="330">
        <v>103297419</v>
      </c>
      <c r="DT13" s="326">
        <v>19091</v>
      </c>
      <c r="DU13" s="327">
        <v>366475</v>
      </c>
      <c r="DV13" s="328">
        <v>385566</v>
      </c>
      <c r="DW13" s="326">
        <v>0</v>
      </c>
      <c r="DX13" s="327">
        <v>15790328</v>
      </c>
      <c r="DY13" s="327">
        <v>18944489</v>
      </c>
      <c r="DZ13" s="327">
        <v>27442660</v>
      </c>
      <c r="EA13" s="327">
        <v>21758155</v>
      </c>
      <c r="EB13" s="327">
        <v>13586003</v>
      </c>
      <c r="EC13" s="328">
        <v>97521635</v>
      </c>
      <c r="ED13" s="330">
        <v>97907201</v>
      </c>
      <c r="EE13" s="326">
        <v>0</v>
      </c>
      <c r="EF13" s="331">
        <v>0</v>
      </c>
      <c r="EG13" s="328">
        <v>0</v>
      </c>
      <c r="EH13" s="326">
        <v>0</v>
      </c>
      <c r="EI13" s="327">
        <v>796763</v>
      </c>
      <c r="EJ13" s="327">
        <v>477491</v>
      </c>
      <c r="EK13" s="327">
        <v>1667897</v>
      </c>
      <c r="EL13" s="327">
        <v>1659729</v>
      </c>
      <c r="EM13" s="327">
        <v>788338</v>
      </c>
      <c r="EN13" s="331">
        <v>5390218</v>
      </c>
      <c r="EO13" s="330">
        <v>5390218</v>
      </c>
      <c r="EP13" s="326">
        <v>0</v>
      </c>
      <c r="EQ13" s="327">
        <v>0</v>
      </c>
      <c r="ER13" s="331">
        <v>0</v>
      </c>
      <c r="ES13" s="332">
        <v>0</v>
      </c>
      <c r="ET13" s="327">
        <v>0</v>
      </c>
      <c r="EU13" s="327">
        <v>0</v>
      </c>
      <c r="EV13" s="327">
        <v>0</v>
      </c>
      <c r="EW13" s="327">
        <v>0</v>
      </c>
      <c r="EX13" s="327">
        <v>0</v>
      </c>
      <c r="EY13" s="328">
        <v>0</v>
      </c>
      <c r="EZ13" s="330">
        <v>0</v>
      </c>
      <c r="FA13" s="326">
        <v>0</v>
      </c>
      <c r="FB13" s="327">
        <v>0</v>
      </c>
      <c r="FC13" s="331">
        <v>0</v>
      </c>
      <c r="FD13" s="332">
        <v>0</v>
      </c>
      <c r="FE13" s="327">
        <v>0</v>
      </c>
      <c r="FF13" s="327">
        <v>0</v>
      </c>
      <c r="FG13" s="327">
        <v>0</v>
      </c>
      <c r="FH13" s="327">
        <v>0</v>
      </c>
      <c r="FI13" s="327">
        <v>0</v>
      </c>
      <c r="FJ13" s="328">
        <v>0</v>
      </c>
      <c r="FK13" s="330">
        <v>0</v>
      </c>
      <c r="FL13" s="326">
        <v>4910840</v>
      </c>
      <c r="FM13" s="327">
        <v>6945271</v>
      </c>
      <c r="FN13" s="328">
        <v>11856111</v>
      </c>
      <c r="FO13" s="326">
        <v>0</v>
      </c>
      <c r="FP13" s="327">
        <v>17472678</v>
      </c>
      <c r="FQ13" s="327">
        <v>33000333</v>
      </c>
      <c r="FR13" s="327">
        <v>22295908</v>
      </c>
      <c r="FS13" s="327">
        <v>19631090</v>
      </c>
      <c r="FT13" s="327">
        <v>14612021</v>
      </c>
      <c r="FU13" s="328">
        <v>107012030</v>
      </c>
      <c r="FV13" s="330">
        <v>118868141</v>
      </c>
      <c r="FW13" s="333">
        <v>2033050</v>
      </c>
      <c r="FX13" s="327">
        <v>4340319</v>
      </c>
      <c r="FY13" s="331">
        <v>6373369</v>
      </c>
      <c r="FZ13" s="332">
        <v>0</v>
      </c>
      <c r="GA13" s="327">
        <v>14047397</v>
      </c>
      <c r="GB13" s="327">
        <v>29345727</v>
      </c>
      <c r="GC13" s="327">
        <v>19059100</v>
      </c>
      <c r="GD13" s="327">
        <v>18822525</v>
      </c>
      <c r="GE13" s="327">
        <v>13510645</v>
      </c>
      <c r="GF13" s="328">
        <v>94785394</v>
      </c>
      <c r="GG13" s="334">
        <v>101158763</v>
      </c>
      <c r="GH13" s="333">
        <v>417420</v>
      </c>
      <c r="GI13" s="327">
        <v>610558</v>
      </c>
      <c r="GJ13" s="331">
        <v>1027978</v>
      </c>
      <c r="GK13" s="332">
        <v>0</v>
      </c>
      <c r="GL13" s="327">
        <v>1083690</v>
      </c>
      <c r="GM13" s="327">
        <v>976861</v>
      </c>
      <c r="GN13" s="327">
        <v>1033491</v>
      </c>
      <c r="GO13" s="327">
        <v>430808</v>
      </c>
      <c r="GP13" s="327">
        <v>353816</v>
      </c>
      <c r="GQ13" s="328">
        <v>3878666</v>
      </c>
      <c r="GR13" s="330">
        <v>4906644</v>
      </c>
      <c r="GS13" s="326">
        <v>2460370</v>
      </c>
      <c r="GT13" s="327">
        <v>1994394</v>
      </c>
      <c r="GU13" s="328">
        <v>4454764</v>
      </c>
      <c r="GV13" s="326">
        <v>0</v>
      </c>
      <c r="GW13" s="327">
        <v>2341591</v>
      </c>
      <c r="GX13" s="327">
        <v>2677745</v>
      </c>
      <c r="GY13" s="327">
        <v>2203317</v>
      </c>
      <c r="GZ13" s="327">
        <v>377757</v>
      </c>
      <c r="HA13" s="327">
        <v>747560</v>
      </c>
      <c r="HB13" s="331">
        <v>8347970</v>
      </c>
      <c r="HC13" s="330">
        <v>12802734</v>
      </c>
      <c r="HD13" s="326">
        <v>6737400</v>
      </c>
      <c r="HE13" s="327">
        <v>5344266</v>
      </c>
      <c r="HF13" s="331">
        <v>12081666</v>
      </c>
      <c r="HG13" s="332">
        <v>0</v>
      </c>
      <c r="HH13" s="327">
        <v>81706305</v>
      </c>
      <c r="HI13" s="327">
        <v>59760665</v>
      </c>
      <c r="HJ13" s="327">
        <v>58221194</v>
      </c>
      <c r="HK13" s="327">
        <v>77534073</v>
      </c>
      <c r="HL13" s="327">
        <v>40410929</v>
      </c>
      <c r="HM13" s="328">
        <v>317633166</v>
      </c>
      <c r="HN13" s="329">
        <v>329714832</v>
      </c>
      <c r="HO13" s="333">
        <v>2685072</v>
      </c>
      <c r="HP13" s="327">
        <v>4663574</v>
      </c>
      <c r="HQ13" s="328">
        <v>7348646</v>
      </c>
      <c r="HR13" s="326">
        <v>0</v>
      </c>
      <c r="HS13" s="327">
        <v>73332456</v>
      </c>
      <c r="HT13" s="327">
        <v>47918511</v>
      </c>
      <c r="HU13" s="327">
        <v>29157728</v>
      </c>
      <c r="HV13" s="327">
        <v>22143680</v>
      </c>
      <c r="HW13" s="327">
        <v>12872404</v>
      </c>
      <c r="HX13" s="331">
        <v>185424779</v>
      </c>
      <c r="HY13" s="330">
        <v>192773425</v>
      </c>
      <c r="HZ13" s="335">
        <v>126186</v>
      </c>
      <c r="IA13" s="336">
        <v>602509</v>
      </c>
      <c r="IB13" s="337">
        <v>728695</v>
      </c>
      <c r="IC13" s="338">
        <v>0</v>
      </c>
      <c r="ID13" s="336">
        <v>110509066</v>
      </c>
      <c r="IE13" s="339">
        <v>110794803</v>
      </c>
      <c r="IF13" s="337">
        <v>98892489</v>
      </c>
      <c r="IG13" s="336">
        <v>69982480</v>
      </c>
      <c r="IH13" s="337">
        <v>38738410</v>
      </c>
      <c r="II13" s="340">
        <v>428917248</v>
      </c>
      <c r="IJ13" s="341">
        <v>429645943</v>
      </c>
      <c r="IK13" s="342">
        <v>0</v>
      </c>
      <c r="IL13" s="343">
        <v>0</v>
      </c>
      <c r="IM13" s="344">
        <v>0</v>
      </c>
      <c r="IN13" s="404">
        <v>0</v>
      </c>
      <c r="IO13" s="345">
        <v>886709</v>
      </c>
      <c r="IP13" s="345">
        <v>1512694</v>
      </c>
      <c r="IQ13" s="345">
        <v>1600846</v>
      </c>
      <c r="IR13" s="345">
        <v>2029749</v>
      </c>
      <c r="IS13" s="345">
        <v>1824424</v>
      </c>
      <c r="IT13" s="346">
        <v>7854422</v>
      </c>
      <c r="IU13" s="347">
        <v>7854422</v>
      </c>
      <c r="IV13" s="348">
        <v>0</v>
      </c>
      <c r="IW13" s="345">
        <v>0</v>
      </c>
      <c r="IX13" s="349">
        <v>0</v>
      </c>
      <c r="IY13" s="413">
        <v>0</v>
      </c>
      <c r="IZ13" s="345">
        <v>0</v>
      </c>
      <c r="JA13" s="345">
        <v>0</v>
      </c>
      <c r="JB13" s="345">
        <v>0</v>
      </c>
      <c r="JC13" s="345">
        <v>0</v>
      </c>
      <c r="JD13" s="345">
        <v>0</v>
      </c>
      <c r="JE13" s="349">
        <v>0</v>
      </c>
      <c r="JF13" s="350">
        <v>0</v>
      </c>
      <c r="JG13" s="348">
        <v>0</v>
      </c>
      <c r="JH13" s="345">
        <v>0</v>
      </c>
      <c r="JI13" s="346">
        <v>0</v>
      </c>
      <c r="JJ13" s="351">
        <v>0</v>
      </c>
      <c r="JK13" s="345">
        <v>53212363</v>
      </c>
      <c r="JL13" s="345">
        <v>44525877</v>
      </c>
      <c r="JM13" s="345">
        <v>24630891</v>
      </c>
      <c r="JN13" s="345">
        <v>11051611</v>
      </c>
      <c r="JO13" s="345">
        <v>5308257</v>
      </c>
      <c r="JP13" s="349">
        <v>138728999</v>
      </c>
      <c r="JQ13" s="347">
        <v>138728999</v>
      </c>
      <c r="JR13" s="348">
        <v>0</v>
      </c>
      <c r="JS13" s="345">
        <v>161522</v>
      </c>
      <c r="JT13" s="346">
        <v>161522</v>
      </c>
      <c r="JU13" s="351">
        <v>0</v>
      </c>
      <c r="JV13" s="345">
        <v>7760222</v>
      </c>
      <c r="JW13" s="345">
        <v>10385889</v>
      </c>
      <c r="JX13" s="345">
        <v>12364427</v>
      </c>
      <c r="JY13" s="345">
        <v>4817486</v>
      </c>
      <c r="JZ13" s="345">
        <v>3658064</v>
      </c>
      <c r="KA13" s="349">
        <v>38986088</v>
      </c>
      <c r="KB13" s="347">
        <v>39147610</v>
      </c>
      <c r="KC13" s="352">
        <v>126186</v>
      </c>
      <c r="KD13" s="353">
        <v>173170</v>
      </c>
      <c r="KE13" s="349">
        <v>299356</v>
      </c>
      <c r="KF13" s="351">
        <v>0</v>
      </c>
      <c r="KG13" s="345">
        <v>6715633</v>
      </c>
      <c r="KH13" s="345">
        <v>6852649</v>
      </c>
      <c r="KI13" s="345">
        <v>7892454</v>
      </c>
      <c r="KJ13" s="345">
        <v>6658596</v>
      </c>
      <c r="KK13" s="345">
        <v>1835597</v>
      </c>
      <c r="KL13" s="349">
        <v>29954929</v>
      </c>
      <c r="KM13" s="354">
        <v>30254285</v>
      </c>
      <c r="KN13" s="342">
        <v>0</v>
      </c>
      <c r="KO13" s="343">
        <v>267817</v>
      </c>
      <c r="KP13" s="344">
        <v>267817</v>
      </c>
      <c r="KQ13" s="413">
        <v>0</v>
      </c>
      <c r="KR13" s="345">
        <v>38703927</v>
      </c>
      <c r="KS13" s="345">
        <v>45515367</v>
      </c>
      <c r="KT13" s="345">
        <v>49494666</v>
      </c>
      <c r="KU13" s="345">
        <v>38785164</v>
      </c>
      <c r="KV13" s="345">
        <v>19632432</v>
      </c>
      <c r="KW13" s="349">
        <v>192131556</v>
      </c>
      <c r="KX13" s="347">
        <v>192399373</v>
      </c>
      <c r="KY13" s="348">
        <v>0</v>
      </c>
      <c r="KZ13" s="345">
        <v>0</v>
      </c>
      <c r="LA13" s="349">
        <v>0</v>
      </c>
      <c r="LB13" s="413">
        <v>0</v>
      </c>
      <c r="LC13" s="345">
        <v>0</v>
      </c>
      <c r="LD13" s="345">
        <v>0</v>
      </c>
      <c r="LE13" s="345">
        <v>0</v>
      </c>
      <c r="LF13" s="345">
        <v>0</v>
      </c>
      <c r="LG13" s="345">
        <v>0</v>
      </c>
      <c r="LH13" s="349">
        <v>0</v>
      </c>
      <c r="LI13" s="350">
        <v>0</v>
      </c>
      <c r="LJ13" s="348">
        <v>0</v>
      </c>
      <c r="LK13" s="345">
        <v>0</v>
      </c>
      <c r="LL13" s="349">
        <v>0</v>
      </c>
      <c r="LM13" s="413">
        <v>0</v>
      </c>
      <c r="LN13" s="345">
        <v>0</v>
      </c>
      <c r="LO13" s="345">
        <v>0</v>
      </c>
      <c r="LP13" s="345">
        <v>0</v>
      </c>
      <c r="LQ13" s="345">
        <v>0</v>
      </c>
      <c r="LR13" s="345">
        <v>0</v>
      </c>
      <c r="LS13" s="349">
        <v>0</v>
      </c>
      <c r="LT13" s="347">
        <v>0</v>
      </c>
      <c r="LU13" s="348">
        <v>0</v>
      </c>
      <c r="LV13" s="345">
        <v>0</v>
      </c>
      <c r="LW13" s="349">
        <v>0</v>
      </c>
      <c r="LX13" s="413">
        <v>0</v>
      </c>
      <c r="LY13" s="345">
        <v>3230212</v>
      </c>
      <c r="LZ13" s="345">
        <v>2002327</v>
      </c>
      <c r="MA13" s="345">
        <v>2909205</v>
      </c>
      <c r="MB13" s="345">
        <v>6639874</v>
      </c>
      <c r="MC13" s="345">
        <v>6479636</v>
      </c>
      <c r="MD13" s="349">
        <v>21261254</v>
      </c>
      <c r="ME13" s="350">
        <v>21261254</v>
      </c>
      <c r="MF13" s="348">
        <v>0</v>
      </c>
      <c r="MG13" s="345">
        <v>0</v>
      </c>
      <c r="MH13" s="349">
        <v>0</v>
      </c>
      <c r="MI13" s="413">
        <v>0</v>
      </c>
      <c r="MJ13" s="345">
        <v>57213606</v>
      </c>
      <c r="MK13" s="345">
        <v>63942086</v>
      </c>
      <c r="ML13" s="345">
        <v>262173025</v>
      </c>
      <c r="MM13" s="345">
        <v>375126098</v>
      </c>
      <c r="MN13" s="345">
        <v>208883739</v>
      </c>
      <c r="MO13" s="349">
        <v>967338554</v>
      </c>
      <c r="MP13" s="354">
        <v>967338554</v>
      </c>
      <c r="MQ13" s="348">
        <v>0</v>
      </c>
      <c r="MR13" s="345">
        <v>0</v>
      </c>
      <c r="MS13" s="349">
        <v>0</v>
      </c>
      <c r="MT13" s="413">
        <v>0</v>
      </c>
      <c r="MU13" s="345">
        <v>5758177</v>
      </c>
      <c r="MV13" s="345">
        <v>12038131</v>
      </c>
      <c r="MW13" s="345">
        <v>175196843</v>
      </c>
      <c r="MX13" s="345">
        <v>275252349</v>
      </c>
      <c r="MY13" s="345">
        <v>169379829</v>
      </c>
      <c r="MZ13" s="349">
        <v>637625329</v>
      </c>
      <c r="NA13" s="354">
        <v>637625329</v>
      </c>
      <c r="NB13" s="348">
        <v>0</v>
      </c>
      <c r="NC13" s="345">
        <v>0</v>
      </c>
      <c r="ND13" s="349">
        <v>0</v>
      </c>
      <c r="NE13" s="413">
        <v>0</v>
      </c>
      <c r="NF13" s="345">
        <v>51455429</v>
      </c>
      <c r="NG13" s="345">
        <v>51903955</v>
      </c>
      <c r="NH13" s="345">
        <v>85912139</v>
      </c>
      <c r="NI13" s="345">
        <v>98236074</v>
      </c>
      <c r="NJ13" s="345">
        <v>38340863</v>
      </c>
      <c r="NK13" s="349">
        <v>325848460</v>
      </c>
      <c r="NL13" s="347">
        <v>325848460</v>
      </c>
      <c r="NM13" s="348">
        <v>0</v>
      </c>
      <c r="NN13" s="345">
        <v>0</v>
      </c>
      <c r="NO13" s="349">
        <v>0</v>
      </c>
      <c r="NP13" s="413">
        <v>0</v>
      </c>
      <c r="NQ13" s="345">
        <v>0</v>
      </c>
      <c r="NR13" s="345">
        <v>0</v>
      </c>
      <c r="NS13" s="345">
        <v>0</v>
      </c>
      <c r="NT13" s="345">
        <v>0</v>
      </c>
      <c r="NU13" s="345">
        <v>0</v>
      </c>
      <c r="NV13" s="349">
        <v>0</v>
      </c>
      <c r="NW13" s="350">
        <v>0</v>
      </c>
      <c r="NX13" s="348">
        <v>0</v>
      </c>
      <c r="NY13" s="345">
        <v>0</v>
      </c>
      <c r="NZ13" s="349">
        <v>0</v>
      </c>
      <c r="OA13" s="413">
        <v>0</v>
      </c>
      <c r="OB13" s="345">
        <v>0</v>
      </c>
      <c r="OC13" s="345">
        <v>0</v>
      </c>
      <c r="OD13" s="345">
        <v>1064043</v>
      </c>
      <c r="OE13" s="345">
        <v>1637675</v>
      </c>
      <c r="OF13" s="345">
        <v>1163047</v>
      </c>
      <c r="OG13" s="349">
        <v>3864765</v>
      </c>
      <c r="OH13" s="350">
        <v>3864765</v>
      </c>
      <c r="OI13" s="348">
        <v>18727881</v>
      </c>
      <c r="OJ13" s="345">
        <v>23870828</v>
      </c>
      <c r="OK13" s="346">
        <v>42598709</v>
      </c>
      <c r="OL13" s="351">
        <v>0</v>
      </c>
      <c r="OM13" s="345">
        <v>556674334</v>
      </c>
      <c r="ON13" s="345">
        <v>517687496</v>
      </c>
      <c r="OO13" s="345">
        <v>647391750</v>
      </c>
      <c r="OP13" s="345">
        <v>766209051</v>
      </c>
      <c r="OQ13" s="345">
        <v>461272132</v>
      </c>
      <c r="OR13" s="349">
        <v>2949234763</v>
      </c>
      <c r="OS13" s="354">
        <v>2991833472</v>
      </c>
    </row>
    <row r="14" spans="1:409" s="70" customFormat="1" ht="21" customHeight="1" x14ac:dyDescent="0.2">
      <c r="B14" s="410" t="s">
        <v>8</v>
      </c>
      <c r="C14" s="326">
        <v>14838611</v>
      </c>
      <c r="D14" s="327">
        <v>17445325</v>
      </c>
      <c r="E14" s="328">
        <v>32283936</v>
      </c>
      <c r="F14" s="329">
        <v>0</v>
      </c>
      <c r="G14" s="327">
        <v>166717341</v>
      </c>
      <c r="H14" s="327">
        <v>220610586</v>
      </c>
      <c r="I14" s="327">
        <v>196790313</v>
      </c>
      <c r="J14" s="327">
        <v>175784736</v>
      </c>
      <c r="K14" s="327">
        <v>141550142</v>
      </c>
      <c r="L14" s="329">
        <v>901453118</v>
      </c>
      <c r="M14" s="330">
        <v>933737054</v>
      </c>
      <c r="N14" s="326">
        <v>2827098</v>
      </c>
      <c r="O14" s="327">
        <v>3918121</v>
      </c>
      <c r="P14" s="328">
        <v>6745219</v>
      </c>
      <c r="Q14" s="326">
        <v>0</v>
      </c>
      <c r="R14" s="327">
        <v>44903338</v>
      </c>
      <c r="S14" s="327">
        <v>71967495</v>
      </c>
      <c r="T14" s="327">
        <v>67738222</v>
      </c>
      <c r="U14" s="327">
        <v>70594345</v>
      </c>
      <c r="V14" s="327">
        <v>78028018</v>
      </c>
      <c r="W14" s="328">
        <v>333231418</v>
      </c>
      <c r="X14" s="330">
        <v>339976637</v>
      </c>
      <c r="Y14" s="326">
        <v>0</v>
      </c>
      <c r="Z14" s="327">
        <v>0</v>
      </c>
      <c r="AA14" s="328">
        <v>0</v>
      </c>
      <c r="AB14" s="326">
        <v>0</v>
      </c>
      <c r="AC14" s="327">
        <v>21032353</v>
      </c>
      <c r="AD14" s="327">
        <v>39561257</v>
      </c>
      <c r="AE14" s="327">
        <v>44008071</v>
      </c>
      <c r="AF14" s="327">
        <v>44338349</v>
      </c>
      <c r="AG14" s="327">
        <v>50455164</v>
      </c>
      <c r="AH14" s="328">
        <v>199395194</v>
      </c>
      <c r="AI14" s="330">
        <v>199395194</v>
      </c>
      <c r="AJ14" s="326">
        <v>0</v>
      </c>
      <c r="AK14" s="327">
        <v>0</v>
      </c>
      <c r="AL14" s="328">
        <v>0</v>
      </c>
      <c r="AM14" s="326">
        <v>0</v>
      </c>
      <c r="AN14" s="327">
        <v>422160</v>
      </c>
      <c r="AO14" s="327">
        <v>880473</v>
      </c>
      <c r="AP14" s="327">
        <v>1489097</v>
      </c>
      <c r="AQ14" s="327">
        <v>3125692</v>
      </c>
      <c r="AR14" s="327">
        <v>6766792</v>
      </c>
      <c r="AS14" s="328">
        <v>12684214</v>
      </c>
      <c r="AT14" s="330">
        <v>12684214</v>
      </c>
      <c r="AU14" s="326">
        <v>1242545</v>
      </c>
      <c r="AV14" s="327">
        <v>2495114</v>
      </c>
      <c r="AW14" s="328">
        <v>3737659</v>
      </c>
      <c r="AX14" s="326">
        <v>0</v>
      </c>
      <c r="AY14" s="327">
        <v>13380827</v>
      </c>
      <c r="AZ14" s="327">
        <v>18950560</v>
      </c>
      <c r="BA14" s="327">
        <v>12318458</v>
      </c>
      <c r="BB14" s="327">
        <v>13404236</v>
      </c>
      <c r="BC14" s="327">
        <v>13249412</v>
      </c>
      <c r="BD14" s="328">
        <v>71303493</v>
      </c>
      <c r="BE14" s="330">
        <v>75041152</v>
      </c>
      <c r="BF14" s="326">
        <v>369313</v>
      </c>
      <c r="BG14" s="327">
        <v>814148</v>
      </c>
      <c r="BH14" s="331">
        <v>1183461</v>
      </c>
      <c r="BI14" s="332">
        <v>0</v>
      </c>
      <c r="BJ14" s="327">
        <v>2865473</v>
      </c>
      <c r="BK14" s="327">
        <v>4062404</v>
      </c>
      <c r="BL14" s="327">
        <v>1507280</v>
      </c>
      <c r="BM14" s="327">
        <v>1946227</v>
      </c>
      <c r="BN14" s="327">
        <v>817749</v>
      </c>
      <c r="BO14" s="328">
        <v>11199133</v>
      </c>
      <c r="BP14" s="330">
        <v>12382594</v>
      </c>
      <c r="BQ14" s="326">
        <v>1215240</v>
      </c>
      <c r="BR14" s="327">
        <v>608859</v>
      </c>
      <c r="BS14" s="328">
        <v>1824099</v>
      </c>
      <c r="BT14" s="326">
        <v>0</v>
      </c>
      <c r="BU14" s="327">
        <v>7202525</v>
      </c>
      <c r="BV14" s="327">
        <v>8512801</v>
      </c>
      <c r="BW14" s="327">
        <v>8415316</v>
      </c>
      <c r="BX14" s="327">
        <v>7779841</v>
      </c>
      <c r="BY14" s="327">
        <v>6738901</v>
      </c>
      <c r="BZ14" s="328">
        <v>38649384</v>
      </c>
      <c r="CA14" s="330">
        <v>40473483</v>
      </c>
      <c r="CB14" s="326">
        <v>1664128</v>
      </c>
      <c r="CC14" s="327">
        <v>2756842</v>
      </c>
      <c r="CD14" s="328">
        <v>4420970</v>
      </c>
      <c r="CE14" s="326">
        <v>0</v>
      </c>
      <c r="CF14" s="327">
        <v>47016253</v>
      </c>
      <c r="CG14" s="327">
        <v>56949145</v>
      </c>
      <c r="CH14" s="327">
        <v>42658015</v>
      </c>
      <c r="CI14" s="327">
        <v>31431380</v>
      </c>
      <c r="CJ14" s="327">
        <v>17276167</v>
      </c>
      <c r="CK14" s="328">
        <v>195330960</v>
      </c>
      <c r="CL14" s="330">
        <v>199751930</v>
      </c>
      <c r="CM14" s="326">
        <v>0</v>
      </c>
      <c r="CN14" s="327">
        <v>0</v>
      </c>
      <c r="CO14" s="328">
        <v>0</v>
      </c>
      <c r="CP14" s="332">
        <v>0</v>
      </c>
      <c r="CQ14" s="327">
        <v>39176487</v>
      </c>
      <c r="CR14" s="327">
        <v>45103974</v>
      </c>
      <c r="CS14" s="327">
        <v>33100366</v>
      </c>
      <c r="CT14" s="327">
        <v>25711268</v>
      </c>
      <c r="CU14" s="327">
        <v>15463607</v>
      </c>
      <c r="CV14" s="328">
        <v>158555702</v>
      </c>
      <c r="CW14" s="330">
        <v>158555702</v>
      </c>
      <c r="CX14" s="326">
        <v>1664128</v>
      </c>
      <c r="CY14" s="327">
        <v>2756842</v>
      </c>
      <c r="CZ14" s="328">
        <v>4420970</v>
      </c>
      <c r="DA14" s="326">
        <v>0</v>
      </c>
      <c r="DB14" s="327">
        <v>7839766</v>
      </c>
      <c r="DC14" s="327">
        <v>11845171</v>
      </c>
      <c r="DD14" s="327">
        <v>9557649</v>
      </c>
      <c r="DE14" s="327">
        <v>5720112</v>
      </c>
      <c r="DF14" s="327">
        <v>1812560</v>
      </c>
      <c r="DG14" s="328">
        <v>36775258</v>
      </c>
      <c r="DH14" s="330">
        <v>41196228</v>
      </c>
      <c r="DI14" s="326">
        <v>198297</v>
      </c>
      <c r="DJ14" s="327">
        <v>481528</v>
      </c>
      <c r="DK14" s="331">
        <v>679825</v>
      </c>
      <c r="DL14" s="332">
        <v>0</v>
      </c>
      <c r="DM14" s="327">
        <v>4825149</v>
      </c>
      <c r="DN14" s="327">
        <v>11301717</v>
      </c>
      <c r="DO14" s="327">
        <v>24602954</v>
      </c>
      <c r="DP14" s="327">
        <v>18162747</v>
      </c>
      <c r="DQ14" s="327">
        <v>7735896</v>
      </c>
      <c r="DR14" s="328">
        <v>66628463</v>
      </c>
      <c r="DS14" s="330">
        <v>67308288</v>
      </c>
      <c r="DT14" s="326">
        <v>165813</v>
      </c>
      <c r="DU14" s="327">
        <v>481528</v>
      </c>
      <c r="DV14" s="328">
        <v>647341</v>
      </c>
      <c r="DW14" s="326">
        <v>0</v>
      </c>
      <c r="DX14" s="327">
        <v>4590643</v>
      </c>
      <c r="DY14" s="327">
        <v>10950546</v>
      </c>
      <c r="DZ14" s="327">
        <v>23979097</v>
      </c>
      <c r="EA14" s="327">
        <v>17067231</v>
      </c>
      <c r="EB14" s="327">
        <v>7206407</v>
      </c>
      <c r="EC14" s="328">
        <v>63793924</v>
      </c>
      <c r="ED14" s="330">
        <v>64441265</v>
      </c>
      <c r="EE14" s="326">
        <v>32484</v>
      </c>
      <c r="EF14" s="331">
        <v>0</v>
      </c>
      <c r="EG14" s="328">
        <v>32484</v>
      </c>
      <c r="EH14" s="326">
        <v>0</v>
      </c>
      <c r="EI14" s="327">
        <v>234506</v>
      </c>
      <c r="EJ14" s="327">
        <v>351171</v>
      </c>
      <c r="EK14" s="327">
        <v>623857</v>
      </c>
      <c r="EL14" s="327">
        <v>1095516</v>
      </c>
      <c r="EM14" s="327">
        <v>529489</v>
      </c>
      <c r="EN14" s="331">
        <v>2834539</v>
      </c>
      <c r="EO14" s="330">
        <v>2867023</v>
      </c>
      <c r="EP14" s="326">
        <v>0</v>
      </c>
      <c r="EQ14" s="327">
        <v>0</v>
      </c>
      <c r="ER14" s="331">
        <v>0</v>
      </c>
      <c r="ES14" s="332">
        <v>0</v>
      </c>
      <c r="ET14" s="327">
        <v>0</v>
      </c>
      <c r="EU14" s="327">
        <v>0</v>
      </c>
      <c r="EV14" s="327">
        <v>0</v>
      </c>
      <c r="EW14" s="327">
        <v>0</v>
      </c>
      <c r="EX14" s="327">
        <v>0</v>
      </c>
      <c r="EY14" s="328">
        <v>0</v>
      </c>
      <c r="EZ14" s="330">
        <v>0</v>
      </c>
      <c r="FA14" s="326">
        <v>0</v>
      </c>
      <c r="FB14" s="327">
        <v>0</v>
      </c>
      <c r="FC14" s="331">
        <v>0</v>
      </c>
      <c r="FD14" s="332">
        <v>0</v>
      </c>
      <c r="FE14" s="327">
        <v>0</v>
      </c>
      <c r="FF14" s="327">
        <v>0</v>
      </c>
      <c r="FG14" s="327">
        <v>0</v>
      </c>
      <c r="FH14" s="327">
        <v>0</v>
      </c>
      <c r="FI14" s="327">
        <v>0</v>
      </c>
      <c r="FJ14" s="328">
        <v>0</v>
      </c>
      <c r="FK14" s="330">
        <v>0</v>
      </c>
      <c r="FL14" s="326">
        <v>3644915</v>
      </c>
      <c r="FM14" s="327">
        <v>5232230</v>
      </c>
      <c r="FN14" s="328">
        <v>8877145</v>
      </c>
      <c r="FO14" s="326">
        <v>0</v>
      </c>
      <c r="FP14" s="327">
        <v>10416460</v>
      </c>
      <c r="FQ14" s="327">
        <v>24062007</v>
      </c>
      <c r="FR14" s="327">
        <v>15498600</v>
      </c>
      <c r="FS14" s="327">
        <v>13326275</v>
      </c>
      <c r="FT14" s="327">
        <v>9698536</v>
      </c>
      <c r="FU14" s="328">
        <v>73001878</v>
      </c>
      <c r="FV14" s="330">
        <v>81879023</v>
      </c>
      <c r="FW14" s="333">
        <v>2660227</v>
      </c>
      <c r="FX14" s="327">
        <v>4081173</v>
      </c>
      <c r="FY14" s="331">
        <v>6741400</v>
      </c>
      <c r="FZ14" s="332">
        <v>0</v>
      </c>
      <c r="GA14" s="327">
        <v>8681539</v>
      </c>
      <c r="GB14" s="327">
        <v>22697053</v>
      </c>
      <c r="GC14" s="327">
        <v>15033523</v>
      </c>
      <c r="GD14" s="327">
        <v>12364922</v>
      </c>
      <c r="GE14" s="327">
        <v>9559555</v>
      </c>
      <c r="GF14" s="328">
        <v>68336592</v>
      </c>
      <c r="GG14" s="334">
        <v>75077992</v>
      </c>
      <c r="GH14" s="333">
        <v>173013</v>
      </c>
      <c r="GI14" s="327">
        <v>570492</v>
      </c>
      <c r="GJ14" s="331">
        <v>743505</v>
      </c>
      <c r="GK14" s="332">
        <v>0</v>
      </c>
      <c r="GL14" s="327">
        <v>532816</v>
      </c>
      <c r="GM14" s="327">
        <v>606022</v>
      </c>
      <c r="GN14" s="327">
        <v>367860</v>
      </c>
      <c r="GO14" s="327">
        <v>254880</v>
      </c>
      <c r="GP14" s="327">
        <v>138981</v>
      </c>
      <c r="GQ14" s="328">
        <v>1900559</v>
      </c>
      <c r="GR14" s="330">
        <v>2644064</v>
      </c>
      <c r="GS14" s="326">
        <v>811675</v>
      </c>
      <c r="GT14" s="327">
        <v>580565</v>
      </c>
      <c r="GU14" s="328">
        <v>1392240</v>
      </c>
      <c r="GV14" s="326">
        <v>0</v>
      </c>
      <c r="GW14" s="327">
        <v>1202105</v>
      </c>
      <c r="GX14" s="327">
        <v>758932</v>
      </c>
      <c r="GY14" s="327">
        <v>97217</v>
      </c>
      <c r="GZ14" s="327">
        <v>706473</v>
      </c>
      <c r="HA14" s="327">
        <v>0</v>
      </c>
      <c r="HB14" s="331">
        <v>2764727</v>
      </c>
      <c r="HC14" s="330">
        <v>4156967</v>
      </c>
      <c r="HD14" s="326">
        <v>3466386</v>
      </c>
      <c r="HE14" s="327">
        <v>1556070</v>
      </c>
      <c r="HF14" s="331">
        <v>5022456</v>
      </c>
      <c r="HG14" s="332">
        <v>0</v>
      </c>
      <c r="HH14" s="327">
        <v>28630060</v>
      </c>
      <c r="HI14" s="327">
        <v>25523811</v>
      </c>
      <c r="HJ14" s="327">
        <v>26569361</v>
      </c>
      <c r="HK14" s="327">
        <v>28987227</v>
      </c>
      <c r="HL14" s="327">
        <v>20339805</v>
      </c>
      <c r="HM14" s="328">
        <v>130050264</v>
      </c>
      <c r="HN14" s="329">
        <v>135072720</v>
      </c>
      <c r="HO14" s="333">
        <v>3037787</v>
      </c>
      <c r="HP14" s="327">
        <v>3500534</v>
      </c>
      <c r="HQ14" s="328">
        <v>6538321</v>
      </c>
      <c r="HR14" s="326">
        <v>0</v>
      </c>
      <c r="HS14" s="327">
        <v>30926081</v>
      </c>
      <c r="HT14" s="327">
        <v>30806411</v>
      </c>
      <c r="HU14" s="327">
        <v>19723161</v>
      </c>
      <c r="HV14" s="327">
        <v>13282762</v>
      </c>
      <c r="HW14" s="327">
        <v>8471720</v>
      </c>
      <c r="HX14" s="331">
        <v>103210135</v>
      </c>
      <c r="HY14" s="330">
        <v>109748456</v>
      </c>
      <c r="HZ14" s="335">
        <v>558332</v>
      </c>
      <c r="IA14" s="336">
        <v>1120761</v>
      </c>
      <c r="IB14" s="337">
        <v>1679093</v>
      </c>
      <c r="IC14" s="355">
        <v>0</v>
      </c>
      <c r="ID14" s="356">
        <v>59644152</v>
      </c>
      <c r="IE14" s="357">
        <v>68519247</v>
      </c>
      <c r="IF14" s="358">
        <v>74558115</v>
      </c>
      <c r="IG14" s="356">
        <v>56297793</v>
      </c>
      <c r="IH14" s="358">
        <v>30618900</v>
      </c>
      <c r="II14" s="359">
        <v>289638207</v>
      </c>
      <c r="IJ14" s="341">
        <v>291317300</v>
      </c>
      <c r="IK14" s="342">
        <v>0</v>
      </c>
      <c r="IL14" s="343">
        <v>0</v>
      </c>
      <c r="IM14" s="344">
        <v>0</v>
      </c>
      <c r="IN14" s="404">
        <v>0</v>
      </c>
      <c r="IO14" s="345">
        <v>660906</v>
      </c>
      <c r="IP14" s="345">
        <v>256954</v>
      </c>
      <c r="IQ14" s="345">
        <v>1468972</v>
      </c>
      <c r="IR14" s="345">
        <v>1243584</v>
      </c>
      <c r="IS14" s="345">
        <v>938883</v>
      </c>
      <c r="IT14" s="346">
        <v>4569299</v>
      </c>
      <c r="IU14" s="347">
        <v>4569299</v>
      </c>
      <c r="IV14" s="348">
        <v>0</v>
      </c>
      <c r="IW14" s="345">
        <v>0</v>
      </c>
      <c r="IX14" s="349">
        <v>0</v>
      </c>
      <c r="IY14" s="413">
        <v>0</v>
      </c>
      <c r="IZ14" s="345">
        <v>38344</v>
      </c>
      <c r="JA14" s="345">
        <v>38344</v>
      </c>
      <c r="JB14" s="345">
        <v>0</v>
      </c>
      <c r="JC14" s="345">
        <v>126110</v>
      </c>
      <c r="JD14" s="345">
        <v>19172</v>
      </c>
      <c r="JE14" s="349">
        <v>221970</v>
      </c>
      <c r="JF14" s="350">
        <v>221970</v>
      </c>
      <c r="JG14" s="348">
        <v>0</v>
      </c>
      <c r="JH14" s="345">
        <v>0</v>
      </c>
      <c r="JI14" s="346">
        <v>0</v>
      </c>
      <c r="JJ14" s="351">
        <v>0</v>
      </c>
      <c r="JK14" s="345">
        <v>27882993</v>
      </c>
      <c r="JL14" s="345">
        <v>35896376</v>
      </c>
      <c r="JM14" s="345">
        <v>20550992</v>
      </c>
      <c r="JN14" s="345">
        <v>13000197</v>
      </c>
      <c r="JO14" s="345">
        <v>6357764</v>
      </c>
      <c r="JP14" s="349">
        <v>103688322</v>
      </c>
      <c r="JQ14" s="347">
        <v>103688322</v>
      </c>
      <c r="JR14" s="348">
        <v>0</v>
      </c>
      <c r="JS14" s="345">
        <v>0</v>
      </c>
      <c r="JT14" s="346">
        <v>0</v>
      </c>
      <c r="JU14" s="351">
        <v>0</v>
      </c>
      <c r="JV14" s="345">
        <v>449147</v>
      </c>
      <c r="JW14" s="345">
        <v>854942</v>
      </c>
      <c r="JX14" s="345">
        <v>1325474</v>
      </c>
      <c r="JY14" s="345">
        <v>1021154</v>
      </c>
      <c r="JZ14" s="345">
        <v>1451007</v>
      </c>
      <c r="KA14" s="349">
        <v>5101724</v>
      </c>
      <c r="KB14" s="347">
        <v>5101724</v>
      </c>
      <c r="KC14" s="352">
        <v>558332</v>
      </c>
      <c r="KD14" s="353">
        <v>1120761</v>
      </c>
      <c r="KE14" s="349">
        <v>1679093</v>
      </c>
      <c r="KF14" s="351">
        <v>0</v>
      </c>
      <c r="KG14" s="345">
        <v>8488182</v>
      </c>
      <c r="KH14" s="345">
        <v>8801558</v>
      </c>
      <c r="KI14" s="345">
        <v>11287810</v>
      </c>
      <c r="KJ14" s="345">
        <v>8749733</v>
      </c>
      <c r="KK14" s="345">
        <v>3815188</v>
      </c>
      <c r="KL14" s="349">
        <v>41142471</v>
      </c>
      <c r="KM14" s="354">
        <v>42821564</v>
      </c>
      <c r="KN14" s="342">
        <v>0</v>
      </c>
      <c r="KO14" s="343">
        <v>0</v>
      </c>
      <c r="KP14" s="344">
        <v>0</v>
      </c>
      <c r="KQ14" s="413">
        <v>0</v>
      </c>
      <c r="KR14" s="345">
        <v>20252605</v>
      </c>
      <c r="KS14" s="345">
        <v>16798948</v>
      </c>
      <c r="KT14" s="345">
        <v>27614950</v>
      </c>
      <c r="KU14" s="345">
        <v>16464895</v>
      </c>
      <c r="KV14" s="345">
        <v>12450274</v>
      </c>
      <c r="KW14" s="349">
        <v>93581672</v>
      </c>
      <c r="KX14" s="347">
        <v>93581672</v>
      </c>
      <c r="KY14" s="348">
        <v>0</v>
      </c>
      <c r="KZ14" s="345">
        <v>0</v>
      </c>
      <c r="LA14" s="349">
        <v>0</v>
      </c>
      <c r="LB14" s="413">
        <v>0</v>
      </c>
      <c r="LC14" s="345">
        <v>180086</v>
      </c>
      <c r="LD14" s="345">
        <v>1942097</v>
      </c>
      <c r="LE14" s="345">
        <v>3417741</v>
      </c>
      <c r="LF14" s="345">
        <v>2868583</v>
      </c>
      <c r="LG14" s="345">
        <v>2188918</v>
      </c>
      <c r="LH14" s="349">
        <v>10597425</v>
      </c>
      <c r="LI14" s="350">
        <v>10597425</v>
      </c>
      <c r="LJ14" s="348">
        <v>0</v>
      </c>
      <c r="LK14" s="345">
        <v>0</v>
      </c>
      <c r="LL14" s="349">
        <v>0</v>
      </c>
      <c r="LM14" s="413">
        <v>0</v>
      </c>
      <c r="LN14" s="345">
        <v>0</v>
      </c>
      <c r="LO14" s="345">
        <v>0</v>
      </c>
      <c r="LP14" s="345">
        <v>3740409</v>
      </c>
      <c r="LQ14" s="345">
        <v>7346502</v>
      </c>
      <c r="LR14" s="345">
        <v>1361126</v>
      </c>
      <c r="LS14" s="349">
        <v>12448037</v>
      </c>
      <c r="LT14" s="347">
        <v>12448037</v>
      </c>
      <c r="LU14" s="348">
        <v>0</v>
      </c>
      <c r="LV14" s="345">
        <v>0</v>
      </c>
      <c r="LW14" s="349">
        <v>0</v>
      </c>
      <c r="LX14" s="413">
        <v>0</v>
      </c>
      <c r="LY14" s="345">
        <v>1691889</v>
      </c>
      <c r="LZ14" s="345">
        <v>3930028</v>
      </c>
      <c r="MA14" s="345">
        <v>5151767</v>
      </c>
      <c r="MB14" s="345">
        <v>5477035</v>
      </c>
      <c r="MC14" s="345">
        <v>2036568</v>
      </c>
      <c r="MD14" s="349">
        <v>18287287</v>
      </c>
      <c r="ME14" s="350">
        <v>18287287</v>
      </c>
      <c r="MF14" s="348">
        <v>0</v>
      </c>
      <c r="MG14" s="345">
        <v>0</v>
      </c>
      <c r="MH14" s="349">
        <v>0</v>
      </c>
      <c r="MI14" s="413">
        <v>0</v>
      </c>
      <c r="MJ14" s="345">
        <v>13663169</v>
      </c>
      <c r="MK14" s="345">
        <v>36419496</v>
      </c>
      <c r="ML14" s="345">
        <v>143928055</v>
      </c>
      <c r="MM14" s="345">
        <v>185619705</v>
      </c>
      <c r="MN14" s="345">
        <v>112841826</v>
      </c>
      <c r="MO14" s="349">
        <v>492472251</v>
      </c>
      <c r="MP14" s="354">
        <v>492472251</v>
      </c>
      <c r="MQ14" s="348">
        <v>0</v>
      </c>
      <c r="MR14" s="345">
        <v>0</v>
      </c>
      <c r="MS14" s="349">
        <v>0</v>
      </c>
      <c r="MT14" s="413">
        <v>0</v>
      </c>
      <c r="MU14" s="345">
        <v>2175807</v>
      </c>
      <c r="MV14" s="345">
        <v>13513480</v>
      </c>
      <c r="MW14" s="345">
        <v>101259475</v>
      </c>
      <c r="MX14" s="345">
        <v>128696805</v>
      </c>
      <c r="MY14" s="345">
        <v>79386312</v>
      </c>
      <c r="MZ14" s="349">
        <v>325031879</v>
      </c>
      <c r="NA14" s="354">
        <v>325031879</v>
      </c>
      <c r="NB14" s="348">
        <v>0</v>
      </c>
      <c r="NC14" s="345">
        <v>0</v>
      </c>
      <c r="ND14" s="349">
        <v>0</v>
      </c>
      <c r="NE14" s="413">
        <v>0</v>
      </c>
      <c r="NF14" s="345">
        <v>11487362</v>
      </c>
      <c r="NG14" s="345">
        <v>22617810</v>
      </c>
      <c r="NH14" s="345">
        <v>42255466</v>
      </c>
      <c r="NI14" s="345">
        <v>54177755</v>
      </c>
      <c r="NJ14" s="345">
        <v>30025397</v>
      </c>
      <c r="NK14" s="349">
        <v>160563790</v>
      </c>
      <c r="NL14" s="347">
        <v>160563790</v>
      </c>
      <c r="NM14" s="348">
        <v>0</v>
      </c>
      <c r="NN14" s="345">
        <v>0</v>
      </c>
      <c r="NO14" s="349">
        <v>0</v>
      </c>
      <c r="NP14" s="413">
        <v>0</v>
      </c>
      <c r="NQ14" s="345">
        <v>0</v>
      </c>
      <c r="NR14" s="345">
        <v>0</v>
      </c>
      <c r="NS14" s="345">
        <v>0</v>
      </c>
      <c r="NT14" s="345">
        <v>0</v>
      </c>
      <c r="NU14" s="345">
        <v>0</v>
      </c>
      <c r="NV14" s="349">
        <v>0</v>
      </c>
      <c r="NW14" s="350">
        <v>0</v>
      </c>
      <c r="NX14" s="348">
        <v>0</v>
      </c>
      <c r="NY14" s="345">
        <v>0</v>
      </c>
      <c r="NZ14" s="349">
        <v>0</v>
      </c>
      <c r="OA14" s="413">
        <v>0</v>
      </c>
      <c r="OB14" s="345">
        <v>0</v>
      </c>
      <c r="OC14" s="345">
        <v>288206</v>
      </c>
      <c r="OD14" s="345">
        <v>413114</v>
      </c>
      <c r="OE14" s="345">
        <v>2745145</v>
      </c>
      <c r="OF14" s="345">
        <v>3430117</v>
      </c>
      <c r="OG14" s="349">
        <v>6876582</v>
      </c>
      <c r="OH14" s="350">
        <v>6876582</v>
      </c>
      <c r="OI14" s="348">
        <v>15396943</v>
      </c>
      <c r="OJ14" s="345">
        <v>18566086</v>
      </c>
      <c r="OK14" s="346">
        <v>33963029</v>
      </c>
      <c r="OL14" s="351">
        <v>0</v>
      </c>
      <c r="OM14" s="345">
        <v>240024662</v>
      </c>
      <c r="ON14" s="345">
        <v>325549329</v>
      </c>
      <c r="OO14" s="345">
        <v>415276483</v>
      </c>
      <c r="OP14" s="345">
        <v>417702234</v>
      </c>
      <c r="OQ14" s="345">
        <v>285010868</v>
      </c>
      <c r="OR14" s="349">
        <v>1683563576</v>
      </c>
      <c r="OS14" s="354">
        <v>1717526605</v>
      </c>
    </row>
    <row r="15" spans="1:409" s="70" customFormat="1" ht="21" customHeight="1" x14ac:dyDescent="0.2">
      <c r="B15" s="410" t="s">
        <v>9</v>
      </c>
      <c r="C15" s="326">
        <v>14583068</v>
      </c>
      <c r="D15" s="327">
        <v>17445589</v>
      </c>
      <c r="E15" s="328">
        <v>32028657</v>
      </c>
      <c r="F15" s="332">
        <v>0</v>
      </c>
      <c r="G15" s="327">
        <v>158557860</v>
      </c>
      <c r="H15" s="327">
        <v>162164107</v>
      </c>
      <c r="I15" s="327">
        <v>171459843</v>
      </c>
      <c r="J15" s="327">
        <v>179788261</v>
      </c>
      <c r="K15" s="327">
        <v>134862664</v>
      </c>
      <c r="L15" s="329">
        <v>806832735</v>
      </c>
      <c r="M15" s="330">
        <v>838861392</v>
      </c>
      <c r="N15" s="326">
        <v>3094847</v>
      </c>
      <c r="O15" s="327">
        <v>3759949</v>
      </c>
      <c r="P15" s="328">
        <v>6854796</v>
      </c>
      <c r="Q15" s="326">
        <v>0</v>
      </c>
      <c r="R15" s="327">
        <v>44510400</v>
      </c>
      <c r="S15" s="327">
        <v>50883858</v>
      </c>
      <c r="T15" s="327">
        <v>63265824</v>
      </c>
      <c r="U15" s="327">
        <v>75570624</v>
      </c>
      <c r="V15" s="327">
        <v>71920267</v>
      </c>
      <c r="W15" s="328">
        <v>306150973</v>
      </c>
      <c r="X15" s="330">
        <v>313005769</v>
      </c>
      <c r="Y15" s="326">
        <v>0</v>
      </c>
      <c r="Z15" s="327">
        <v>0</v>
      </c>
      <c r="AA15" s="328">
        <v>0</v>
      </c>
      <c r="AB15" s="326">
        <v>0</v>
      </c>
      <c r="AC15" s="327">
        <v>20154007</v>
      </c>
      <c r="AD15" s="327">
        <v>25213873</v>
      </c>
      <c r="AE15" s="327">
        <v>37334004</v>
      </c>
      <c r="AF15" s="327">
        <v>48114118</v>
      </c>
      <c r="AG15" s="327">
        <v>42842193</v>
      </c>
      <c r="AH15" s="328">
        <v>173658195</v>
      </c>
      <c r="AI15" s="330">
        <v>173658195</v>
      </c>
      <c r="AJ15" s="326">
        <v>0</v>
      </c>
      <c r="AK15" s="327">
        <v>0</v>
      </c>
      <c r="AL15" s="328">
        <v>0</v>
      </c>
      <c r="AM15" s="326">
        <v>0</v>
      </c>
      <c r="AN15" s="327">
        <v>122432</v>
      </c>
      <c r="AO15" s="327">
        <v>294192</v>
      </c>
      <c r="AP15" s="327">
        <v>1505249</v>
      </c>
      <c r="AQ15" s="327">
        <v>3212968</v>
      </c>
      <c r="AR15" s="327">
        <v>6889213</v>
      </c>
      <c r="AS15" s="328">
        <v>12024054</v>
      </c>
      <c r="AT15" s="330">
        <v>12024054</v>
      </c>
      <c r="AU15" s="326">
        <v>1759262</v>
      </c>
      <c r="AV15" s="327">
        <v>2716820</v>
      </c>
      <c r="AW15" s="328">
        <v>4476082</v>
      </c>
      <c r="AX15" s="326">
        <v>0</v>
      </c>
      <c r="AY15" s="327">
        <v>14764868</v>
      </c>
      <c r="AZ15" s="327">
        <v>15611000</v>
      </c>
      <c r="BA15" s="327">
        <v>13756972</v>
      </c>
      <c r="BB15" s="327">
        <v>13455828</v>
      </c>
      <c r="BC15" s="327">
        <v>14307780</v>
      </c>
      <c r="BD15" s="328">
        <v>71896448</v>
      </c>
      <c r="BE15" s="330">
        <v>76372530</v>
      </c>
      <c r="BF15" s="326">
        <v>88656</v>
      </c>
      <c r="BG15" s="327">
        <v>238241</v>
      </c>
      <c r="BH15" s="331">
        <v>326897</v>
      </c>
      <c r="BI15" s="332">
        <v>0</v>
      </c>
      <c r="BJ15" s="327">
        <v>1184951</v>
      </c>
      <c r="BK15" s="327">
        <v>1526928</v>
      </c>
      <c r="BL15" s="327">
        <v>1045849</v>
      </c>
      <c r="BM15" s="327">
        <v>953836</v>
      </c>
      <c r="BN15" s="327">
        <v>829209</v>
      </c>
      <c r="BO15" s="328">
        <v>5540773</v>
      </c>
      <c r="BP15" s="330">
        <v>5867670</v>
      </c>
      <c r="BQ15" s="326">
        <v>1246929</v>
      </c>
      <c r="BR15" s="327">
        <v>804888</v>
      </c>
      <c r="BS15" s="328">
        <v>2051817</v>
      </c>
      <c r="BT15" s="326">
        <v>0</v>
      </c>
      <c r="BU15" s="327">
        <v>8284142</v>
      </c>
      <c r="BV15" s="327">
        <v>8237865</v>
      </c>
      <c r="BW15" s="327">
        <v>9623750</v>
      </c>
      <c r="BX15" s="327">
        <v>9833874</v>
      </c>
      <c r="BY15" s="327">
        <v>7051872</v>
      </c>
      <c r="BZ15" s="328">
        <v>43031503</v>
      </c>
      <c r="CA15" s="330">
        <v>45083320</v>
      </c>
      <c r="CB15" s="326">
        <v>1361326</v>
      </c>
      <c r="CC15" s="327">
        <v>3666367</v>
      </c>
      <c r="CD15" s="328">
        <v>5027693</v>
      </c>
      <c r="CE15" s="326">
        <v>0</v>
      </c>
      <c r="CF15" s="327">
        <v>33538174</v>
      </c>
      <c r="CG15" s="327">
        <v>34827490</v>
      </c>
      <c r="CH15" s="327">
        <v>31345306</v>
      </c>
      <c r="CI15" s="327">
        <v>21673430</v>
      </c>
      <c r="CJ15" s="327">
        <v>7923083</v>
      </c>
      <c r="CK15" s="328">
        <v>129307483</v>
      </c>
      <c r="CL15" s="330">
        <v>134335176</v>
      </c>
      <c r="CM15" s="326">
        <v>0</v>
      </c>
      <c r="CN15" s="327">
        <v>0</v>
      </c>
      <c r="CO15" s="328">
        <v>0</v>
      </c>
      <c r="CP15" s="332">
        <v>0</v>
      </c>
      <c r="CQ15" s="327">
        <v>27013079</v>
      </c>
      <c r="CR15" s="327">
        <v>27112677</v>
      </c>
      <c r="CS15" s="327">
        <v>25240273</v>
      </c>
      <c r="CT15" s="327">
        <v>15047277</v>
      </c>
      <c r="CU15" s="327">
        <v>6446746</v>
      </c>
      <c r="CV15" s="328">
        <v>100860052</v>
      </c>
      <c r="CW15" s="330">
        <v>100860052</v>
      </c>
      <c r="CX15" s="326">
        <v>1361326</v>
      </c>
      <c r="CY15" s="327">
        <v>3666367</v>
      </c>
      <c r="CZ15" s="328">
        <v>5027693</v>
      </c>
      <c r="DA15" s="326">
        <v>0</v>
      </c>
      <c r="DB15" s="327">
        <v>6525095</v>
      </c>
      <c r="DC15" s="327">
        <v>7714813</v>
      </c>
      <c r="DD15" s="327">
        <v>6105033</v>
      </c>
      <c r="DE15" s="327">
        <v>6626153</v>
      </c>
      <c r="DF15" s="327">
        <v>1476337</v>
      </c>
      <c r="DG15" s="328">
        <v>28447431</v>
      </c>
      <c r="DH15" s="330">
        <v>33475124</v>
      </c>
      <c r="DI15" s="326">
        <v>36577</v>
      </c>
      <c r="DJ15" s="327">
        <v>114358</v>
      </c>
      <c r="DK15" s="331">
        <v>150935</v>
      </c>
      <c r="DL15" s="332">
        <v>0</v>
      </c>
      <c r="DM15" s="327">
        <v>3219830</v>
      </c>
      <c r="DN15" s="327">
        <v>8673774</v>
      </c>
      <c r="DO15" s="327">
        <v>13562386</v>
      </c>
      <c r="DP15" s="327">
        <v>14830493</v>
      </c>
      <c r="DQ15" s="327">
        <v>9836431</v>
      </c>
      <c r="DR15" s="328">
        <v>50122914</v>
      </c>
      <c r="DS15" s="330">
        <v>50273849</v>
      </c>
      <c r="DT15" s="326">
        <v>36577</v>
      </c>
      <c r="DU15" s="327">
        <v>114358</v>
      </c>
      <c r="DV15" s="328">
        <v>150935</v>
      </c>
      <c r="DW15" s="326">
        <v>0</v>
      </c>
      <c r="DX15" s="327">
        <v>2527144</v>
      </c>
      <c r="DY15" s="327">
        <v>7375169</v>
      </c>
      <c r="DZ15" s="327">
        <v>11962719</v>
      </c>
      <c r="EA15" s="327">
        <v>13023820</v>
      </c>
      <c r="EB15" s="327">
        <v>8181160</v>
      </c>
      <c r="EC15" s="328">
        <v>43070012</v>
      </c>
      <c r="ED15" s="330">
        <v>43220947</v>
      </c>
      <c r="EE15" s="326">
        <v>0</v>
      </c>
      <c r="EF15" s="331">
        <v>0</v>
      </c>
      <c r="EG15" s="328">
        <v>0</v>
      </c>
      <c r="EH15" s="326">
        <v>0</v>
      </c>
      <c r="EI15" s="327">
        <v>692686</v>
      </c>
      <c r="EJ15" s="327">
        <v>1298605</v>
      </c>
      <c r="EK15" s="327">
        <v>1599667</v>
      </c>
      <c r="EL15" s="327">
        <v>1806673</v>
      </c>
      <c r="EM15" s="327">
        <v>1655271</v>
      </c>
      <c r="EN15" s="331">
        <v>7052902</v>
      </c>
      <c r="EO15" s="330">
        <v>7052902</v>
      </c>
      <c r="EP15" s="326">
        <v>0</v>
      </c>
      <c r="EQ15" s="327">
        <v>0</v>
      </c>
      <c r="ER15" s="331">
        <v>0</v>
      </c>
      <c r="ES15" s="332">
        <v>0</v>
      </c>
      <c r="ET15" s="327">
        <v>0</v>
      </c>
      <c r="EU15" s="327">
        <v>0</v>
      </c>
      <c r="EV15" s="327">
        <v>0</v>
      </c>
      <c r="EW15" s="327">
        <v>0</v>
      </c>
      <c r="EX15" s="327">
        <v>0</v>
      </c>
      <c r="EY15" s="328">
        <v>0</v>
      </c>
      <c r="EZ15" s="330">
        <v>0</v>
      </c>
      <c r="FA15" s="326">
        <v>0</v>
      </c>
      <c r="FB15" s="327">
        <v>0</v>
      </c>
      <c r="FC15" s="331">
        <v>0</v>
      </c>
      <c r="FD15" s="332">
        <v>0</v>
      </c>
      <c r="FE15" s="327">
        <v>0</v>
      </c>
      <c r="FF15" s="327">
        <v>0</v>
      </c>
      <c r="FG15" s="327">
        <v>0</v>
      </c>
      <c r="FH15" s="327">
        <v>0</v>
      </c>
      <c r="FI15" s="327">
        <v>0</v>
      </c>
      <c r="FJ15" s="328">
        <v>0</v>
      </c>
      <c r="FK15" s="330">
        <v>0</v>
      </c>
      <c r="FL15" s="326">
        <v>4018248</v>
      </c>
      <c r="FM15" s="327">
        <v>4837520</v>
      </c>
      <c r="FN15" s="328">
        <v>8855768</v>
      </c>
      <c r="FO15" s="326">
        <v>0</v>
      </c>
      <c r="FP15" s="327">
        <v>10541372</v>
      </c>
      <c r="FQ15" s="327">
        <v>15154160</v>
      </c>
      <c r="FR15" s="327">
        <v>12258578</v>
      </c>
      <c r="FS15" s="327">
        <v>12662801</v>
      </c>
      <c r="FT15" s="327">
        <v>9223085</v>
      </c>
      <c r="FU15" s="328">
        <v>59839996</v>
      </c>
      <c r="FV15" s="330">
        <v>68695764</v>
      </c>
      <c r="FW15" s="333">
        <v>2047935</v>
      </c>
      <c r="FX15" s="327">
        <v>2899180</v>
      </c>
      <c r="FY15" s="331">
        <v>4947115</v>
      </c>
      <c r="FZ15" s="332">
        <v>0</v>
      </c>
      <c r="GA15" s="327">
        <v>7990826</v>
      </c>
      <c r="GB15" s="327">
        <v>13093381</v>
      </c>
      <c r="GC15" s="327">
        <v>11439434</v>
      </c>
      <c r="GD15" s="327">
        <v>11849255</v>
      </c>
      <c r="GE15" s="327">
        <v>8839096</v>
      </c>
      <c r="GF15" s="328">
        <v>53211992</v>
      </c>
      <c r="GG15" s="334">
        <v>58159107</v>
      </c>
      <c r="GH15" s="333">
        <v>306391</v>
      </c>
      <c r="GI15" s="327">
        <v>159370</v>
      </c>
      <c r="GJ15" s="331">
        <v>465761</v>
      </c>
      <c r="GK15" s="332">
        <v>0</v>
      </c>
      <c r="GL15" s="327">
        <v>653556</v>
      </c>
      <c r="GM15" s="327">
        <v>405539</v>
      </c>
      <c r="GN15" s="327">
        <v>379224</v>
      </c>
      <c r="GO15" s="327">
        <v>187746</v>
      </c>
      <c r="GP15" s="327">
        <v>243989</v>
      </c>
      <c r="GQ15" s="328">
        <v>1870054</v>
      </c>
      <c r="GR15" s="330">
        <v>2335815</v>
      </c>
      <c r="GS15" s="326">
        <v>1663922</v>
      </c>
      <c r="GT15" s="327">
        <v>1778970</v>
      </c>
      <c r="GU15" s="328">
        <v>3442892</v>
      </c>
      <c r="GV15" s="326">
        <v>0</v>
      </c>
      <c r="GW15" s="327">
        <v>1896990</v>
      </c>
      <c r="GX15" s="327">
        <v>1655240</v>
      </c>
      <c r="GY15" s="327">
        <v>439920</v>
      </c>
      <c r="GZ15" s="327">
        <v>625800</v>
      </c>
      <c r="HA15" s="327">
        <v>140000</v>
      </c>
      <c r="HB15" s="331">
        <v>4757950</v>
      </c>
      <c r="HC15" s="330">
        <v>8200842</v>
      </c>
      <c r="HD15" s="326">
        <v>3594294</v>
      </c>
      <c r="HE15" s="327">
        <v>2139138</v>
      </c>
      <c r="HF15" s="331">
        <v>5733432</v>
      </c>
      <c r="HG15" s="332">
        <v>0</v>
      </c>
      <c r="HH15" s="327">
        <v>39551649</v>
      </c>
      <c r="HI15" s="327">
        <v>32497642</v>
      </c>
      <c r="HJ15" s="327">
        <v>35913212</v>
      </c>
      <c r="HK15" s="327">
        <v>43293812</v>
      </c>
      <c r="HL15" s="327">
        <v>28995629</v>
      </c>
      <c r="HM15" s="328">
        <v>180251944</v>
      </c>
      <c r="HN15" s="329">
        <v>185985376</v>
      </c>
      <c r="HO15" s="333">
        <v>2477776</v>
      </c>
      <c r="HP15" s="327">
        <v>2928257</v>
      </c>
      <c r="HQ15" s="328">
        <v>5406033</v>
      </c>
      <c r="HR15" s="326">
        <v>0</v>
      </c>
      <c r="HS15" s="327">
        <v>27196435</v>
      </c>
      <c r="HT15" s="327">
        <v>20127183</v>
      </c>
      <c r="HU15" s="327">
        <v>15114537</v>
      </c>
      <c r="HV15" s="327">
        <v>11757101</v>
      </c>
      <c r="HW15" s="327">
        <v>6964169</v>
      </c>
      <c r="HX15" s="331">
        <v>81159425</v>
      </c>
      <c r="HY15" s="330">
        <v>86565458</v>
      </c>
      <c r="HZ15" s="360">
        <v>297670</v>
      </c>
      <c r="IA15" s="361">
        <v>257675</v>
      </c>
      <c r="IB15" s="362">
        <v>555345</v>
      </c>
      <c r="IC15" s="338">
        <v>0</v>
      </c>
      <c r="ID15" s="336">
        <v>33959940</v>
      </c>
      <c r="IE15" s="339">
        <v>39462201</v>
      </c>
      <c r="IF15" s="337">
        <v>48956213</v>
      </c>
      <c r="IG15" s="336">
        <v>45869169</v>
      </c>
      <c r="IH15" s="337">
        <v>27403690</v>
      </c>
      <c r="II15" s="340">
        <v>195651213</v>
      </c>
      <c r="IJ15" s="363">
        <v>196206558</v>
      </c>
      <c r="IK15" s="342">
        <v>0</v>
      </c>
      <c r="IL15" s="343">
        <v>0</v>
      </c>
      <c r="IM15" s="344">
        <v>0</v>
      </c>
      <c r="IN15" s="404">
        <v>0</v>
      </c>
      <c r="IO15" s="345">
        <v>0</v>
      </c>
      <c r="IP15" s="345">
        <v>268384</v>
      </c>
      <c r="IQ15" s="345">
        <v>583290</v>
      </c>
      <c r="IR15" s="345">
        <v>1276914</v>
      </c>
      <c r="IS15" s="345">
        <v>1305000</v>
      </c>
      <c r="IT15" s="346">
        <v>3433588</v>
      </c>
      <c r="IU15" s="347">
        <v>3433588</v>
      </c>
      <c r="IV15" s="348">
        <v>0</v>
      </c>
      <c r="IW15" s="345">
        <v>0</v>
      </c>
      <c r="IX15" s="349">
        <v>0</v>
      </c>
      <c r="IY15" s="413">
        <v>0</v>
      </c>
      <c r="IZ15" s="345">
        <v>0</v>
      </c>
      <c r="JA15" s="345">
        <v>0</v>
      </c>
      <c r="JB15" s="345">
        <v>0</v>
      </c>
      <c r="JC15" s="345">
        <v>0</v>
      </c>
      <c r="JD15" s="345">
        <v>0</v>
      </c>
      <c r="JE15" s="349">
        <v>0</v>
      </c>
      <c r="JF15" s="350">
        <v>0</v>
      </c>
      <c r="JG15" s="348">
        <v>0</v>
      </c>
      <c r="JH15" s="345">
        <v>0</v>
      </c>
      <c r="JI15" s="346">
        <v>0</v>
      </c>
      <c r="JJ15" s="351">
        <v>0</v>
      </c>
      <c r="JK15" s="345">
        <v>17839896</v>
      </c>
      <c r="JL15" s="345">
        <v>15902724</v>
      </c>
      <c r="JM15" s="345">
        <v>12023544</v>
      </c>
      <c r="JN15" s="345">
        <v>10807548</v>
      </c>
      <c r="JO15" s="345">
        <v>4872350</v>
      </c>
      <c r="JP15" s="349">
        <v>61446062</v>
      </c>
      <c r="JQ15" s="347">
        <v>61446062</v>
      </c>
      <c r="JR15" s="348">
        <v>0</v>
      </c>
      <c r="JS15" s="345">
        <v>0</v>
      </c>
      <c r="JT15" s="346">
        <v>0</v>
      </c>
      <c r="JU15" s="351">
        <v>0</v>
      </c>
      <c r="JV15" s="345">
        <v>344074</v>
      </c>
      <c r="JW15" s="345">
        <v>593525</v>
      </c>
      <c r="JX15" s="345">
        <v>1389633</v>
      </c>
      <c r="JY15" s="345">
        <v>43139</v>
      </c>
      <c r="JZ15" s="345">
        <v>535517</v>
      </c>
      <c r="KA15" s="349">
        <v>2905888</v>
      </c>
      <c r="KB15" s="347">
        <v>2905888</v>
      </c>
      <c r="KC15" s="352">
        <v>297670</v>
      </c>
      <c r="KD15" s="353">
        <v>257675</v>
      </c>
      <c r="KE15" s="349">
        <v>555345</v>
      </c>
      <c r="KF15" s="351">
        <v>0</v>
      </c>
      <c r="KG15" s="345">
        <v>5221976</v>
      </c>
      <c r="KH15" s="345">
        <v>5649242</v>
      </c>
      <c r="KI15" s="345">
        <v>6380392</v>
      </c>
      <c r="KJ15" s="345">
        <v>7446900</v>
      </c>
      <c r="KK15" s="345">
        <v>5346878</v>
      </c>
      <c r="KL15" s="349">
        <v>30045388</v>
      </c>
      <c r="KM15" s="354">
        <v>30600733</v>
      </c>
      <c r="KN15" s="342">
        <v>0</v>
      </c>
      <c r="KO15" s="343">
        <v>0</v>
      </c>
      <c r="KP15" s="344">
        <v>0</v>
      </c>
      <c r="KQ15" s="413">
        <v>0</v>
      </c>
      <c r="KR15" s="345">
        <v>9672110</v>
      </c>
      <c r="KS15" s="345">
        <v>15156595</v>
      </c>
      <c r="KT15" s="345">
        <v>24863471</v>
      </c>
      <c r="KU15" s="345">
        <v>20000095</v>
      </c>
      <c r="KV15" s="345">
        <v>9655509</v>
      </c>
      <c r="KW15" s="349">
        <v>79347780</v>
      </c>
      <c r="KX15" s="347">
        <v>79347780</v>
      </c>
      <c r="KY15" s="348">
        <v>0</v>
      </c>
      <c r="KZ15" s="345">
        <v>0</v>
      </c>
      <c r="LA15" s="349">
        <v>0</v>
      </c>
      <c r="LB15" s="413">
        <v>0</v>
      </c>
      <c r="LC15" s="345">
        <v>186087</v>
      </c>
      <c r="LD15" s="345">
        <v>799805</v>
      </c>
      <c r="LE15" s="345">
        <v>1723086</v>
      </c>
      <c r="LF15" s="345">
        <v>2034360</v>
      </c>
      <c r="LG15" s="345">
        <v>937793</v>
      </c>
      <c r="LH15" s="349">
        <v>5681131</v>
      </c>
      <c r="LI15" s="350">
        <v>5681131</v>
      </c>
      <c r="LJ15" s="348">
        <v>0</v>
      </c>
      <c r="LK15" s="345">
        <v>0</v>
      </c>
      <c r="LL15" s="349">
        <v>0</v>
      </c>
      <c r="LM15" s="413">
        <v>0</v>
      </c>
      <c r="LN15" s="345">
        <v>0</v>
      </c>
      <c r="LO15" s="345">
        <v>0</v>
      </c>
      <c r="LP15" s="345">
        <v>0</v>
      </c>
      <c r="LQ15" s="345">
        <v>0</v>
      </c>
      <c r="LR15" s="345">
        <v>370945</v>
      </c>
      <c r="LS15" s="349">
        <v>370945</v>
      </c>
      <c r="LT15" s="347">
        <v>370945</v>
      </c>
      <c r="LU15" s="348">
        <v>0</v>
      </c>
      <c r="LV15" s="345">
        <v>0</v>
      </c>
      <c r="LW15" s="349">
        <v>0</v>
      </c>
      <c r="LX15" s="413">
        <v>0</v>
      </c>
      <c r="LY15" s="345">
        <v>695797</v>
      </c>
      <c r="LZ15" s="345">
        <v>1091926</v>
      </c>
      <c r="MA15" s="345">
        <v>1992797</v>
      </c>
      <c r="MB15" s="345">
        <v>4260213</v>
      </c>
      <c r="MC15" s="345">
        <v>4379698</v>
      </c>
      <c r="MD15" s="349">
        <v>12420431</v>
      </c>
      <c r="ME15" s="350">
        <v>12420431</v>
      </c>
      <c r="MF15" s="348">
        <v>0</v>
      </c>
      <c r="MG15" s="345">
        <v>0</v>
      </c>
      <c r="MH15" s="349">
        <v>0</v>
      </c>
      <c r="MI15" s="413">
        <v>0</v>
      </c>
      <c r="MJ15" s="345">
        <v>9243161</v>
      </c>
      <c r="MK15" s="345">
        <v>21268601</v>
      </c>
      <c r="ML15" s="345">
        <v>100100910</v>
      </c>
      <c r="MM15" s="345">
        <v>143774429</v>
      </c>
      <c r="MN15" s="345">
        <v>113386935</v>
      </c>
      <c r="MO15" s="349">
        <v>387774036</v>
      </c>
      <c r="MP15" s="354">
        <v>387774036</v>
      </c>
      <c r="MQ15" s="348">
        <v>0</v>
      </c>
      <c r="MR15" s="345">
        <v>0</v>
      </c>
      <c r="MS15" s="349">
        <v>0</v>
      </c>
      <c r="MT15" s="413">
        <v>0</v>
      </c>
      <c r="MU15" s="345">
        <v>254352</v>
      </c>
      <c r="MV15" s="345">
        <v>1825112</v>
      </c>
      <c r="MW15" s="345">
        <v>61159689</v>
      </c>
      <c r="MX15" s="345">
        <v>104030656</v>
      </c>
      <c r="MY15" s="345">
        <v>84309806</v>
      </c>
      <c r="MZ15" s="349">
        <v>251579615</v>
      </c>
      <c r="NA15" s="354">
        <v>251579615</v>
      </c>
      <c r="NB15" s="348">
        <v>0</v>
      </c>
      <c r="NC15" s="345">
        <v>0</v>
      </c>
      <c r="ND15" s="349">
        <v>0</v>
      </c>
      <c r="NE15" s="413">
        <v>0</v>
      </c>
      <c r="NF15" s="345">
        <v>8988809</v>
      </c>
      <c r="NG15" s="345">
        <v>19138433</v>
      </c>
      <c r="NH15" s="345">
        <v>38941221</v>
      </c>
      <c r="NI15" s="345">
        <v>38931023</v>
      </c>
      <c r="NJ15" s="345">
        <v>25634532</v>
      </c>
      <c r="NK15" s="349">
        <v>131634018</v>
      </c>
      <c r="NL15" s="347">
        <v>131634018</v>
      </c>
      <c r="NM15" s="348">
        <v>0</v>
      </c>
      <c r="NN15" s="345">
        <v>0</v>
      </c>
      <c r="NO15" s="349">
        <v>0</v>
      </c>
      <c r="NP15" s="413">
        <v>0</v>
      </c>
      <c r="NQ15" s="345">
        <v>0</v>
      </c>
      <c r="NR15" s="345">
        <v>0</v>
      </c>
      <c r="NS15" s="345">
        <v>0</v>
      </c>
      <c r="NT15" s="345">
        <v>0</v>
      </c>
      <c r="NU15" s="345">
        <v>0</v>
      </c>
      <c r="NV15" s="349">
        <v>0</v>
      </c>
      <c r="NW15" s="350">
        <v>0</v>
      </c>
      <c r="NX15" s="348">
        <v>0</v>
      </c>
      <c r="NY15" s="345">
        <v>0</v>
      </c>
      <c r="NZ15" s="349">
        <v>0</v>
      </c>
      <c r="OA15" s="413">
        <v>0</v>
      </c>
      <c r="OB15" s="345">
        <v>0</v>
      </c>
      <c r="OC15" s="345">
        <v>305056</v>
      </c>
      <c r="OD15" s="345">
        <v>0</v>
      </c>
      <c r="OE15" s="345">
        <v>812750</v>
      </c>
      <c r="OF15" s="345">
        <v>3442597</v>
      </c>
      <c r="OG15" s="349">
        <v>4560403</v>
      </c>
      <c r="OH15" s="350">
        <v>4560403</v>
      </c>
      <c r="OI15" s="348">
        <v>14880738</v>
      </c>
      <c r="OJ15" s="345">
        <v>17703264</v>
      </c>
      <c r="OK15" s="346">
        <v>32584002</v>
      </c>
      <c r="OL15" s="351">
        <v>0</v>
      </c>
      <c r="OM15" s="345">
        <v>201760961</v>
      </c>
      <c r="ON15" s="345">
        <v>222894909</v>
      </c>
      <c r="OO15" s="345">
        <v>320516966</v>
      </c>
      <c r="OP15" s="345">
        <v>369431859</v>
      </c>
      <c r="OQ15" s="345">
        <v>275653289</v>
      </c>
      <c r="OR15" s="349">
        <v>1390257984</v>
      </c>
      <c r="OS15" s="354">
        <v>1422841986</v>
      </c>
    </row>
    <row r="16" spans="1:409" s="70" customFormat="1" ht="21" customHeight="1" x14ac:dyDescent="0.2">
      <c r="B16" s="410" t="s">
        <v>10</v>
      </c>
      <c r="C16" s="326">
        <v>26504556</v>
      </c>
      <c r="D16" s="327">
        <v>44427169</v>
      </c>
      <c r="E16" s="328">
        <v>70931725</v>
      </c>
      <c r="F16" s="364">
        <v>0</v>
      </c>
      <c r="G16" s="327">
        <v>371621150</v>
      </c>
      <c r="H16" s="327">
        <v>291974517</v>
      </c>
      <c r="I16" s="327">
        <v>270571001</v>
      </c>
      <c r="J16" s="327">
        <v>269667445</v>
      </c>
      <c r="K16" s="327">
        <v>210820311</v>
      </c>
      <c r="L16" s="329">
        <v>1414654424</v>
      </c>
      <c r="M16" s="330">
        <v>1485586149</v>
      </c>
      <c r="N16" s="326">
        <v>6922685</v>
      </c>
      <c r="O16" s="327">
        <v>13620637</v>
      </c>
      <c r="P16" s="328">
        <v>20543322</v>
      </c>
      <c r="Q16" s="326">
        <v>0</v>
      </c>
      <c r="R16" s="327">
        <v>114350741</v>
      </c>
      <c r="S16" s="327">
        <v>95477506</v>
      </c>
      <c r="T16" s="327">
        <v>100847806</v>
      </c>
      <c r="U16" s="327">
        <v>127314585</v>
      </c>
      <c r="V16" s="327">
        <v>113848202</v>
      </c>
      <c r="W16" s="328">
        <v>551838840</v>
      </c>
      <c r="X16" s="330">
        <v>572382162</v>
      </c>
      <c r="Y16" s="326">
        <v>0</v>
      </c>
      <c r="Z16" s="327">
        <v>0</v>
      </c>
      <c r="AA16" s="328">
        <v>0</v>
      </c>
      <c r="AB16" s="326">
        <v>0</v>
      </c>
      <c r="AC16" s="327">
        <v>51705116</v>
      </c>
      <c r="AD16" s="327">
        <v>49490400</v>
      </c>
      <c r="AE16" s="327">
        <v>63480490</v>
      </c>
      <c r="AF16" s="327">
        <v>85198139</v>
      </c>
      <c r="AG16" s="327">
        <v>69524463</v>
      </c>
      <c r="AH16" s="328">
        <v>319398608</v>
      </c>
      <c r="AI16" s="330">
        <v>319398608</v>
      </c>
      <c r="AJ16" s="326">
        <v>0</v>
      </c>
      <c r="AK16" s="327">
        <v>40779</v>
      </c>
      <c r="AL16" s="328">
        <v>40779</v>
      </c>
      <c r="AM16" s="326">
        <v>0</v>
      </c>
      <c r="AN16" s="327">
        <v>430659</v>
      </c>
      <c r="AO16" s="327">
        <v>1178468</v>
      </c>
      <c r="AP16" s="327">
        <v>2156420</v>
      </c>
      <c r="AQ16" s="327">
        <v>5879911</v>
      </c>
      <c r="AR16" s="327">
        <v>11359102</v>
      </c>
      <c r="AS16" s="328">
        <v>21004560</v>
      </c>
      <c r="AT16" s="330">
        <v>21045339</v>
      </c>
      <c r="AU16" s="326">
        <v>3755789</v>
      </c>
      <c r="AV16" s="327">
        <v>8721814</v>
      </c>
      <c r="AW16" s="328">
        <v>12477603</v>
      </c>
      <c r="AX16" s="326">
        <v>0</v>
      </c>
      <c r="AY16" s="327">
        <v>38063784</v>
      </c>
      <c r="AZ16" s="327">
        <v>24868588</v>
      </c>
      <c r="BA16" s="327">
        <v>17083842</v>
      </c>
      <c r="BB16" s="327">
        <v>17895004</v>
      </c>
      <c r="BC16" s="327">
        <v>17610574</v>
      </c>
      <c r="BD16" s="328">
        <v>115521792</v>
      </c>
      <c r="BE16" s="330">
        <v>127999395</v>
      </c>
      <c r="BF16" s="326">
        <v>529954</v>
      </c>
      <c r="BG16" s="327">
        <v>1586650</v>
      </c>
      <c r="BH16" s="331">
        <v>2116604</v>
      </c>
      <c r="BI16" s="332">
        <v>0</v>
      </c>
      <c r="BJ16" s="327">
        <v>3598979</v>
      </c>
      <c r="BK16" s="327">
        <v>3042400</v>
      </c>
      <c r="BL16" s="327">
        <v>2511561</v>
      </c>
      <c r="BM16" s="327">
        <v>1319796</v>
      </c>
      <c r="BN16" s="327">
        <v>1863008</v>
      </c>
      <c r="BO16" s="328">
        <v>12335744</v>
      </c>
      <c r="BP16" s="330">
        <v>14452348</v>
      </c>
      <c r="BQ16" s="326">
        <v>2636942</v>
      </c>
      <c r="BR16" s="327">
        <v>3271394</v>
      </c>
      <c r="BS16" s="328">
        <v>5908336</v>
      </c>
      <c r="BT16" s="326">
        <v>0</v>
      </c>
      <c r="BU16" s="327">
        <v>20552203</v>
      </c>
      <c r="BV16" s="327">
        <v>16897650</v>
      </c>
      <c r="BW16" s="327">
        <v>15615493</v>
      </c>
      <c r="BX16" s="327">
        <v>17021735</v>
      </c>
      <c r="BY16" s="327">
        <v>13491055</v>
      </c>
      <c r="BZ16" s="328">
        <v>83578136</v>
      </c>
      <c r="CA16" s="330">
        <v>89486472</v>
      </c>
      <c r="CB16" s="326">
        <v>973394</v>
      </c>
      <c r="CC16" s="327">
        <v>3797471</v>
      </c>
      <c r="CD16" s="328">
        <v>4770865</v>
      </c>
      <c r="CE16" s="326">
        <v>0</v>
      </c>
      <c r="CF16" s="327">
        <v>109782569</v>
      </c>
      <c r="CG16" s="327">
        <v>75486391</v>
      </c>
      <c r="CH16" s="327">
        <v>55400591</v>
      </c>
      <c r="CI16" s="327">
        <v>35996633</v>
      </c>
      <c r="CJ16" s="327">
        <v>21315868</v>
      </c>
      <c r="CK16" s="328">
        <v>297982052</v>
      </c>
      <c r="CL16" s="330">
        <v>302752917</v>
      </c>
      <c r="CM16" s="326">
        <v>0</v>
      </c>
      <c r="CN16" s="327">
        <v>0</v>
      </c>
      <c r="CO16" s="328">
        <v>0</v>
      </c>
      <c r="CP16" s="332">
        <v>0</v>
      </c>
      <c r="CQ16" s="327">
        <v>95863293</v>
      </c>
      <c r="CR16" s="327">
        <v>62066654</v>
      </c>
      <c r="CS16" s="327">
        <v>45330882</v>
      </c>
      <c r="CT16" s="327">
        <v>30624760</v>
      </c>
      <c r="CU16" s="327">
        <v>18652570</v>
      </c>
      <c r="CV16" s="328">
        <v>252538159</v>
      </c>
      <c r="CW16" s="330">
        <v>252538159</v>
      </c>
      <c r="CX16" s="326">
        <v>973394</v>
      </c>
      <c r="CY16" s="327">
        <v>3797471</v>
      </c>
      <c r="CZ16" s="328">
        <v>4770865</v>
      </c>
      <c r="DA16" s="326">
        <v>0</v>
      </c>
      <c r="DB16" s="327">
        <v>13919276</v>
      </c>
      <c r="DC16" s="327">
        <v>13419737</v>
      </c>
      <c r="DD16" s="327">
        <v>10069709</v>
      </c>
      <c r="DE16" s="327">
        <v>5371873</v>
      </c>
      <c r="DF16" s="327">
        <v>2663298</v>
      </c>
      <c r="DG16" s="328">
        <v>45443893</v>
      </c>
      <c r="DH16" s="330">
        <v>50214758</v>
      </c>
      <c r="DI16" s="326">
        <v>207150</v>
      </c>
      <c r="DJ16" s="327">
        <v>1268193</v>
      </c>
      <c r="DK16" s="331">
        <v>1475343</v>
      </c>
      <c r="DL16" s="332">
        <v>0</v>
      </c>
      <c r="DM16" s="327">
        <v>11944743</v>
      </c>
      <c r="DN16" s="327">
        <v>13155359</v>
      </c>
      <c r="DO16" s="327">
        <v>21140175</v>
      </c>
      <c r="DP16" s="327">
        <v>15826057</v>
      </c>
      <c r="DQ16" s="327">
        <v>10539756</v>
      </c>
      <c r="DR16" s="328">
        <v>72606090</v>
      </c>
      <c r="DS16" s="330">
        <v>74081433</v>
      </c>
      <c r="DT16" s="326">
        <v>207150</v>
      </c>
      <c r="DU16" s="327">
        <v>1224208</v>
      </c>
      <c r="DV16" s="328">
        <v>1431358</v>
      </c>
      <c r="DW16" s="326">
        <v>0</v>
      </c>
      <c r="DX16" s="327">
        <v>11607303</v>
      </c>
      <c r="DY16" s="327">
        <v>12407495</v>
      </c>
      <c r="DZ16" s="327">
        <v>19529409</v>
      </c>
      <c r="EA16" s="327">
        <v>15252728</v>
      </c>
      <c r="EB16" s="327">
        <v>9439435</v>
      </c>
      <c r="EC16" s="328">
        <v>68236370</v>
      </c>
      <c r="ED16" s="330">
        <v>69667728</v>
      </c>
      <c r="EE16" s="326">
        <v>0</v>
      </c>
      <c r="EF16" s="331">
        <v>43985</v>
      </c>
      <c r="EG16" s="328">
        <v>43985</v>
      </c>
      <c r="EH16" s="326">
        <v>0</v>
      </c>
      <c r="EI16" s="327">
        <v>337440</v>
      </c>
      <c r="EJ16" s="327">
        <v>747864</v>
      </c>
      <c r="EK16" s="327">
        <v>1610766</v>
      </c>
      <c r="EL16" s="327">
        <v>573329</v>
      </c>
      <c r="EM16" s="327">
        <v>1100321</v>
      </c>
      <c r="EN16" s="331">
        <v>4369720</v>
      </c>
      <c r="EO16" s="330">
        <v>4413705</v>
      </c>
      <c r="EP16" s="326">
        <v>0</v>
      </c>
      <c r="EQ16" s="327">
        <v>0</v>
      </c>
      <c r="ER16" s="331">
        <v>0</v>
      </c>
      <c r="ES16" s="332">
        <v>0</v>
      </c>
      <c r="ET16" s="327">
        <v>0</v>
      </c>
      <c r="EU16" s="327">
        <v>0</v>
      </c>
      <c r="EV16" s="327">
        <v>0</v>
      </c>
      <c r="EW16" s="327">
        <v>0</v>
      </c>
      <c r="EX16" s="327">
        <v>0</v>
      </c>
      <c r="EY16" s="328">
        <v>0</v>
      </c>
      <c r="EZ16" s="330">
        <v>0</v>
      </c>
      <c r="FA16" s="326">
        <v>0</v>
      </c>
      <c r="FB16" s="327">
        <v>0</v>
      </c>
      <c r="FC16" s="331">
        <v>0</v>
      </c>
      <c r="FD16" s="332">
        <v>0</v>
      </c>
      <c r="FE16" s="327">
        <v>0</v>
      </c>
      <c r="FF16" s="327">
        <v>0</v>
      </c>
      <c r="FG16" s="327">
        <v>0</v>
      </c>
      <c r="FH16" s="327">
        <v>0</v>
      </c>
      <c r="FI16" s="327">
        <v>0</v>
      </c>
      <c r="FJ16" s="328">
        <v>0</v>
      </c>
      <c r="FK16" s="330">
        <v>0</v>
      </c>
      <c r="FL16" s="326">
        <v>7496540</v>
      </c>
      <c r="FM16" s="327">
        <v>10642425</v>
      </c>
      <c r="FN16" s="328">
        <v>18138965</v>
      </c>
      <c r="FO16" s="326">
        <v>0</v>
      </c>
      <c r="FP16" s="327">
        <v>20595148</v>
      </c>
      <c r="FQ16" s="327">
        <v>26157563</v>
      </c>
      <c r="FR16" s="327">
        <v>20278765</v>
      </c>
      <c r="FS16" s="327">
        <v>18711361</v>
      </c>
      <c r="FT16" s="327">
        <v>14904842</v>
      </c>
      <c r="FU16" s="328">
        <v>100647679</v>
      </c>
      <c r="FV16" s="330">
        <v>118786644</v>
      </c>
      <c r="FW16" s="333">
        <v>5228322</v>
      </c>
      <c r="FX16" s="327">
        <v>8695306</v>
      </c>
      <c r="FY16" s="331">
        <v>13923628</v>
      </c>
      <c r="FZ16" s="332">
        <v>0</v>
      </c>
      <c r="GA16" s="327">
        <v>18126363</v>
      </c>
      <c r="GB16" s="327">
        <v>24229911</v>
      </c>
      <c r="GC16" s="327">
        <v>18885621</v>
      </c>
      <c r="GD16" s="327">
        <v>17799086</v>
      </c>
      <c r="GE16" s="327">
        <v>14736722</v>
      </c>
      <c r="GF16" s="328">
        <v>93777703</v>
      </c>
      <c r="GG16" s="334">
        <v>107701331</v>
      </c>
      <c r="GH16" s="333">
        <v>425034</v>
      </c>
      <c r="GI16" s="327">
        <v>739554</v>
      </c>
      <c r="GJ16" s="331">
        <v>1164588</v>
      </c>
      <c r="GK16" s="332">
        <v>0</v>
      </c>
      <c r="GL16" s="327">
        <v>807521</v>
      </c>
      <c r="GM16" s="327">
        <v>942752</v>
      </c>
      <c r="GN16" s="327">
        <v>211707</v>
      </c>
      <c r="GO16" s="327">
        <v>389965</v>
      </c>
      <c r="GP16" s="327">
        <v>136143</v>
      </c>
      <c r="GQ16" s="328">
        <v>2488088</v>
      </c>
      <c r="GR16" s="330">
        <v>3652676</v>
      </c>
      <c r="GS16" s="326">
        <v>1843184</v>
      </c>
      <c r="GT16" s="327">
        <v>1207565</v>
      </c>
      <c r="GU16" s="328">
        <v>3050749</v>
      </c>
      <c r="GV16" s="326">
        <v>0</v>
      </c>
      <c r="GW16" s="327">
        <v>1661264</v>
      </c>
      <c r="GX16" s="327">
        <v>984900</v>
      </c>
      <c r="GY16" s="327">
        <v>1181437</v>
      </c>
      <c r="GZ16" s="327">
        <v>522310</v>
      </c>
      <c r="HA16" s="327">
        <v>31977</v>
      </c>
      <c r="HB16" s="331">
        <v>4381888</v>
      </c>
      <c r="HC16" s="330">
        <v>7432637</v>
      </c>
      <c r="HD16" s="326">
        <v>5016899</v>
      </c>
      <c r="HE16" s="327">
        <v>7538079</v>
      </c>
      <c r="HF16" s="331">
        <v>12554978</v>
      </c>
      <c r="HG16" s="332">
        <v>0</v>
      </c>
      <c r="HH16" s="327">
        <v>56727627</v>
      </c>
      <c r="HI16" s="327">
        <v>50862113</v>
      </c>
      <c r="HJ16" s="327">
        <v>50618317</v>
      </c>
      <c r="HK16" s="327">
        <v>54527986</v>
      </c>
      <c r="HL16" s="327">
        <v>38927653</v>
      </c>
      <c r="HM16" s="328">
        <v>251663696</v>
      </c>
      <c r="HN16" s="329">
        <v>264218674</v>
      </c>
      <c r="HO16" s="333">
        <v>5887888</v>
      </c>
      <c r="HP16" s="327">
        <v>7560364</v>
      </c>
      <c r="HQ16" s="328">
        <v>13448252</v>
      </c>
      <c r="HR16" s="326">
        <v>0</v>
      </c>
      <c r="HS16" s="327">
        <v>58220322</v>
      </c>
      <c r="HT16" s="327">
        <v>30835585</v>
      </c>
      <c r="HU16" s="327">
        <v>22285347</v>
      </c>
      <c r="HV16" s="327">
        <v>17290823</v>
      </c>
      <c r="HW16" s="327">
        <v>11283990</v>
      </c>
      <c r="HX16" s="331">
        <v>139916067</v>
      </c>
      <c r="HY16" s="330">
        <v>153364319</v>
      </c>
      <c r="HZ16" s="358">
        <v>509382</v>
      </c>
      <c r="IA16" s="356">
        <v>1847596</v>
      </c>
      <c r="IB16" s="358">
        <v>2356978</v>
      </c>
      <c r="IC16" s="355">
        <v>0</v>
      </c>
      <c r="ID16" s="356">
        <v>85606179</v>
      </c>
      <c r="IE16" s="357">
        <v>75436033</v>
      </c>
      <c r="IF16" s="358">
        <v>87667317</v>
      </c>
      <c r="IG16" s="356">
        <v>86868636</v>
      </c>
      <c r="IH16" s="358">
        <v>69868296</v>
      </c>
      <c r="II16" s="359">
        <v>405446461</v>
      </c>
      <c r="IJ16" s="358">
        <v>407803439</v>
      </c>
      <c r="IK16" s="342">
        <v>0</v>
      </c>
      <c r="IL16" s="343">
        <v>0</v>
      </c>
      <c r="IM16" s="344">
        <v>0</v>
      </c>
      <c r="IN16" s="404">
        <v>0</v>
      </c>
      <c r="IO16" s="345">
        <v>2655264</v>
      </c>
      <c r="IP16" s="345">
        <v>2150491</v>
      </c>
      <c r="IQ16" s="345">
        <v>2841441</v>
      </c>
      <c r="IR16" s="345">
        <v>3400734</v>
      </c>
      <c r="IS16" s="345">
        <v>3797375</v>
      </c>
      <c r="IT16" s="346">
        <v>14845305</v>
      </c>
      <c r="IU16" s="347">
        <v>14845305</v>
      </c>
      <c r="IV16" s="348">
        <v>0</v>
      </c>
      <c r="IW16" s="345">
        <v>0</v>
      </c>
      <c r="IX16" s="349">
        <v>0</v>
      </c>
      <c r="IY16" s="413">
        <v>0</v>
      </c>
      <c r="IZ16" s="345">
        <v>66945</v>
      </c>
      <c r="JA16" s="345">
        <v>11814</v>
      </c>
      <c r="JB16" s="345">
        <v>98946</v>
      </c>
      <c r="JC16" s="345">
        <v>220697</v>
      </c>
      <c r="JD16" s="345">
        <v>186405</v>
      </c>
      <c r="JE16" s="349">
        <v>584807</v>
      </c>
      <c r="JF16" s="350">
        <v>584807</v>
      </c>
      <c r="JG16" s="348">
        <v>0</v>
      </c>
      <c r="JH16" s="345">
        <v>0</v>
      </c>
      <c r="JI16" s="346">
        <v>0</v>
      </c>
      <c r="JJ16" s="351">
        <v>0</v>
      </c>
      <c r="JK16" s="345">
        <v>26106186</v>
      </c>
      <c r="JL16" s="345">
        <v>15522678</v>
      </c>
      <c r="JM16" s="345">
        <v>10212116</v>
      </c>
      <c r="JN16" s="345">
        <v>5839064</v>
      </c>
      <c r="JO16" s="345">
        <v>1874947</v>
      </c>
      <c r="JP16" s="349">
        <v>59554991</v>
      </c>
      <c r="JQ16" s="347">
        <v>59554991</v>
      </c>
      <c r="JR16" s="348">
        <v>0</v>
      </c>
      <c r="JS16" s="345">
        <v>35449</v>
      </c>
      <c r="JT16" s="346">
        <v>35449</v>
      </c>
      <c r="JU16" s="351">
        <v>0</v>
      </c>
      <c r="JV16" s="345">
        <v>684056</v>
      </c>
      <c r="JW16" s="345">
        <v>1215080</v>
      </c>
      <c r="JX16" s="345">
        <v>3061419</v>
      </c>
      <c r="JY16" s="345">
        <v>1737065</v>
      </c>
      <c r="JZ16" s="345">
        <v>2016315</v>
      </c>
      <c r="KA16" s="349">
        <v>8713935</v>
      </c>
      <c r="KB16" s="347">
        <v>8749384</v>
      </c>
      <c r="KC16" s="352">
        <v>509382</v>
      </c>
      <c r="KD16" s="353">
        <v>1290588</v>
      </c>
      <c r="KE16" s="349">
        <v>1799970</v>
      </c>
      <c r="KF16" s="351">
        <v>0</v>
      </c>
      <c r="KG16" s="345">
        <v>12196491</v>
      </c>
      <c r="KH16" s="345">
        <v>12366496</v>
      </c>
      <c r="KI16" s="345">
        <v>15295833</v>
      </c>
      <c r="KJ16" s="345">
        <v>13417622</v>
      </c>
      <c r="KK16" s="345">
        <v>11910655</v>
      </c>
      <c r="KL16" s="349">
        <v>65187097</v>
      </c>
      <c r="KM16" s="354">
        <v>66987067</v>
      </c>
      <c r="KN16" s="342">
        <v>0</v>
      </c>
      <c r="KO16" s="343">
        <v>521559</v>
      </c>
      <c r="KP16" s="344">
        <v>521559</v>
      </c>
      <c r="KQ16" s="413">
        <v>0</v>
      </c>
      <c r="KR16" s="345">
        <v>32484858</v>
      </c>
      <c r="KS16" s="345">
        <v>32603039</v>
      </c>
      <c r="KT16" s="345">
        <v>36790322</v>
      </c>
      <c r="KU16" s="345">
        <v>25816069</v>
      </c>
      <c r="KV16" s="345">
        <v>23481348</v>
      </c>
      <c r="KW16" s="349">
        <v>151175636</v>
      </c>
      <c r="KX16" s="347">
        <v>151697195</v>
      </c>
      <c r="KY16" s="348">
        <v>0</v>
      </c>
      <c r="KZ16" s="345">
        <v>0</v>
      </c>
      <c r="LA16" s="349">
        <v>0</v>
      </c>
      <c r="LB16" s="413">
        <v>0</v>
      </c>
      <c r="LC16" s="345">
        <v>5621663</v>
      </c>
      <c r="LD16" s="345">
        <v>3668385</v>
      </c>
      <c r="LE16" s="345">
        <v>6430876</v>
      </c>
      <c r="LF16" s="345">
        <v>8741311</v>
      </c>
      <c r="LG16" s="345">
        <v>7242799</v>
      </c>
      <c r="LH16" s="349">
        <v>31705034</v>
      </c>
      <c r="LI16" s="350">
        <v>31705034</v>
      </c>
      <c r="LJ16" s="348">
        <v>0</v>
      </c>
      <c r="LK16" s="345">
        <v>0</v>
      </c>
      <c r="LL16" s="349">
        <v>0</v>
      </c>
      <c r="LM16" s="413">
        <v>0</v>
      </c>
      <c r="LN16" s="345">
        <v>0</v>
      </c>
      <c r="LO16" s="345">
        <v>221685</v>
      </c>
      <c r="LP16" s="345">
        <v>1037068</v>
      </c>
      <c r="LQ16" s="345">
        <v>5739148</v>
      </c>
      <c r="LR16" s="345">
        <v>4761752</v>
      </c>
      <c r="LS16" s="349">
        <v>11759653</v>
      </c>
      <c r="LT16" s="347">
        <v>11759653</v>
      </c>
      <c r="LU16" s="348">
        <v>0</v>
      </c>
      <c r="LV16" s="345">
        <v>0</v>
      </c>
      <c r="LW16" s="349">
        <v>0</v>
      </c>
      <c r="LX16" s="413">
        <v>0</v>
      </c>
      <c r="LY16" s="345">
        <v>5790716</v>
      </c>
      <c r="LZ16" s="345">
        <v>7676365</v>
      </c>
      <c r="MA16" s="345">
        <v>11899296</v>
      </c>
      <c r="MB16" s="345">
        <v>21956926</v>
      </c>
      <c r="MC16" s="345">
        <v>14596700</v>
      </c>
      <c r="MD16" s="349">
        <v>61920003</v>
      </c>
      <c r="ME16" s="350">
        <v>61920003</v>
      </c>
      <c r="MF16" s="348">
        <v>0</v>
      </c>
      <c r="MG16" s="345">
        <v>0</v>
      </c>
      <c r="MH16" s="349">
        <v>0</v>
      </c>
      <c r="MI16" s="413">
        <v>0</v>
      </c>
      <c r="MJ16" s="345">
        <v>26501816</v>
      </c>
      <c r="MK16" s="345">
        <v>42853263</v>
      </c>
      <c r="ML16" s="345">
        <v>126802218</v>
      </c>
      <c r="MM16" s="345">
        <v>257504108</v>
      </c>
      <c r="MN16" s="345">
        <v>172802931</v>
      </c>
      <c r="MO16" s="349">
        <v>626464336</v>
      </c>
      <c r="MP16" s="354">
        <v>626464336</v>
      </c>
      <c r="MQ16" s="348">
        <v>0</v>
      </c>
      <c r="MR16" s="345">
        <v>0</v>
      </c>
      <c r="MS16" s="349">
        <v>0</v>
      </c>
      <c r="MT16" s="413">
        <v>0</v>
      </c>
      <c r="MU16" s="345">
        <v>3811078</v>
      </c>
      <c r="MV16" s="345">
        <v>11486323</v>
      </c>
      <c r="MW16" s="345">
        <v>88043915</v>
      </c>
      <c r="MX16" s="345">
        <v>184965615</v>
      </c>
      <c r="MY16" s="345">
        <v>128138851</v>
      </c>
      <c r="MZ16" s="349">
        <v>416445782</v>
      </c>
      <c r="NA16" s="354">
        <v>416445782</v>
      </c>
      <c r="NB16" s="348">
        <v>0</v>
      </c>
      <c r="NC16" s="345">
        <v>0</v>
      </c>
      <c r="ND16" s="349">
        <v>0</v>
      </c>
      <c r="NE16" s="413">
        <v>0</v>
      </c>
      <c r="NF16" s="345">
        <v>22690738</v>
      </c>
      <c r="NG16" s="345">
        <v>31366940</v>
      </c>
      <c r="NH16" s="345">
        <v>38095442</v>
      </c>
      <c r="NI16" s="345">
        <v>70289346</v>
      </c>
      <c r="NJ16" s="345">
        <v>33835980</v>
      </c>
      <c r="NK16" s="349">
        <v>196278446</v>
      </c>
      <c r="NL16" s="347">
        <v>196278446</v>
      </c>
      <c r="NM16" s="348">
        <v>0</v>
      </c>
      <c r="NN16" s="345">
        <v>0</v>
      </c>
      <c r="NO16" s="349">
        <v>0</v>
      </c>
      <c r="NP16" s="413">
        <v>0</v>
      </c>
      <c r="NQ16" s="345">
        <v>0</v>
      </c>
      <c r="NR16" s="345">
        <v>0</v>
      </c>
      <c r="NS16" s="345">
        <v>0</v>
      </c>
      <c r="NT16" s="345">
        <v>0</v>
      </c>
      <c r="NU16" s="345">
        <v>0</v>
      </c>
      <c r="NV16" s="349">
        <v>0</v>
      </c>
      <c r="NW16" s="350">
        <v>0</v>
      </c>
      <c r="NX16" s="348">
        <v>0</v>
      </c>
      <c r="NY16" s="345">
        <v>0</v>
      </c>
      <c r="NZ16" s="349">
        <v>0</v>
      </c>
      <c r="OA16" s="413">
        <v>0</v>
      </c>
      <c r="OB16" s="345">
        <v>0</v>
      </c>
      <c r="OC16" s="345">
        <v>0</v>
      </c>
      <c r="OD16" s="345">
        <v>662861</v>
      </c>
      <c r="OE16" s="345">
        <v>2249147</v>
      </c>
      <c r="OF16" s="345">
        <v>10828100</v>
      </c>
      <c r="OG16" s="349">
        <v>13740108</v>
      </c>
      <c r="OH16" s="350">
        <v>13740108</v>
      </c>
      <c r="OI16" s="348">
        <v>27013938</v>
      </c>
      <c r="OJ16" s="345">
        <v>46274765</v>
      </c>
      <c r="OK16" s="346">
        <v>73288703</v>
      </c>
      <c r="OL16" s="351">
        <v>0</v>
      </c>
      <c r="OM16" s="345">
        <v>483729145</v>
      </c>
      <c r="ON16" s="345">
        <v>410263813</v>
      </c>
      <c r="OO16" s="345">
        <v>485040536</v>
      </c>
      <c r="OP16" s="345">
        <v>614040189</v>
      </c>
      <c r="OQ16" s="345">
        <v>453491538</v>
      </c>
      <c r="OR16" s="349">
        <v>2446565221</v>
      </c>
      <c r="OS16" s="354">
        <v>2519853924</v>
      </c>
    </row>
    <row r="17" spans="2:409" s="70" customFormat="1" ht="21" customHeight="1" x14ac:dyDescent="0.2">
      <c r="B17" s="410" t="s">
        <v>11</v>
      </c>
      <c r="C17" s="326">
        <v>13629511</v>
      </c>
      <c r="D17" s="327">
        <v>19025005</v>
      </c>
      <c r="E17" s="365">
        <v>32654516</v>
      </c>
      <c r="F17" s="332">
        <v>0</v>
      </c>
      <c r="G17" s="327">
        <v>155841340</v>
      </c>
      <c r="H17" s="327">
        <v>153474579</v>
      </c>
      <c r="I17" s="327">
        <v>147367314</v>
      </c>
      <c r="J17" s="327">
        <v>144268784</v>
      </c>
      <c r="K17" s="327">
        <v>111293590</v>
      </c>
      <c r="L17" s="329">
        <v>712245607</v>
      </c>
      <c r="M17" s="330">
        <v>744900123</v>
      </c>
      <c r="N17" s="326">
        <v>1772394</v>
      </c>
      <c r="O17" s="327">
        <v>3777745</v>
      </c>
      <c r="P17" s="328">
        <v>5550139</v>
      </c>
      <c r="Q17" s="326">
        <v>0</v>
      </c>
      <c r="R17" s="327">
        <v>37840725</v>
      </c>
      <c r="S17" s="327">
        <v>42302508</v>
      </c>
      <c r="T17" s="327">
        <v>46510067</v>
      </c>
      <c r="U17" s="327">
        <v>48751158</v>
      </c>
      <c r="V17" s="327">
        <v>54764127</v>
      </c>
      <c r="W17" s="328">
        <v>230168585</v>
      </c>
      <c r="X17" s="330">
        <v>235718724</v>
      </c>
      <c r="Y17" s="326">
        <v>0</v>
      </c>
      <c r="Z17" s="327">
        <v>0</v>
      </c>
      <c r="AA17" s="328">
        <v>0</v>
      </c>
      <c r="AB17" s="326">
        <v>0</v>
      </c>
      <c r="AC17" s="327">
        <v>18198110</v>
      </c>
      <c r="AD17" s="327">
        <v>23247982</v>
      </c>
      <c r="AE17" s="327">
        <v>27860876</v>
      </c>
      <c r="AF17" s="327">
        <v>28651020</v>
      </c>
      <c r="AG17" s="327">
        <v>32220417</v>
      </c>
      <c r="AH17" s="328">
        <v>130178405</v>
      </c>
      <c r="AI17" s="330">
        <v>130178405</v>
      </c>
      <c r="AJ17" s="326">
        <v>0</v>
      </c>
      <c r="AK17" s="327">
        <v>0</v>
      </c>
      <c r="AL17" s="328">
        <v>0</v>
      </c>
      <c r="AM17" s="326">
        <v>0</v>
      </c>
      <c r="AN17" s="327">
        <v>188399</v>
      </c>
      <c r="AO17" s="327">
        <v>673871</v>
      </c>
      <c r="AP17" s="327">
        <v>1245545</v>
      </c>
      <c r="AQ17" s="327">
        <v>3419127</v>
      </c>
      <c r="AR17" s="327">
        <v>6525222</v>
      </c>
      <c r="AS17" s="328">
        <v>12052164</v>
      </c>
      <c r="AT17" s="330">
        <v>12052164</v>
      </c>
      <c r="AU17" s="326">
        <v>1167514</v>
      </c>
      <c r="AV17" s="327">
        <v>2995064</v>
      </c>
      <c r="AW17" s="328">
        <v>4162578</v>
      </c>
      <c r="AX17" s="326">
        <v>0</v>
      </c>
      <c r="AY17" s="327">
        <v>12938972</v>
      </c>
      <c r="AZ17" s="327">
        <v>10944700</v>
      </c>
      <c r="BA17" s="327">
        <v>9658274</v>
      </c>
      <c r="BB17" s="327">
        <v>9616705</v>
      </c>
      <c r="BC17" s="327">
        <v>10667008</v>
      </c>
      <c r="BD17" s="328">
        <v>53825659</v>
      </c>
      <c r="BE17" s="330">
        <v>57988237</v>
      </c>
      <c r="BF17" s="326">
        <v>56866</v>
      </c>
      <c r="BG17" s="327">
        <v>170650</v>
      </c>
      <c r="BH17" s="331">
        <v>227516</v>
      </c>
      <c r="BI17" s="332">
        <v>0</v>
      </c>
      <c r="BJ17" s="327">
        <v>828601</v>
      </c>
      <c r="BK17" s="327">
        <v>681491</v>
      </c>
      <c r="BL17" s="327">
        <v>1109640</v>
      </c>
      <c r="BM17" s="327">
        <v>486015</v>
      </c>
      <c r="BN17" s="327">
        <v>365054</v>
      </c>
      <c r="BO17" s="328">
        <v>3470801</v>
      </c>
      <c r="BP17" s="330">
        <v>3698317</v>
      </c>
      <c r="BQ17" s="326">
        <v>548014</v>
      </c>
      <c r="BR17" s="327">
        <v>612031</v>
      </c>
      <c r="BS17" s="328">
        <v>1160045</v>
      </c>
      <c r="BT17" s="326">
        <v>0</v>
      </c>
      <c r="BU17" s="327">
        <v>5686643</v>
      </c>
      <c r="BV17" s="327">
        <v>6754464</v>
      </c>
      <c r="BW17" s="327">
        <v>6635732</v>
      </c>
      <c r="BX17" s="327">
        <v>6578291</v>
      </c>
      <c r="BY17" s="327">
        <v>4986426</v>
      </c>
      <c r="BZ17" s="328">
        <v>30641556</v>
      </c>
      <c r="CA17" s="330">
        <v>31801601</v>
      </c>
      <c r="CB17" s="326">
        <v>2916938</v>
      </c>
      <c r="CC17" s="327">
        <v>4089504</v>
      </c>
      <c r="CD17" s="328">
        <v>7006442</v>
      </c>
      <c r="CE17" s="326">
        <v>0</v>
      </c>
      <c r="CF17" s="327">
        <v>45434857</v>
      </c>
      <c r="CG17" s="327">
        <v>41480714</v>
      </c>
      <c r="CH17" s="327">
        <v>34762873</v>
      </c>
      <c r="CI17" s="327">
        <v>26595109</v>
      </c>
      <c r="CJ17" s="327">
        <v>13053204</v>
      </c>
      <c r="CK17" s="328">
        <v>161326757</v>
      </c>
      <c r="CL17" s="330">
        <v>168333199</v>
      </c>
      <c r="CM17" s="326">
        <v>0</v>
      </c>
      <c r="CN17" s="327">
        <v>0</v>
      </c>
      <c r="CO17" s="328">
        <v>0</v>
      </c>
      <c r="CP17" s="332">
        <v>0</v>
      </c>
      <c r="CQ17" s="327">
        <v>35687680</v>
      </c>
      <c r="CR17" s="327">
        <v>32986577</v>
      </c>
      <c r="CS17" s="327">
        <v>29101036</v>
      </c>
      <c r="CT17" s="327">
        <v>20785826</v>
      </c>
      <c r="CU17" s="327">
        <v>10568567</v>
      </c>
      <c r="CV17" s="328">
        <v>129129686</v>
      </c>
      <c r="CW17" s="330">
        <v>129129686</v>
      </c>
      <c r="CX17" s="326">
        <v>2916938</v>
      </c>
      <c r="CY17" s="327">
        <v>4089504</v>
      </c>
      <c r="CZ17" s="328">
        <v>7006442</v>
      </c>
      <c r="DA17" s="326">
        <v>0</v>
      </c>
      <c r="DB17" s="327">
        <v>9747177</v>
      </c>
      <c r="DC17" s="327">
        <v>8494137</v>
      </c>
      <c r="DD17" s="327">
        <v>5661837</v>
      </c>
      <c r="DE17" s="327">
        <v>5809283</v>
      </c>
      <c r="DF17" s="327">
        <v>2484637</v>
      </c>
      <c r="DG17" s="328">
        <v>32197071</v>
      </c>
      <c r="DH17" s="330">
        <v>39203513</v>
      </c>
      <c r="DI17" s="326">
        <v>162360</v>
      </c>
      <c r="DJ17" s="327">
        <v>522614</v>
      </c>
      <c r="DK17" s="331">
        <v>684974</v>
      </c>
      <c r="DL17" s="332">
        <v>0</v>
      </c>
      <c r="DM17" s="327">
        <v>3945495</v>
      </c>
      <c r="DN17" s="327">
        <v>8523683</v>
      </c>
      <c r="DO17" s="327">
        <v>12279567</v>
      </c>
      <c r="DP17" s="327">
        <v>10727842</v>
      </c>
      <c r="DQ17" s="327">
        <v>7343488</v>
      </c>
      <c r="DR17" s="328">
        <v>42820075</v>
      </c>
      <c r="DS17" s="330">
        <v>43505049</v>
      </c>
      <c r="DT17" s="326">
        <v>162360</v>
      </c>
      <c r="DU17" s="327">
        <v>311345</v>
      </c>
      <c r="DV17" s="328">
        <v>473705</v>
      </c>
      <c r="DW17" s="326">
        <v>0</v>
      </c>
      <c r="DX17" s="327">
        <v>3498989</v>
      </c>
      <c r="DY17" s="327">
        <v>8133981</v>
      </c>
      <c r="DZ17" s="327">
        <v>11277936</v>
      </c>
      <c r="EA17" s="327">
        <v>9962374</v>
      </c>
      <c r="EB17" s="327">
        <v>6475875</v>
      </c>
      <c r="EC17" s="328">
        <v>39349155</v>
      </c>
      <c r="ED17" s="330">
        <v>39822860</v>
      </c>
      <c r="EE17" s="326">
        <v>0</v>
      </c>
      <c r="EF17" s="331">
        <v>211269</v>
      </c>
      <c r="EG17" s="328">
        <v>211269</v>
      </c>
      <c r="EH17" s="326">
        <v>0</v>
      </c>
      <c r="EI17" s="327">
        <v>446506</v>
      </c>
      <c r="EJ17" s="327">
        <v>389702</v>
      </c>
      <c r="EK17" s="327">
        <v>1001631</v>
      </c>
      <c r="EL17" s="327">
        <v>765468</v>
      </c>
      <c r="EM17" s="327">
        <v>867613</v>
      </c>
      <c r="EN17" s="331">
        <v>3470920</v>
      </c>
      <c r="EO17" s="330">
        <v>3682189</v>
      </c>
      <c r="EP17" s="326">
        <v>0</v>
      </c>
      <c r="EQ17" s="327">
        <v>0</v>
      </c>
      <c r="ER17" s="331">
        <v>0</v>
      </c>
      <c r="ES17" s="332">
        <v>0</v>
      </c>
      <c r="ET17" s="327">
        <v>0</v>
      </c>
      <c r="EU17" s="327">
        <v>0</v>
      </c>
      <c r="EV17" s="327">
        <v>0</v>
      </c>
      <c r="EW17" s="327">
        <v>0</v>
      </c>
      <c r="EX17" s="327">
        <v>0</v>
      </c>
      <c r="EY17" s="328">
        <v>0</v>
      </c>
      <c r="EZ17" s="330">
        <v>0</v>
      </c>
      <c r="FA17" s="326">
        <v>0</v>
      </c>
      <c r="FB17" s="327">
        <v>0</v>
      </c>
      <c r="FC17" s="331">
        <v>0</v>
      </c>
      <c r="FD17" s="332">
        <v>0</v>
      </c>
      <c r="FE17" s="327">
        <v>0</v>
      </c>
      <c r="FF17" s="327">
        <v>0</v>
      </c>
      <c r="FG17" s="327">
        <v>0</v>
      </c>
      <c r="FH17" s="327">
        <v>0</v>
      </c>
      <c r="FI17" s="327">
        <v>0</v>
      </c>
      <c r="FJ17" s="328">
        <v>0</v>
      </c>
      <c r="FK17" s="330">
        <v>0</v>
      </c>
      <c r="FL17" s="326">
        <v>3529641</v>
      </c>
      <c r="FM17" s="327">
        <v>4389162</v>
      </c>
      <c r="FN17" s="328">
        <v>7918803</v>
      </c>
      <c r="FO17" s="326">
        <v>0</v>
      </c>
      <c r="FP17" s="327">
        <v>8330537</v>
      </c>
      <c r="FQ17" s="327">
        <v>12870250</v>
      </c>
      <c r="FR17" s="327">
        <v>11568599</v>
      </c>
      <c r="FS17" s="327">
        <v>9843505</v>
      </c>
      <c r="FT17" s="327">
        <v>8031220</v>
      </c>
      <c r="FU17" s="328">
        <v>50644111</v>
      </c>
      <c r="FV17" s="330">
        <v>58562914</v>
      </c>
      <c r="FW17" s="333">
        <v>2280758</v>
      </c>
      <c r="FX17" s="327">
        <v>3520040</v>
      </c>
      <c r="FY17" s="331">
        <v>5800798</v>
      </c>
      <c r="FZ17" s="332">
        <v>0</v>
      </c>
      <c r="GA17" s="327">
        <v>7000632</v>
      </c>
      <c r="GB17" s="327">
        <v>11751438</v>
      </c>
      <c r="GC17" s="327">
        <v>10484365</v>
      </c>
      <c r="GD17" s="327">
        <v>9435537</v>
      </c>
      <c r="GE17" s="327">
        <v>7784068</v>
      </c>
      <c r="GF17" s="328">
        <v>46456040</v>
      </c>
      <c r="GG17" s="334">
        <v>52256838</v>
      </c>
      <c r="GH17" s="333">
        <v>302661</v>
      </c>
      <c r="GI17" s="327">
        <v>283076</v>
      </c>
      <c r="GJ17" s="331">
        <v>585737</v>
      </c>
      <c r="GK17" s="332">
        <v>0</v>
      </c>
      <c r="GL17" s="327">
        <v>428135</v>
      </c>
      <c r="GM17" s="327">
        <v>357472</v>
      </c>
      <c r="GN17" s="327">
        <v>492416</v>
      </c>
      <c r="GO17" s="327">
        <v>142074</v>
      </c>
      <c r="GP17" s="327">
        <v>203592</v>
      </c>
      <c r="GQ17" s="328">
        <v>1623689</v>
      </c>
      <c r="GR17" s="330">
        <v>2209426</v>
      </c>
      <c r="GS17" s="326">
        <v>946222</v>
      </c>
      <c r="GT17" s="327">
        <v>586046</v>
      </c>
      <c r="GU17" s="328">
        <v>1532268</v>
      </c>
      <c r="GV17" s="326">
        <v>0</v>
      </c>
      <c r="GW17" s="327">
        <v>901770</v>
      </c>
      <c r="GX17" s="327">
        <v>761340</v>
      </c>
      <c r="GY17" s="327">
        <v>591818</v>
      </c>
      <c r="GZ17" s="327">
        <v>265894</v>
      </c>
      <c r="HA17" s="327">
        <v>43560</v>
      </c>
      <c r="HB17" s="331">
        <v>2564382</v>
      </c>
      <c r="HC17" s="330">
        <v>4096650</v>
      </c>
      <c r="HD17" s="326">
        <v>2552725</v>
      </c>
      <c r="HE17" s="327">
        <v>3127350</v>
      </c>
      <c r="HF17" s="331">
        <v>5680075</v>
      </c>
      <c r="HG17" s="332">
        <v>0</v>
      </c>
      <c r="HH17" s="327">
        <v>32639418</v>
      </c>
      <c r="HI17" s="327">
        <v>29816543</v>
      </c>
      <c r="HJ17" s="327">
        <v>27296340</v>
      </c>
      <c r="HK17" s="327">
        <v>37945118</v>
      </c>
      <c r="HL17" s="327">
        <v>21645576</v>
      </c>
      <c r="HM17" s="328">
        <v>149342995</v>
      </c>
      <c r="HN17" s="329">
        <v>155023070</v>
      </c>
      <c r="HO17" s="333">
        <v>2695453</v>
      </c>
      <c r="HP17" s="327">
        <v>3118630</v>
      </c>
      <c r="HQ17" s="328">
        <v>5814083</v>
      </c>
      <c r="HR17" s="326">
        <v>0</v>
      </c>
      <c r="HS17" s="327">
        <v>27650308</v>
      </c>
      <c r="HT17" s="327">
        <v>18480881</v>
      </c>
      <c r="HU17" s="327">
        <v>14949868</v>
      </c>
      <c r="HV17" s="327">
        <v>10406052</v>
      </c>
      <c r="HW17" s="327">
        <v>6455975</v>
      </c>
      <c r="HX17" s="331">
        <v>77943084</v>
      </c>
      <c r="HY17" s="330">
        <v>83757167</v>
      </c>
      <c r="HZ17" s="335">
        <v>106209</v>
      </c>
      <c r="IA17" s="336">
        <v>1749431</v>
      </c>
      <c r="IB17" s="337">
        <v>1855640</v>
      </c>
      <c r="IC17" s="338">
        <v>0</v>
      </c>
      <c r="ID17" s="336">
        <v>52370943</v>
      </c>
      <c r="IE17" s="339">
        <v>57859395</v>
      </c>
      <c r="IF17" s="337">
        <v>59239477</v>
      </c>
      <c r="IG17" s="336">
        <v>40610049</v>
      </c>
      <c r="IH17" s="337">
        <v>18334884</v>
      </c>
      <c r="II17" s="340">
        <v>228414748</v>
      </c>
      <c r="IJ17" s="341">
        <v>230270388</v>
      </c>
      <c r="IK17" s="342">
        <v>0</v>
      </c>
      <c r="IL17" s="343">
        <v>0</v>
      </c>
      <c r="IM17" s="344">
        <v>0</v>
      </c>
      <c r="IN17" s="404">
        <v>0</v>
      </c>
      <c r="IO17" s="345">
        <v>941319</v>
      </c>
      <c r="IP17" s="345">
        <v>1635491</v>
      </c>
      <c r="IQ17" s="345">
        <v>1787791</v>
      </c>
      <c r="IR17" s="345">
        <v>1750494</v>
      </c>
      <c r="IS17" s="345">
        <v>2455888</v>
      </c>
      <c r="IT17" s="346">
        <v>8570983</v>
      </c>
      <c r="IU17" s="347">
        <v>8570983</v>
      </c>
      <c r="IV17" s="348">
        <v>0</v>
      </c>
      <c r="IW17" s="345">
        <v>0</v>
      </c>
      <c r="IX17" s="349">
        <v>0</v>
      </c>
      <c r="IY17" s="413">
        <v>0</v>
      </c>
      <c r="IZ17" s="345">
        <v>162421</v>
      </c>
      <c r="JA17" s="345">
        <v>126957</v>
      </c>
      <c r="JB17" s="345">
        <v>56535</v>
      </c>
      <c r="JC17" s="345">
        <v>315944</v>
      </c>
      <c r="JD17" s="345">
        <v>212250</v>
      </c>
      <c r="JE17" s="349">
        <v>874107</v>
      </c>
      <c r="JF17" s="350">
        <v>874107</v>
      </c>
      <c r="JG17" s="348">
        <v>0</v>
      </c>
      <c r="JH17" s="345">
        <v>0</v>
      </c>
      <c r="JI17" s="346">
        <v>0</v>
      </c>
      <c r="JJ17" s="351">
        <v>0</v>
      </c>
      <c r="JK17" s="345">
        <v>26305433</v>
      </c>
      <c r="JL17" s="345">
        <v>22556604</v>
      </c>
      <c r="JM17" s="345">
        <v>18543765</v>
      </c>
      <c r="JN17" s="345">
        <v>9711326</v>
      </c>
      <c r="JO17" s="345">
        <v>3757894</v>
      </c>
      <c r="JP17" s="349">
        <v>80875022</v>
      </c>
      <c r="JQ17" s="347">
        <v>80875022</v>
      </c>
      <c r="JR17" s="348">
        <v>0</v>
      </c>
      <c r="JS17" s="345">
        <v>0</v>
      </c>
      <c r="JT17" s="346">
        <v>0</v>
      </c>
      <c r="JU17" s="351">
        <v>0</v>
      </c>
      <c r="JV17" s="345">
        <v>2018152</v>
      </c>
      <c r="JW17" s="345">
        <v>1679520</v>
      </c>
      <c r="JX17" s="345">
        <v>1405467</v>
      </c>
      <c r="JY17" s="345">
        <v>529077</v>
      </c>
      <c r="JZ17" s="345">
        <v>369182</v>
      </c>
      <c r="KA17" s="349">
        <v>6001398</v>
      </c>
      <c r="KB17" s="347">
        <v>6001398</v>
      </c>
      <c r="KC17" s="352">
        <v>106209</v>
      </c>
      <c r="KD17" s="353">
        <v>423079</v>
      </c>
      <c r="KE17" s="349">
        <v>529288</v>
      </c>
      <c r="KF17" s="351">
        <v>0</v>
      </c>
      <c r="KG17" s="345">
        <v>5726644</v>
      </c>
      <c r="KH17" s="345">
        <v>8179998</v>
      </c>
      <c r="KI17" s="345">
        <v>9419456</v>
      </c>
      <c r="KJ17" s="345">
        <v>7659721</v>
      </c>
      <c r="KK17" s="345">
        <v>2568011</v>
      </c>
      <c r="KL17" s="349">
        <v>33553830</v>
      </c>
      <c r="KM17" s="354">
        <v>34083118</v>
      </c>
      <c r="KN17" s="342">
        <v>0</v>
      </c>
      <c r="KO17" s="343">
        <v>1326352</v>
      </c>
      <c r="KP17" s="344">
        <v>1326352</v>
      </c>
      <c r="KQ17" s="413">
        <v>0</v>
      </c>
      <c r="KR17" s="345">
        <v>15059022</v>
      </c>
      <c r="KS17" s="345">
        <v>21983819</v>
      </c>
      <c r="KT17" s="345">
        <v>25328645</v>
      </c>
      <c r="KU17" s="345">
        <v>17888593</v>
      </c>
      <c r="KV17" s="345">
        <v>6259936</v>
      </c>
      <c r="KW17" s="349">
        <v>86520015</v>
      </c>
      <c r="KX17" s="347">
        <v>87846367</v>
      </c>
      <c r="KY17" s="348">
        <v>0</v>
      </c>
      <c r="KZ17" s="345">
        <v>0</v>
      </c>
      <c r="LA17" s="349">
        <v>0</v>
      </c>
      <c r="LB17" s="413">
        <v>0</v>
      </c>
      <c r="LC17" s="345">
        <v>0</v>
      </c>
      <c r="LD17" s="345">
        <v>0</v>
      </c>
      <c r="LE17" s="345">
        <v>0</v>
      </c>
      <c r="LF17" s="345">
        <v>0</v>
      </c>
      <c r="LG17" s="345">
        <v>0</v>
      </c>
      <c r="LH17" s="349">
        <v>0</v>
      </c>
      <c r="LI17" s="350">
        <v>0</v>
      </c>
      <c r="LJ17" s="348">
        <v>0</v>
      </c>
      <c r="LK17" s="345">
        <v>0</v>
      </c>
      <c r="LL17" s="349">
        <v>0</v>
      </c>
      <c r="LM17" s="413">
        <v>0</v>
      </c>
      <c r="LN17" s="345">
        <v>0</v>
      </c>
      <c r="LO17" s="345">
        <v>0</v>
      </c>
      <c r="LP17" s="345">
        <v>0</v>
      </c>
      <c r="LQ17" s="345">
        <v>311256</v>
      </c>
      <c r="LR17" s="345">
        <v>0</v>
      </c>
      <c r="LS17" s="349">
        <v>311256</v>
      </c>
      <c r="LT17" s="347">
        <v>311256</v>
      </c>
      <c r="LU17" s="348">
        <v>0</v>
      </c>
      <c r="LV17" s="345">
        <v>0</v>
      </c>
      <c r="LW17" s="349">
        <v>0</v>
      </c>
      <c r="LX17" s="413">
        <v>0</v>
      </c>
      <c r="LY17" s="345">
        <v>2157952</v>
      </c>
      <c r="LZ17" s="345">
        <v>1697006</v>
      </c>
      <c r="MA17" s="345">
        <v>2697818</v>
      </c>
      <c r="MB17" s="345">
        <v>2443638</v>
      </c>
      <c r="MC17" s="345">
        <v>2711723</v>
      </c>
      <c r="MD17" s="349">
        <v>11708137</v>
      </c>
      <c r="ME17" s="350">
        <v>11708137</v>
      </c>
      <c r="MF17" s="348">
        <v>0</v>
      </c>
      <c r="MG17" s="345">
        <v>0</v>
      </c>
      <c r="MH17" s="349">
        <v>0</v>
      </c>
      <c r="MI17" s="413">
        <v>0</v>
      </c>
      <c r="MJ17" s="345">
        <v>11271246</v>
      </c>
      <c r="MK17" s="345">
        <v>29652835</v>
      </c>
      <c r="ML17" s="345">
        <v>97251843</v>
      </c>
      <c r="MM17" s="345">
        <v>169917506</v>
      </c>
      <c r="MN17" s="345">
        <v>111752529</v>
      </c>
      <c r="MO17" s="349">
        <v>419845959</v>
      </c>
      <c r="MP17" s="354">
        <v>419845959</v>
      </c>
      <c r="MQ17" s="348">
        <v>0</v>
      </c>
      <c r="MR17" s="345">
        <v>0</v>
      </c>
      <c r="MS17" s="349">
        <v>0</v>
      </c>
      <c r="MT17" s="413">
        <v>0</v>
      </c>
      <c r="MU17" s="345">
        <v>455616</v>
      </c>
      <c r="MV17" s="345">
        <v>1414613</v>
      </c>
      <c r="MW17" s="345">
        <v>52051377</v>
      </c>
      <c r="MX17" s="345">
        <v>111995444</v>
      </c>
      <c r="MY17" s="345">
        <v>66089937</v>
      </c>
      <c r="MZ17" s="349">
        <v>232006987</v>
      </c>
      <c r="NA17" s="354">
        <v>232006987</v>
      </c>
      <c r="NB17" s="348">
        <v>0</v>
      </c>
      <c r="NC17" s="345">
        <v>0</v>
      </c>
      <c r="ND17" s="349">
        <v>0</v>
      </c>
      <c r="NE17" s="413">
        <v>0</v>
      </c>
      <c r="NF17" s="345">
        <v>10483170</v>
      </c>
      <c r="NG17" s="345">
        <v>26337242</v>
      </c>
      <c r="NH17" s="345">
        <v>42880616</v>
      </c>
      <c r="NI17" s="345">
        <v>54262680</v>
      </c>
      <c r="NJ17" s="345">
        <v>30290008</v>
      </c>
      <c r="NK17" s="349">
        <v>164253716</v>
      </c>
      <c r="NL17" s="347">
        <v>164253716</v>
      </c>
      <c r="NM17" s="348">
        <v>0</v>
      </c>
      <c r="NN17" s="345">
        <v>0</v>
      </c>
      <c r="NO17" s="349">
        <v>0</v>
      </c>
      <c r="NP17" s="413">
        <v>0</v>
      </c>
      <c r="NQ17" s="345">
        <v>0</v>
      </c>
      <c r="NR17" s="345">
        <v>0</v>
      </c>
      <c r="NS17" s="345">
        <v>0</v>
      </c>
      <c r="NT17" s="345">
        <v>0</v>
      </c>
      <c r="NU17" s="345">
        <v>0</v>
      </c>
      <c r="NV17" s="349">
        <v>0</v>
      </c>
      <c r="NW17" s="350">
        <v>0</v>
      </c>
      <c r="NX17" s="348">
        <v>0</v>
      </c>
      <c r="NY17" s="345">
        <v>0</v>
      </c>
      <c r="NZ17" s="349">
        <v>0</v>
      </c>
      <c r="OA17" s="413">
        <v>0</v>
      </c>
      <c r="OB17" s="345">
        <v>332460</v>
      </c>
      <c r="OC17" s="345">
        <v>1900980</v>
      </c>
      <c r="OD17" s="345">
        <v>2319850</v>
      </c>
      <c r="OE17" s="345">
        <v>3659382</v>
      </c>
      <c r="OF17" s="345">
        <v>15372584</v>
      </c>
      <c r="OG17" s="349">
        <v>23585256</v>
      </c>
      <c r="OH17" s="350">
        <v>23585256</v>
      </c>
      <c r="OI17" s="348">
        <v>13735720</v>
      </c>
      <c r="OJ17" s="345">
        <v>20774436</v>
      </c>
      <c r="OK17" s="346">
        <v>34510156</v>
      </c>
      <c r="OL17" s="351">
        <v>0</v>
      </c>
      <c r="OM17" s="345">
        <v>219483529</v>
      </c>
      <c r="ON17" s="345">
        <v>240986809</v>
      </c>
      <c r="OO17" s="345">
        <v>303858634</v>
      </c>
      <c r="OP17" s="345">
        <v>354796339</v>
      </c>
      <c r="OQ17" s="345">
        <v>241381003</v>
      </c>
      <c r="OR17" s="349">
        <v>1360506314</v>
      </c>
      <c r="OS17" s="354">
        <v>1395016470</v>
      </c>
    </row>
    <row r="18" spans="2:409" s="70" customFormat="1" ht="21" customHeight="1" x14ac:dyDescent="0.2">
      <c r="B18" s="410" t="s">
        <v>12</v>
      </c>
      <c r="C18" s="326">
        <v>16305637</v>
      </c>
      <c r="D18" s="327">
        <v>36803929</v>
      </c>
      <c r="E18" s="328">
        <v>53109566</v>
      </c>
      <c r="F18" s="329">
        <v>0</v>
      </c>
      <c r="G18" s="327">
        <v>146839557</v>
      </c>
      <c r="H18" s="366">
        <v>183930800</v>
      </c>
      <c r="I18" s="366">
        <v>153755176</v>
      </c>
      <c r="J18" s="366">
        <v>167896548</v>
      </c>
      <c r="K18" s="366">
        <v>107800229</v>
      </c>
      <c r="L18" s="331">
        <v>760222310</v>
      </c>
      <c r="M18" s="330">
        <v>813331876</v>
      </c>
      <c r="N18" s="326">
        <v>4120663</v>
      </c>
      <c r="O18" s="327">
        <v>11399376</v>
      </c>
      <c r="P18" s="328">
        <v>15520039</v>
      </c>
      <c r="Q18" s="326">
        <v>0</v>
      </c>
      <c r="R18" s="327">
        <v>42862103</v>
      </c>
      <c r="S18" s="327">
        <v>60079108</v>
      </c>
      <c r="T18" s="327">
        <v>49573396</v>
      </c>
      <c r="U18" s="327">
        <v>67613132</v>
      </c>
      <c r="V18" s="327">
        <v>56794273</v>
      </c>
      <c r="W18" s="328">
        <v>276922012</v>
      </c>
      <c r="X18" s="330">
        <v>292442051</v>
      </c>
      <c r="Y18" s="326">
        <v>0</v>
      </c>
      <c r="Z18" s="327">
        <v>0</v>
      </c>
      <c r="AA18" s="328">
        <v>0</v>
      </c>
      <c r="AB18" s="326">
        <v>0</v>
      </c>
      <c r="AC18" s="327">
        <v>23794426</v>
      </c>
      <c r="AD18" s="327">
        <v>31868999</v>
      </c>
      <c r="AE18" s="327">
        <v>31136166</v>
      </c>
      <c r="AF18" s="327">
        <v>43987837</v>
      </c>
      <c r="AG18" s="327">
        <v>37493055</v>
      </c>
      <c r="AH18" s="328">
        <v>168280483</v>
      </c>
      <c r="AI18" s="330">
        <v>168280483</v>
      </c>
      <c r="AJ18" s="326">
        <v>0</v>
      </c>
      <c r="AK18" s="327">
        <v>92243</v>
      </c>
      <c r="AL18" s="328">
        <v>92243</v>
      </c>
      <c r="AM18" s="326">
        <v>0</v>
      </c>
      <c r="AN18" s="327">
        <v>273132</v>
      </c>
      <c r="AO18" s="327">
        <v>1371730</v>
      </c>
      <c r="AP18" s="327">
        <v>1105552</v>
      </c>
      <c r="AQ18" s="327">
        <v>3558714</v>
      </c>
      <c r="AR18" s="327">
        <v>4777251</v>
      </c>
      <c r="AS18" s="328">
        <v>11086379</v>
      </c>
      <c r="AT18" s="330">
        <v>11178622</v>
      </c>
      <c r="AU18" s="326">
        <v>2940797</v>
      </c>
      <c r="AV18" s="327">
        <v>9155977</v>
      </c>
      <c r="AW18" s="328">
        <v>12096774</v>
      </c>
      <c r="AX18" s="326">
        <v>0</v>
      </c>
      <c r="AY18" s="327">
        <v>13051667</v>
      </c>
      <c r="AZ18" s="327">
        <v>18751768</v>
      </c>
      <c r="BA18" s="327">
        <v>10827453</v>
      </c>
      <c r="BB18" s="327">
        <v>11582578</v>
      </c>
      <c r="BC18" s="327">
        <v>9227972</v>
      </c>
      <c r="BD18" s="328">
        <v>63441438</v>
      </c>
      <c r="BE18" s="330">
        <v>75538212</v>
      </c>
      <c r="BF18" s="326">
        <v>236906</v>
      </c>
      <c r="BG18" s="327">
        <v>645146</v>
      </c>
      <c r="BH18" s="331">
        <v>882052</v>
      </c>
      <c r="BI18" s="332">
        <v>0</v>
      </c>
      <c r="BJ18" s="327">
        <v>543147</v>
      </c>
      <c r="BK18" s="327">
        <v>1679435</v>
      </c>
      <c r="BL18" s="327">
        <v>666528</v>
      </c>
      <c r="BM18" s="327">
        <v>938492</v>
      </c>
      <c r="BN18" s="327">
        <v>348349</v>
      </c>
      <c r="BO18" s="328">
        <v>4175951</v>
      </c>
      <c r="BP18" s="330">
        <v>5058003</v>
      </c>
      <c r="BQ18" s="326">
        <v>942960</v>
      </c>
      <c r="BR18" s="327">
        <v>1506010</v>
      </c>
      <c r="BS18" s="328">
        <v>2448970</v>
      </c>
      <c r="BT18" s="326">
        <v>0</v>
      </c>
      <c r="BU18" s="327">
        <v>5199731</v>
      </c>
      <c r="BV18" s="327">
        <v>6407176</v>
      </c>
      <c r="BW18" s="327">
        <v>5837697</v>
      </c>
      <c r="BX18" s="327">
        <v>7545511</v>
      </c>
      <c r="BY18" s="327">
        <v>4947646</v>
      </c>
      <c r="BZ18" s="328">
        <v>29937761</v>
      </c>
      <c r="CA18" s="330">
        <v>32386731</v>
      </c>
      <c r="CB18" s="326">
        <v>2562435</v>
      </c>
      <c r="CC18" s="327">
        <v>5974372</v>
      </c>
      <c r="CD18" s="328">
        <v>8536807</v>
      </c>
      <c r="CE18" s="326">
        <v>0</v>
      </c>
      <c r="CF18" s="327">
        <v>46731780</v>
      </c>
      <c r="CG18" s="327">
        <v>50554787</v>
      </c>
      <c r="CH18" s="327">
        <v>37821546</v>
      </c>
      <c r="CI18" s="327">
        <v>27907533</v>
      </c>
      <c r="CJ18" s="327">
        <v>11578322</v>
      </c>
      <c r="CK18" s="328">
        <v>174593968</v>
      </c>
      <c r="CL18" s="330">
        <v>183130775</v>
      </c>
      <c r="CM18" s="326">
        <v>0</v>
      </c>
      <c r="CN18" s="327">
        <v>0</v>
      </c>
      <c r="CO18" s="328">
        <v>0</v>
      </c>
      <c r="CP18" s="332">
        <v>0</v>
      </c>
      <c r="CQ18" s="327">
        <v>40302465</v>
      </c>
      <c r="CR18" s="327">
        <v>37235179</v>
      </c>
      <c r="CS18" s="327">
        <v>29533508</v>
      </c>
      <c r="CT18" s="327">
        <v>22303313</v>
      </c>
      <c r="CU18" s="327">
        <v>9338056</v>
      </c>
      <c r="CV18" s="328">
        <v>138712521</v>
      </c>
      <c r="CW18" s="330">
        <v>138712521</v>
      </c>
      <c r="CX18" s="326">
        <v>2562435</v>
      </c>
      <c r="CY18" s="327">
        <v>5974372</v>
      </c>
      <c r="CZ18" s="328">
        <v>8536807</v>
      </c>
      <c r="DA18" s="326">
        <v>0</v>
      </c>
      <c r="DB18" s="327">
        <v>6429315</v>
      </c>
      <c r="DC18" s="327">
        <v>13319608</v>
      </c>
      <c r="DD18" s="327">
        <v>8288038</v>
      </c>
      <c r="DE18" s="327">
        <v>5604220</v>
      </c>
      <c r="DF18" s="327">
        <v>2240266</v>
      </c>
      <c r="DG18" s="328">
        <v>35881447</v>
      </c>
      <c r="DH18" s="330">
        <v>44418254</v>
      </c>
      <c r="DI18" s="326">
        <v>125946</v>
      </c>
      <c r="DJ18" s="327">
        <v>695982</v>
      </c>
      <c r="DK18" s="331">
        <v>821928</v>
      </c>
      <c r="DL18" s="332">
        <v>0</v>
      </c>
      <c r="DM18" s="327">
        <v>5018114</v>
      </c>
      <c r="DN18" s="327">
        <v>9117930</v>
      </c>
      <c r="DO18" s="327">
        <v>13255417</v>
      </c>
      <c r="DP18" s="327">
        <v>10658242</v>
      </c>
      <c r="DQ18" s="327">
        <v>6022450</v>
      </c>
      <c r="DR18" s="328">
        <v>44072153</v>
      </c>
      <c r="DS18" s="330">
        <v>44894081</v>
      </c>
      <c r="DT18" s="326">
        <v>125946</v>
      </c>
      <c r="DU18" s="327">
        <v>583796</v>
      </c>
      <c r="DV18" s="328">
        <v>709742</v>
      </c>
      <c r="DW18" s="326">
        <v>0</v>
      </c>
      <c r="DX18" s="327">
        <v>4678529</v>
      </c>
      <c r="DY18" s="327">
        <v>9007849</v>
      </c>
      <c r="DZ18" s="327">
        <v>12904028</v>
      </c>
      <c r="EA18" s="327">
        <v>10254211</v>
      </c>
      <c r="EB18" s="327">
        <v>5568768</v>
      </c>
      <c r="EC18" s="328">
        <v>42413385</v>
      </c>
      <c r="ED18" s="330">
        <v>43123127</v>
      </c>
      <c r="EE18" s="326">
        <v>0</v>
      </c>
      <c r="EF18" s="331">
        <v>112186</v>
      </c>
      <c r="EG18" s="328">
        <v>112186</v>
      </c>
      <c r="EH18" s="326">
        <v>0</v>
      </c>
      <c r="EI18" s="327">
        <v>339585</v>
      </c>
      <c r="EJ18" s="327">
        <v>110081</v>
      </c>
      <c r="EK18" s="327">
        <v>351389</v>
      </c>
      <c r="EL18" s="327">
        <v>404031</v>
      </c>
      <c r="EM18" s="327">
        <v>453682</v>
      </c>
      <c r="EN18" s="331">
        <v>1658768</v>
      </c>
      <c r="EO18" s="330">
        <v>1770954</v>
      </c>
      <c r="EP18" s="326">
        <v>0</v>
      </c>
      <c r="EQ18" s="327">
        <v>0</v>
      </c>
      <c r="ER18" s="331">
        <v>0</v>
      </c>
      <c r="ES18" s="332">
        <v>0</v>
      </c>
      <c r="ET18" s="327">
        <v>0</v>
      </c>
      <c r="EU18" s="327">
        <v>0</v>
      </c>
      <c r="EV18" s="327">
        <v>0</v>
      </c>
      <c r="EW18" s="327">
        <v>0</v>
      </c>
      <c r="EX18" s="327">
        <v>0</v>
      </c>
      <c r="EY18" s="328">
        <v>0</v>
      </c>
      <c r="EZ18" s="330">
        <v>0</v>
      </c>
      <c r="FA18" s="326">
        <v>0</v>
      </c>
      <c r="FB18" s="327">
        <v>0</v>
      </c>
      <c r="FC18" s="331">
        <v>0</v>
      </c>
      <c r="FD18" s="332">
        <v>0</v>
      </c>
      <c r="FE18" s="327">
        <v>0</v>
      </c>
      <c r="FF18" s="327">
        <v>0</v>
      </c>
      <c r="FG18" s="327">
        <v>0</v>
      </c>
      <c r="FH18" s="327">
        <v>0</v>
      </c>
      <c r="FI18" s="327">
        <v>0</v>
      </c>
      <c r="FJ18" s="328">
        <v>0</v>
      </c>
      <c r="FK18" s="330">
        <v>0</v>
      </c>
      <c r="FL18" s="326">
        <v>3330204</v>
      </c>
      <c r="FM18" s="327">
        <v>7806278</v>
      </c>
      <c r="FN18" s="328">
        <v>11136482</v>
      </c>
      <c r="FO18" s="326">
        <v>0</v>
      </c>
      <c r="FP18" s="327">
        <v>5646148</v>
      </c>
      <c r="FQ18" s="327">
        <v>17276689</v>
      </c>
      <c r="FR18" s="327">
        <v>12276567</v>
      </c>
      <c r="FS18" s="327">
        <v>13720585</v>
      </c>
      <c r="FT18" s="327">
        <v>8210038</v>
      </c>
      <c r="FU18" s="328">
        <v>57130027</v>
      </c>
      <c r="FV18" s="330">
        <v>68266509</v>
      </c>
      <c r="FW18" s="333">
        <v>2352443</v>
      </c>
      <c r="FX18" s="327">
        <v>6557073</v>
      </c>
      <c r="FY18" s="331">
        <v>8909516</v>
      </c>
      <c r="FZ18" s="332">
        <v>0</v>
      </c>
      <c r="GA18" s="327">
        <v>4411272</v>
      </c>
      <c r="GB18" s="327">
        <v>15603085</v>
      </c>
      <c r="GC18" s="327">
        <v>11333002</v>
      </c>
      <c r="GD18" s="327">
        <v>12485816</v>
      </c>
      <c r="GE18" s="327">
        <v>7945518</v>
      </c>
      <c r="GF18" s="328">
        <v>51778693</v>
      </c>
      <c r="GG18" s="334">
        <v>60688209</v>
      </c>
      <c r="GH18" s="333">
        <v>163963</v>
      </c>
      <c r="GI18" s="327">
        <v>548493</v>
      </c>
      <c r="GJ18" s="331">
        <v>712456</v>
      </c>
      <c r="GK18" s="332">
        <v>0</v>
      </c>
      <c r="GL18" s="327">
        <v>304376</v>
      </c>
      <c r="GM18" s="327">
        <v>831204</v>
      </c>
      <c r="GN18" s="327">
        <v>481765</v>
      </c>
      <c r="GO18" s="327">
        <v>556969</v>
      </c>
      <c r="GP18" s="327">
        <v>27720</v>
      </c>
      <c r="GQ18" s="328">
        <v>2202034</v>
      </c>
      <c r="GR18" s="330">
        <v>2914490</v>
      </c>
      <c r="GS18" s="326">
        <v>813798</v>
      </c>
      <c r="GT18" s="327">
        <v>700712</v>
      </c>
      <c r="GU18" s="328">
        <v>1514510</v>
      </c>
      <c r="GV18" s="326">
        <v>0</v>
      </c>
      <c r="GW18" s="327">
        <v>930500</v>
      </c>
      <c r="GX18" s="327">
        <v>842400</v>
      </c>
      <c r="GY18" s="327">
        <v>461800</v>
      </c>
      <c r="GZ18" s="327">
        <v>677800</v>
      </c>
      <c r="HA18" s="327">
        <v>236800</v>
      </c>
      <c r="HB18" s="331">
        <v>3149300</v>
      </c>
      <c r="HC18" s="330">
        <v>4663810</v>
      </c>
      <c r="HD18" s="326">
        <v>2775650</v>
      </c>
      <c r="HE18" s="327">
        <v>4997921</v>
      </c>
      <c r="HF18" s="331">
        <v>7773571</v>
      </c>
      <c r="HG18" s="332">
        <v>0</v>
      </c>
      <c r="HH18" s="327">
        <v>21696098</v>
      </c>
      <c r="HI18" s="327">
        <v>24523346</v>
      </c>
      <c r="HJ18" s="327">
        <v>25960632</v>
      </c>
      <c r="HK18" s="327">
        <v>35796970</v>
      </c>
      <c r="HL18" s="327">
        <v>18975382</v>
      </c>
      <c r="HM18" s="328">
        <v>126952428</v>
      </c>
      <c r="HN18" s="329">
        <v>134725999</v>
      </c>
      <c r="HO18" s="333">
        <v>3390739</v>
      </c>
      <c r="HP18" s="327">
        <v>5930000</v>
      </c>
      <c r="HQ18" s="328">
        <v>9320739</v>
      </c>
      <c r="HR18" s="326">
        <v>0</v>
      </c>
      <c r="HS18" s="327">
        <v>24885314</v>
      </c>
      <c r="HT18" s="327">
        <v>22378940</v>
      </c>
      <c r="HU18" s="327">
        <v>14867618</v>
      </c>
      <c r="HV18" s="327">
        <v>12200086</v>
      </c>
      <c r="HW18" s="327">
        <v>6219764</v>
      </c>
      <c r="HX18" s="331">
        <v>80551722</v>
      </c>
      <c r="HY18" s="330">
        <v>89872461</v>
      </c>
      <c r="HZ18" s="358">
        <v>0</v>
      </c>
      <c r="IA18" s="356">
        <v>195253</v>
      </c>
      <c r="IB18" s="358">
        <v>195253</v>
      </c>
      <c r="IC18" s="355">
        <v>0</v>
      </c>
      <c r="ID18" s="356">
        <v>37602158</v>
      </c>
      <c r="IE18" s="357">
        <v>41023297</v>
      </c>
      <c r="IF18" s="358">
        <v>49728203</v>
      </c>
      <c r="IG18" s="356">
        <v>43669077</v>
      </c>
      <c r="IH18" s="358">
        <v>33900377</v>
      </c>
      <c r="II18" s="359">
        <v>205923112</v>
      </c>
      <c r="IJ18" s="358">
        <v>206118365</v>
      </c>
      <c r="IK18" s="342">
        <v>0</v>
      </c>
      <c r="IL18" s="343">
        <v>0</v>
      </c>
      <c r="IM18" s="344">
        <v>0</v>
      </c>
      <c r="IN18" s="404">
        <v>0</v>
      </c>
      <c r="IO18" s="345">
        <v>827912</v>
      </c>
      <c r="IP18" s="345">
        <v>522654</v>
      </c>
      <c r="IQ18" s="345">
        <v>375261</v>
      </c>
      <c r="IR18" s="345">
        <v>1182692</v>
      </c>
      <c r="IS18" s="345">
        <v>1491643</v>
      </c>
      <c r="IT18" s="346">
        <v>4400162</v>
      </c>
      <c r="IU18" s="347">
        <v>4400162</v>
      </c>
      <c r="IV18" s="348">
        <v>0</v>
      </c>
      <c r="IW18" s="345">
        <v>0</v>
      </c>
      <c r="IX18" s="349">
        <v>0</v>
      </c>
      <c r="IY18" s="413">
        <v>0</v>
      </c>
      <c r="IZ18" s="345">
        <v>0</v>
      </c>
      <c r="JA18" s="345">
        <v>0</v>
      </c>
      <c r="JB18" s="345">
        <v>0</v>
      </c>
      <c r="JC18" s="345">
        <v>0</v>
      </c>
      <c r="JD18" s="345">
        <v>0</v>
      </c>
      <c r="JE18" s="349">
        <v>0</v>
      </c>
      <c r="JF18" s="350">
        <v>0</v>
      </c>
      <c r="JG18" s="348">
        <v>0</v>
      </c>
      <c r="JH18" s="345">
        <v>0</v>
      </c>
      <c r="JI18" s="346">
        <v>0</v>
      </c>
      <c r="JJ18" s="351">
        <v>0</v>
      </c>
      <c r="JK18" s="345">
        <v>21310828</v>
      </c>
      <c r="JL18" s="345">
        <v>16343971</v>
      </c>
      <c r="JM18" s="345">
        <v>14117426</v>
      </c>
      <c r="JN18" s="345">
        <v>8056559</v>
      </c>
      <c r="JO18" s="345">
        <v>3689509</v>
      </c>
      <c r="JP18" s="349">
        <v>63518293</v>
      </c>
      <c r="JQ18" s="347">
        <v>63518293</v>
      </c>
      <c r="JR18" s="348">
        <v>0</v>
      </c>
      <c r="JS18" s="345">
        <v>0</v>
      </c>
      <c r="JT18" s="346">
        <v>0</v>
      </c>
      <c r="JU18" s="351">
        <v>0</v>
      </c>
      <c r="JV18" s="345">
        <v>453994</v>
      </c>
      <c r="JW18" s="345">
        <v>161233</v>
      </c>
      <c r="JX18" s="345">
        <v>241748</v>
      </c>
      <c r="JY18" s="345">
        <v>0</v>
      </c>
      <c r="JZ18" s="345">
        <v>0</v>
      </c>
      <c r="KA18" s="349">
        <v>856975</v>
      </c>
      <c r="KB18" s="347">
        <v>856975</v>
      </c>
      <c r="KC18" s="352">
        <v>0</v>
      </c>
      <c r="KD18" s="353">
        <v>195253</v>
      </c>
      <c r="KE18" s="349">
        <v>195253</v>
      </c>
      <c r="KF18" s="351">
        <v>0</v>
      </c>
      <c r="KG18" s="345">
        <v>2816472</v>
      </c>
      <c r="KH18" s="345">
        <v>6710791</v>
      </c>
      <c r="KI18" s="345">
        <v>11391633</v>
      </c>
      <c r="KJ18" s="345">
        <v>11643176</v>
      </c>
      <c r="KK18" s="345">
        <v>8011028</v>
      </c>
      <c r="KL18" s="349">
        <v>40573100</v>
      </c>
      <c r="KM18" s="354">
        <v>40768353</v>
      </c>
      <c r="KN18" s="342">
        <v>0</v>
      </c>
      <c r="KO18" s="343">
        <v>0</v>
      </c>
      <c r="KP18" s="344">
        <v>0</v>
      </c>
      <c r="KQ18" s="413">
        <v>0</v>
      </c>
      <c r="KR18" s="345">
        <v>11084625</v>
      </c>
      <c r="KS18" s="345">
        <v>12354184</v>
      </c>
      <c r="KT18" s="345">
        <v>12700533</v>
      </c>
      <c r="KU18" s="345">
        <v>8579318</v>
      </c>
      <c r="KV18" s="345">
        <v>10945184</v>
      </c>
      <c r="KW18" s="349">
        <v>55663844</v>
      </c>
      <c r="KX18" s="347">
        <v>55663844</v>
      </c>
      <c r="KY18" s="348">
        <v>0</v>
      </c>
      <c r="KZ18" s="345">
        <v>0</v>
      </c>
      <c r="LA18" s="349">
        <v>0</v>
      </c>
      <c r="LB18" s="413">
        <v>0</v>
      </c>
      <c r="LC18" s="345">
        <v>0</v>
      </c>
      <c r="LD18" s="345">
        <v>1007622</v>
      </c>
      <c r="LE18" s="345">
        <v>1549887</v>
      </c>
      <c r="LF18" s="345">
        <v>2664412</v>
      </c>
      <c r="LG18" s="345">
        <v>1656690</v>
      </c>
      <c r="LH18" s="349">
        <v>6878611</v>
      </c>
      <c r="LI18" s="350">
        <v>6878611</v>
      </c>
      <c r="LJ18" s="348">
        <v>0</v>
      </c>
      <c r="LK18" s="345">
        <v>0</v>
      </c>
      <c r="LL18" s="349">
        <v>0</v>
      </c>
      <c r="LM18" s="413">
        <v>0</v>
      </c>
      <c r="LN18" s="345">
        <v>0</v>
      </c>
      <c r="LO18" s="345">
        <v>0</v>
      </c>
      <c r="LP18" s="345">
        <v>3612391</v>
      </c>
      <c r="LQ18" s="345">
        <v>4527701</v>
      </c>
      <c r="LR18" s="345">
        <v>1038870</v>
      </c>
      <c r="LS18" s="349">
        <v>9178962</v>
      </c>
      <c r="LT18" s="347">
        <v>9178962</v>
      </c>
      <c r="LU18" s="348">
        <v>0</v>
      </c>
      <c r="LV18" s="345">
        <v>0</v>
      </c>
      <c r="LW18" s="349">
        <v>0</v>
      </c>
      <c r="LX18" s="413">
        <v>0</v>
      </c>
      <c r="LY18" s="345">
        <v>1108327</v>
      </c>
      <c r="LZ18" s="345">
        <v>3922842</v>
      </c>
      <c r="MA18" s="345">
        <v>5739324</v>
      </c>
      <c r="MB18" s="345">
        <v>7015219</v>
      </c>
      <c r="MC18" s="345">
        <v>7067453</v>
      </c>
      <c r="MD18" s="349">
        <v>24853165</v>
      </c>
      <c r="ME18" s="350">
        <v>24853165</v>
      </c>
      <c r="MF18" s="348">
        <v>0</v>
      </c>
      <c r="MG18" s="345">
        <v>0</v>
      </c>
      <c r="MH18" s="349">
        <v>0</v>
      </c>
      <c r="MI18" s="413">
        <v>0</v>
      </c>
      <c r="MJ18" s="345">
        <v>9746014</v>
      </c>
      <c r="MK18" s="345">
        <v>29084093</v>
      </c>
      <c r="ML18" s="345">
        <v>103799266</v>
      </c>
      <c r="MM18" s="345">
        <v>164490485</v>
      </c>
      <c r="MN18" s="345">
        <v>94171914</v>
      </c>
      <c r="MO18" s="349">
        <v>401291772</v>
      </c>
      <c r="MP18" s="354">
        <v>401291772</v>
      </c>
      <c r="MQ18" s="348">
        <v>0</v>
      </c>
      <c r="MR18" s="345">
        <v>0</v>
      </c>
      <c r="MS18" s="349">
        <v>0</v>
      </c>
      <c r="MT18" s="413">
        <v>0</v>
      </c>
      <c r="MU18" s="345">
        <v>507137</v>
      </c>
      <c r="MV18" s="345">
        <v>3117713</v>
      </c>
      <c r="MW18" s="345">
        <v>53944293</v>
      </c>
      <c r="MX18" s="345">
        <v>104035761</v>
      </c>
      <c r="MY18" s="345">
        <v>66432736</v>
      </c>
      <c r="MZ18" s="349">
        <v>228037640</v>
      </c>
      <c r="NA18" s="354">
        <v>228037640</v>
      </c>
      <c r="NB18" s="348">
        <v>0</v>
      </c>
      <c r="NC18" s="345">
        <v>0</v>
      </c>
      <c r="ND18" s="349">
        <v>0</v>
      </c>
      <c r="NE18" s="413">
        <v>0</v>
      </c>
      <c r="NF18" s="345">
        <v>9238877</v>
      </c>
      <c r="NG18" s="345">
        <v>25966380</v>
      </c>
      <c r="NH18" s="345">
        <v>48763396</v>
      </c>
      <c r="NI18" s="345">
        <v>54597052</v>
      </c>
      <c r="NJ18" s="345">
        <v>23065561</v>
      </c>
      <c r="NK18" s="349">
        <v>161631266</v>
      </c>
      <c r="NL18" s="347">
        <v>161631266</v>
      </c>
      <c r="NM18" s="348">
        <v>0</v>
      </c>
      <c r="NN18" s="345">
        <v>0</v>
      </c>
      <c r="NO18" s="349">
        <v>0</v>
      </c>
      <c r="NP18" s="413">
        <v>0</v>
      </c>
      <c r="NQ18" s="345">
        <v>0</v>
      </c>
      <c r="NR18" s="345">
        <v>0</v>
      </c>
      <c r="NS18" s="345">
        <v>0</v>
      </c>
      <c r="NT18" s="345">
        <v>0</v>
      </c>
      <c r="NU18" s="345">
        <v>0</v>
      </c>
      <c r="NV18" s="349">
        <v>0</v>
      </c>
      <c r="NW18" s="350">
        <v>0</v>
      </c>
      <c r="NX18" s="348">
        <v>0</v>
      </c>
      <c r="NY18" s="345">
        <v>0</v>
      </c>
      <c r="NZ18" s="349">
        <v>0</v>
      </c>
      <c r="OA18" s="413">
        <v>0</v>
      </c>
      <c r="OB18" s="345">
        <v>0</v>
      </c>
      <c r="OC18" s="345">
        <v>0</v>
      </c>
      <c r="OD18" s="345">
        <v>1091577</v>
      </c>
      <c r="OE18" s="345">
        <v>5857672</v>
      </c>
      <c r="OF18" s="345">
        <v>4673617</v>
      </c>
      <c r="OG18" s="349">
        <v>11622866</v>
      </c>
      <c r="OH18" s="350">
        <v>11622866</v>
      </c>
      <c r="OI18" s="348">
        <v>16305637</v>
      </c>
      <c r="OJ18" s="345">
        <v>36999182</v>
      </c>
      <c r="OK18" s="346">
        <v>53304819</v>
      </c>
      <c r="OL18" s="351">
        <v>0</v>
      </c>
      <c r="OM18" s="345">
        <v>194187729</v>
      </c>
      <c r="ON18" s="345">
        <v>254038190</v>
      </c>
      <c r="OO18" s="345">
        <v>307282645</v>
      </c>
      <c r="OP18" s="345">
        <v>376056110</v>
      </c>
      <c r="OQ18" s="345">
        <v>235872520</v>
      </c>
      <c r="OR18" s="349">
        <v>1367437194</v>
      </c>
      <c r="OS18" s="354">
        <v>1420742013</v>
      </c>
    </row>
    <row r="19" spans="2:409" s="70" customFormat="1" ht="21" customHeight="1" x14ac:dyDescent="0.2">
      <c r="B19" s="410" t="s">
        <v>13</v>
      </c>
      <c r="C19" s="326">
        <v>3370945</v>
      </c>
      <c r="D19" s="327">
        <v>5279078</v>
      </c>
      <c r="E19" s="328">
        <v>8650023</v>
      </c>
      <c r="F19" s="326">
        <v>0</v>
      </c>
      <c r="G19" s="366">
        <v>54688358</v>
      </c>
      <c r="H19" s="327">
        <v>74993271</v>
      </c>
      <c r="I19" s="327">
        <v>62229692</v>
      </c>
      <c r="J19" s="327">
        <v>64516052</v>
      </c>
      <c r="K19" s="327">
        <v>57068399</v>
      </c>
      <c r="L19" s="331">
        <v>313495772</v>
      </c>
      <c r="M19" s="330">
        <v>322145795</v>
      </c>
      <c r="N19" s="326">
        <v>878668</v>
      </c>
      <c r="O19" s="327">
        <v>1092722</v>
      </c>
      <c r="P19" s="328">
        <v>1971390</v>
      </c>
      <c r="Q19" s="326">
        <v>0</v>
      </c>
      <c r="R19" s="327">
        <v>15807175</v>
      </c>
      <c r="S19" s="327">
        <v>24875720</v>
      </c>
      <c r="T19" s="327">
        <v>21334057</v>
      </c>
      <c r="U19" s="327">
        <v>26724176</v>
      </c>
      <c r="V19" s="327">
        <v>30942714</v>
      </c>
      <c r="W19" s="328">
        <v>119683842</v>
      </c>
      <c r="X19" s="330">
        <v>121655232</v>
      </c>
      <c r="Y19" s="326">
        <v>0</v>
      </c>
      <c r="Z19" s="327">
        <v>0</v>
      </c>
      <c r="AA19" s="328">
        <v>0</v>
      </c>
      <c r="AB19" s="326">
        <v>0</v>
      </c>
      <c r="AC19" s="327">
        <v>6609076</v>
      </c>
      <c r="AD19" s="327">
        <v>11113798</v>
      </c>
      <c r="AE19" s="327">
        <v>12211750</v>
      </c>
      <c r="AF19" s="327">
        <v>17170194</v>
      </c>
      <c r="AG19" s="327">
        <v>18601233</v>
      </c>
      <c r="AH19" s="328">
        <v>65706051</v>
      </c>
      <c r="AI19" s="330">
        <v>65706051</v>
      </c>
      <c r="AJ19" s="326">
        <v>0</v>
      </c>
      <c r="AK19" s="327">
        <v>0</v>
      </c>
      <c r="AL19" s="328">
        <v>0</v>
      </c>
      <c r="AM19" s="326">
        <v>0</v>
      </c>
      <c r="AN19" s="327">
        <v>41320</v>
      </c>
      <c r="AO19" s="327">
        <v>189235</v>
      </c>
      <c r="AP19" s="327">
        <v>336243</v>
      </c>
      <c r="AQ19" s="327">
        <v>964324</v>
      </c>
      <c r="AR19" s="327">
        <v>3322598</v>
      </c>
      <c r="AS19" s="328">
        <v>4853720</v>
      </c>
      <c r="AT19" s="330">
        <v>4853720</v>
      </c>
      <c r="AU19" s="326">
        <v>449331</v>
      </c>
      <c r="AV19" s="327">
        <v>676533</v>
      </c>
      <c r="AW19" s="328">
        <v>1125864</v>
      </c>
      <c r="AX19" s="326">
        <v>0</v>
      </c>
      <c r="AY19" s="327">
        <v>5489546</v>
      </c>
      <c r="AZ19" s="327">
        <v>9053485</v>
      </c>
      <c r="BA19" s="327">
        <v>5035947</v>
      </c>
      <c r="BB19" s="327">
        <v>4982755</v>
      </c>
      <c r="BC19" s="327">
        <v>5890754</v>
      </c>
      <c r="BD19" s="328">
        <v>30452487</v>
      </c>
      <c r="BE19" s="330">
        <v>31578351</v>
      </c>
      <c r="BF19" s="326">
        <v>25731</v>
      </c>
      <c r="BG19" s="327">
        <v>71683</v>
      </c>
      <c r="BH19" s="331">
        <v>97414</v>
      </c>
      <c r="BI19" s="332">
        <v>0</v>
      </c>
      <c r="BJ19" s="327">
        <v>378838</v>
      </c>
      <c r="BK19" s="327">
        <v>544838</v>
      </c>
      <c r="BL19" s="327">
        <v>357449</v>
      </c>
      <c r="BM19" s="327">
        <v>140514</v>
      </c>
      <c r="BN19" s="327">
        <v>208848</v>
      </c>
      <c r="BO19" s="328">
        <v>1630487</v>
      </c>
      <c r="BP19" s="330">
        <v>1727901</v>
      </c>
      <c r="BQ19" s="326">
        <v>403606</v>
      </c>
      <c r="BR19" s="327">
        <v>344506</v>
      </c>
      <c r="BS19" s="328">
        <v>748112</v>
      </c>
      <c r="BT19" s="326">
        <v>0</v>
      </c>
      <c r="BU19" s="327">
        <v>3288395</v>
      </c>
      <c r="BV19" s="327">
        <v>3974364</v>
      </c>
      <c r="BW19" s="327">
        <v>3392668</v>
      </c>
      <c r="BX19" s="327">
        <v>3466389</v>
      </c>
      <c r="BY19" s="327">
        <v>2919281</v>
      </c>
      <c r="BZ19" s="328">
        <v>17041097</v>
      </c>
      <c r="CA19" s="330">
        <v>17789209</v>
      </c>
      <c r="CB19" s="326">
        <v>257068</v>
      </c>
      <c r="CC19" s="327">
        <v>781816</v>
      </c>
      <c r="CD19" s="328">
        <v>1038884</v>
      </c>
      <c r="CE19" s="326">
        <v>0</v>
      </c>
      <c r="CF19" s="327">
        <v>10814187</v>
      </c>
      <c r="CG19" s="327">
        <v>15763861</v>
      </c>
      <c r="CH19" s="327">
        <v>9489204</v>
      </c>
      <c r="CI19" s="327">
        <v>9468995</v>
      </c>
      <c r="CJ19" s="327">
        <v>4844950</v>
      </c>
      <c r="CK19" s="328">
        <v>50381197</v>
      </c>
      <c r="CL19" s="330">
        <v>51420081</v>
      </c>
      <c r="CM19" s="326">
        <v>0</v>
      </c>
      <c r="CN19" s="327">
        <v>0</v>
      </c>
      <c r="CO19" s="328">
        <v>0</v>
      </c>
      <c r="CP19" s="332">
        <v>0</v>
      </c>
      <c r="CQ19" s="327">
        <v>9397743</v>
      </c>
      <c r="CR19" s="327">
        <v>13610995</v>
      </c>
      <c r="CS19" s="327">
        <v>7906229</v>
      </c>
      <c r="CT19" s="327">
        <v>7597103</v>
      </c>
      <c r="CU19" s="327">
        <v>3763067</v>
      </c>
      <c r="CV19" s="328">
        <v>42275137</v>
      </c>
      <c r="CW19" s="330">
        <v>42275137</v>
      </c>
      <c r="CX19" s="326">
        <v>257068</v>
      </c>
      <c r="CY19" s="327">
        <v>781816</v>
      </c>
      <c r="CZ19" s="328">
        <v>1038884</v>
      </c>
      <c r="DA19" s="326">
        <v>0</v>
      </c>
      <c r="DB19" s="327">
        <v>1416444</v>
      </c>
      <c r="DC19" s="327">
        <v>2152866</v>
      </c>
      <c r="DD19" s="327">
        <v>1582975</v>
      </c>
      <c r="DE19" s="327">
        <v>1871892</v>
      </c>
      <c r="DF19" s="327">
        <v>1081883</v>
      </c>
      <c r="DG19" s="328">
        <v>8106060</v>
      </c>
      <c r="DH19" s="330">
        <v>9144944</v>
      </c>
      <c r="DI19" s="326">
        <v>0</v>
      </c>
      <c r="DJ19" s="327">
        <v>16693</v>
      </c>
      <c r="DK19" s="331">
        <v>16693</v>
      </c>
      <c r="DL19" s="332">
        <v>0</v>
      </c>
      <c r="DM19" s="327">
        <v>698717</v>
      </c>
      <c r="DN19" s="327">
        <v>2436176</v>
      </c>
      <c r="DO19" s="327">
        <v>5476617</v>
      </c>
      <c r="DP19" s="327">
        <v>3977043</v>
      </c>
      <c r="DQ19" s="327">
        <v>4234913</v>
      </c>
      <c r="DR19" s="328">
        <v>16823466</v>
      </c>
      <c r="DS19" s="330">
        <v>16840159</v>
      </c>
      <c r="DT19" s="326">
        <v>0</v>
      </c>
      <c r="DU19" s="327">
        <v>16693</v>
      </c>
      <c r="DV19" s="328">
        <v>16693</v>
      </c>
      <c r="DW19" s="326">
        <v>0</v>
      </c>
      <c r="DX19" s="327">
        <v>698717</v>
      </c>
      <c r="DY19" s="327">
        <v>2111035</v>
      </c>
      <c r="DZ19" s="327">
        <v>4941377</v>
      </c>
      <c r="EA19" s="327">
        <v>3275455</v>
      </c>
      <c r="EB19" s="327">
        <v>3985453</v>
      </c>
      <c r="EC19" s="328">
        <v>15012037</v>
      </c>
      <c r="ED19" s="330">
        <v>15028730</v>
      </c>
      <c r="EE19" s="326">
        <v>0</v>
      </c>
      <c r="EF19" s="331">
        <v>0</v>
      </c>
      <c r="EG19" s="328">
        <v>0</v>
      </c>
      <c r="EH19" s="326">
        <v>0</v>
      </c>
      <c r="EI19" s="327">
        <v>0</v>
      </c>
      <c r="EJ19" s="327">
        <v>325141</v>
      </c>
      <c r="EK19" s="327">
        <v>535240</v>
      </c>
      <c r="EL19" s="327">
        <v>701588</v>
      </c>
      <c r="EM19" s="327">
        <v>249460</v>
      </c>
      <c r="EN19" s="331">
        <v>1811429</v>
      </c>
      <c r="EO19" s="330">
        <v>1811429</v>
      </c>
      <c r="EP19" s="326">
        <v>0</v>
      </c>
      <c r="EQ19" s="327">
        <v>0</v>
      </c>
      <c r="ER19" s="331">
        <v>0</v>
      </c>
      <c r="ES19" s="332">
        <v>0</v>
      </c>
      <c r="ET19" s="327">
        <v>0</v>
      </c>
      <c r="EU19" s="327">
        <v>0</v>
      </c>
      <c r="EV19" s="327">
        <v>0</v>
      </c>
      <c r="EW19" s="327">
        <v>0</v>
      </c>
      <c r="EX19" s="327">
        <v>0</v>
      </c>
      <c r="EY19" s="328">
        <v>0</v>
      </c>
      <c r="EZ19" s="330">
        <v>0</v>
      </c>
      <c r="FA19" s="326">
        <v>0</v>
      </c>
      <c r="FB19" s="327">
        <v>0</v>
      </c>
      <c r="FC19" s="331">
        <v>0</v>
      </c>
      <c r="FD19" s="332">
        <v>0</v>
      </c>
      <c r="FE19" s="327">
        <v>0</v>
      </c>
      <c r="FF19" s="327">
        <v>0</v>
      </c>
      <c r="FG19" s="327">
        <v>0</v>
      </c>
      <c r="FH19" s="327">
        <v>0</v>
      </c>
      <c r="FI19" s="327">
        <v>0</v>
      </c>
      <c r="FJ19" s="328">
        <v>0</v>
      </c>
      <c r="FK19" s="330">
        <v>0</v>
      </c>
      <c r="FL19" s="326">
        <v>544868</v>
      </c>
      <c r="FM19" s="327">
        <v>1205867</v>
      </c>
      <c r="FN19" s="328">
        <v>1750735</v>
      </c>
      <c r="FO19" s="326">
        <v>0</v>
      </c>
      <c r="FP19" s="327">
        <v>3163172</v>
      </c>
      <c r="FQ19" s="327">
        <v>6714768</v>
      </c>
      <c r="FR19" s="327">
        <v>4206205</v>
      </c>
      <c r="FS19" s="327">
        <v>4167697</v>
      </c>
      <c r="FT19" s="327">
        <v>3387060</v>
      </c>
      <c r="FU19" s="328">
        <v>21638902</v>
      </c>
      <c r="FV19" s="330">
        <v>23389637</v>
      </c>
      <c r="FW19" s="333">
        <v>399768</v>
      </c>
      <c r="FX19" s="327">
        <v>930765</v>
      </c>
      <c r="FY19" s="331">
        <v>1330533</v>
      </c>
      <c r="FZ19" s="332">
        <v>0</v>
      </c>
      <c r="GA19" s="327">
        <v>2167907</v>
      </c>
      <c r="GB19" s="327">
        <v>6151424</v>
      </c>
      <c r="GC19" s="327">
        <v>4023831</v>
      </c>
      <c r="GD19" s="327">
        <v>3971397</v>
      </c>
      <c r="GE19" s="327">
        <v>3336020</v>
      </c>
      <c r="GF19" s="328">
        <v>19650579</v>
      </c>
      <c r="GG19" s="334">
        <v>20981112</v>
      </c>
      <c r="GH19" s="333">
        <v>0</v>
      </c>
      <c r="GI19" s="327">
        <v>92402</v>
      </c>
      <c r="GJ19" s="331">
        <v>92402</v>
      </c>
      <c r="GK19" s="332">
        <v>0</v>
      </c>
      <c r="GL19" s="327">
        <v>254865</v>
      </c>
      <c r="GM19" s="327">
        <v>241034</v>
      </c>
      <c r="GN19" s="327">
        <v>51474</v>
      </c>
      <c r="GO19" s="327">
        <v>0</v>
      </c>
      <c r="GP19" s="327">
        <v>51040</v>
      </c>
      <c r="GQ19" s="328">
        <v>598413</v>
      </c>
      <c r="GR19" s="330">
        <v>690815</v>
      </c>
      <c r="GS19" s="326">
        <v>145100</v>
      </c>
      <c r="GT19" s="327">
        <v>182700</v>
      </c>
      <c r="GU19" s="328">
        <v>327800</v>
      </c>
      <c r="GV19" s="326">
        <v>0</v>
      </c>
      <c r="GW19" s="327">
        <v>740400</v>
      </c>
      <c r="GX19" s="327">
        <v>322310</v>
      </c>
      <c r="GY19" s="327">
        <v>130900</v>
      </c>
      <c r="GZ19" s="327">
        <v>196300</v>
      </c>
      <c r="HA19" s="327">
        <v>0</v>
      </c>
      <c r="HB19" s="331">
        <v>1389910</v>
      </c>
      <c r="HC19" s="330">
        <v>1717710</v>
      </c>
      <c r="HD19" s="326">
        <v>1177170</v>
      </c>
      <c r="HE19" s="327">
        <v>1238910</v>
      </c>
      <c r="HF19" s="331">
        <v>2416080</v>
      </c>
      <c r="HG19" s="332">
        <v>0</v>
      </c>
      <c r="HH19" s="327">
        <v>15124689</v>
      </c>
      <c r="HI19" s="327">
        <v>15826677</v>
      </c>
      <c r="HJ19" s="327">
        <v>16245447</v>
      </c>
      <c r="HK19" s="327">
        <v>15994142</v>
      </c>
      <c r="HL19" s="327">
        <v>10761001</v>
      </c>
      <c r="HM19" s="328">
        <v>73951956</v>
      </c>
      <c r="HN19" s="329">
        <v>76368036</v>
      </c>
      <c r="HO19" s="333">
        <v>513171</v>
      </c>
      <c r="HP19" s="327">
        <v>943070</v>
      </c>
      <c r="HQ19" s="328">
        <v>1456241</v>
      </c>
      <c r="HR19" s="326">
        <v>0</v>
      </c>
      <c r="HS19" s="327">
        <v>9080418</v>
      </c>
      <c r="HT19" s="327">
        <v>9376069</v>
      </c>
      <c r="HU19" s="327">
        <v>5478162</v>
      </c>
      <c r="HV19" s="327">
        <v>4183999</v>
      </c>
      <c r="HW19" s="327">
        <v>2897761</v>
      </c>
      <c r="HX19" s="331">
        <v>31016409</v>
      </c>
      <c r="HY19" s="330">
        <v>32472650</v>
      </c>
      <c r="HZ19" s="335">
        <v>181793</v>
      </c>
      <c r="IA19" s="336">
        <v>66888</v>
      </c>
      <c r="IB19" s="337">
        <v>248681</v>
      </c>
      <c r="IC19" s="338">
        <v>0</v>
      </c>
      <c r="ID19" s="336">
        <v>13859810</v>
      </c>
      <c r="IE19" s="339">
        <v>15928995</v>
      </c>
      <c r="IF19" s="337">
        <v>15216608</v>
      </c>
      <c r="IG19" s="336">
        <v>12213246</v>
      </c>
      <c r="IH19" s="337">
        <v>9075259</v>
      </c>
      <c r="II19" s="340">
        <v>66293918</v>
      </c>
      <c r="IJ19" s="341">
        <v>66542599</v>
      </c>
      <c r="IK19" s="342">
        <v>0</v>
      </c>
      <c r="IL19" s="343">
        <v>0</v>
      </c>
      <c r="IM19" s="344">
        <v>0</v>
      </c>
      <c r="IN19" s="404">
        <v>0</v>
      </c>
      <c r="IO19" s="345">
        <v>0</v>
      </c>
      <c r="IP19" s="345">
        <v>133798</v>
      </c>
      <c r="IQ19" s="345">
        <v>140690</v>
      </c>
      <c r="IR19" s="345">
        <v>923045</v>
      </c>
      <c r="IS19" s="345">
        <v>627591</v>
      </c>
      <c r="IT19" s="346">
        <v>1825124</v>
      </c>
      <c r="IU19" s="347">
        <v>1825124</v>
      </c>
      <c r="IV19" s="348">
        <v>0</v>
      </c>
      <c r="IW19" s="345">
        <v>0</v>
      </c>
      <c r="IX19" s="349">
        <v>0</v>
      </c>
      <c r="IY19" s="413">
        <v>0</v>
      </c>
      <c r="IZ19" s="345">
        <v>0</v>
      </c>
      <c r="JA19" s="345">
        <v>0</v>
      </c>
      <c r="JB19" s="345">
        <v>0</v>
      </c>
      <c r="JC19" s="345">
        <v>0</v>
      </c>
      <c r="JD19" s="345">
        <v>0</v>
      </c>
      <c r="JE19" s="349">
        <v>0</v>
      </c>
      <c r="JF19" s="350">
        <v>0</v>
      </c>
      <c r="JG19" s="348">
        <v>0</v>
      </c>
      <c r="JH19" s="345">
        <v>0</v>
      </c>
      <c r="JI19" s="346">
        <v>0</v>
      </c>
      <c r="JJ19" s="351">
        <v>0</v>
      </c>
      <c r="JK19" s="345">
        <v>6536998</v>
      </c>
      <c r="JL19" s="345">
        <v>9305268</v>
      </c>
      <c r="JM19" s="345">
        <v>5370807</v>
      </c>
      <c r="JN19" s="345">
        <v>3888634</v>
      </c>
      <c r="JO19" s="345">
        <v>2066949</v>
      </c>
      <c r="JP19" s="349">
        <v>27168656</v>
      </c>
      <c r="JQ19" s="347">
        <v>27168656</v>
      </c>
      <c r="JR19" s="348">
        <v>0</v>
      </c>
      <c r="JS19" s="345">
        <v>0</v>
      </c>
      <c r="JT19" s="346">
        <v>0</v>
      </c>
      <c r="JU19" s="351">
        <v>0</v>
      </c>
      <c r="JV19" s="345">
        <v>111202</v>
      </c>
      <c r="JW19" s="345">
        <v>560828</v>
      </c>
      <c r="JX19" s="345">
        <v>988771</v>
      </c>
      <c r="JY19" s="345">
        <v>580520</v>
      </c>
      <c r="JZ19" s="345">
        <v>987493</v>
      </c>
      <c r="KA19" s="349">
        <v>3228814</v>
      </c>
      <c r="KB19" s="347">
        <v>3228814</v>
      </c>
      <c r="KC19" s="352">
        <v>181793</v>
      </c>
      <c r="KD19" s="353">
        <v>66888</v>
      </c>
      <c r="KE19" s="349">
        <v>248681</v>
      </c>
      <c r="KF19" s="351">
        <v>0</v>
      </c>
      <c r="KG19" s="345">
        <v>1771906</v>
      </c>
      <c r="KH19" s="345">
        <v>1569677</v>
      </c>
      <c r="KI19" s="345">
        <v>2923650</v>
      </c>
      <c r="KJ19" s="345">
        <v>773303</v>
      </c>
      <c r="KK19" s="345">
        <v>1468074</v>
      </c>
      <c r="KL19" s="349">
        <v>8506610</v>
      </c>
      <c r="KM19" s="354">
        <v>8755291</v>
      </c>
      <c r="KN19" s="342">
        <v>0</v>
      </c>
      <c r="KO19" s="343">
        <v>0</v>
      </c>
      <c r="KP19" s="344">
        <v>0</v>
      </c>
      <c r="KQ19" s="413">
        <v>0</v>
      </c>
      <c r="KR19" s="345">
        <v>4886198</v>
      </c>
      <c r="KS19" s="345">
        <v>4045011</v>
      </c>
      <c r="KT19" s="345">
        <v>4922418</v>
      </c>
      <c r="KU19" s="345">
        <v>4617697</v>
      </c>
      <c r="KV19" s="345">
        <v>3925152</v>
      </c>
      <c r="KW19" s="349">
        <v>22396476</v>
      </c>
      <c r="KX19" s="347">
        <v>22396476</v>
      </c>
      <c r="KY19" s="348">
        <v>0</v>
      </c>
      <c r="KZ19" s="345">
        <v>0</v>
      </c>
      <c r="LA19" s="349">
        <v>0</v>
      </c>
      <c r="LB19" s="413">
        <v>0</v>
      </c>
      <c r="LC19" s="345">
        <v>553506</v>
      </c>
      <c r="LD19" s="345">
        <v>314413</v>
      </c>
      <c r="LE19" s="345">
        <v>870272</v>
      </c>
      <c r="LF19" s="345">
        <v>1430047</v>
      </c>
      <c r="LG19" s="345">
        <v>0</v>
      </c>
      <c r="LH19" s="349">
        <v>3168238</v>
      </c>
      <c r="LI19" s="350">
        <v>3168238</v>
      </c>
      <c r="LJ19" s="348">
        <v>0</v>
      </c>
      <c r="LK19" s="345">
        <v>0</v>
      </c>
      <c r="LL19" s="349">
        <v>0</v>
      </c>
      <c r="LM19" s="413">
        <v>0</v>
      </c>
      <c r="LN19" s="345">
        <v>0</v>
      </c>
      <c r="LO19" s="345">
        <v>0</v>
      </c>
      <c r="LP19" s="345">
        <v>0</v>
      </c>
      <c r="LQ19" s="345">
        <v>0</v>
      </c>
      <c r="LR19" s="345">
        <v>0</v>
      </c>
      <c r="LS19" s="349">
        <v>0</v>
      </c>
      <c r="LT19" s="347">
        <v>0</v>
      </c>
      <c r="LU19" s="348">
        <v>0</v>
      </c>
      <c r="LV19" s="345">
        <v>0</v>
      </c>
      <c r="LW19" s="349">
        <v>0</v>
      </c>
      <c r="LX19" s="413">
        <v>0</v>
      </c>
      <c r="LY19" s="345">
        <v>0</v>
      </c>
      <c r="LZ19" s="345">
        <v>0</v>
      </c>
      <c r="MA19" s="345">
        <v>0</v>
      </c>
      <c r="MB19" s="345">
        <v>0</v>
      </c>
      <c r="MC19" s="345">
        <v>0</v>
      </c>
      <c r="MD19" s="349">
        <v>0</v>
      </c>
      <c r="ME19" s="350">
        <v>0</v>
      </c>
      <c r="MF19" s="348">
        <v>0</v>
      </c>
      <c r="MG19" s="345">
        <v>0</v>
      </c>
      <c r="MH19" s="349">
        <v>0</v>
      </c>
      <c r="MI19" s="413">
        <v>0</v>
      </c>
      <c r="MJ19" s="345">
        <v>2442812</v>
      </c>
      <c r="MK19" s="345">
        <v>4298069</v>
      </c>
      <c r="ML19" s="345">
        <v>26751359</v>
      </c>
      <c r="MM19" s="345">
        <v>53068578</v>
      </c>
      <c r="MN19" s="345">
        <v>43789764</v>
      </c>
      <c r="MO19" s="349">
        <v>130350582</v>
      </c>
      <c r="MP19" s="354">
        <v>130350582</v>
      </c>
      <c r="MQ19" s="348">
        <v>0</v>
      </c>
      <c r="MR19" s="345">
        <v>0</v>
      </c>
      <c r="MS19" s="349">
        <v>0</v>
      </c>
      <c r="MT19" s="413">
        <v>0</v>
      </c>
      <c r="MU19" s="345">
        <v>500911</v>
      </c>
      <c r="MV19" s="345">
        <v>216465</v>
      </c>
      <c r="MW19" s="345">
        <v>17287671</v>
      </c>
      <c r="MX19" s="345">
        <v>40085502</v>
      </c>
      <c r="MY19" s="345">
        <v>35182500</v>
      </c>
      <c r="MZ19" s="349">
        <v>93273049</v>
      </c>
      <c r="NA19" s="354">
        <v>93273049</v>
      </c>
      <c r="NB19" s="348">
        <v>0</v>
      </c>
      <c r="NC19" s="345">
        <v>0</v>
      </c>
      <c r="ND19" s="349">
        <v>0</v>
      </c>
      <c r="NE19" s="413">
        <v>0</v>
      </c>
      <c r="NF19" s="345">
        <v>1941901</v>
      </c>
      <c r="NG19" s="345">
        <v>4081604</v>
      </c>
      <c r="NH19" s="345">
        <v>9463688</v>
      </c>
      <c r="NI19" s="345">
        <v>12983076</v>
      </c>
      <c r="NJ19" s="345">
        <v>8175301</v>
      </c>
      <c r="NK19" s="349">
        <v>36645570</v>
      </c>
      <c r="NL19" s="347">
        <v>36645570</v>
      </c>
      <c r="NM19" s="348">
        <v>0</v>
      </c>
      <c r="NN19" s="345">
        <v>0</v>
      </c>
      <c r="NO19" s="349">
        <v>0</v>
      </c>
      <c r="NP19" s="413">
        <v>0</v>
      </c>
      <c r="NQ19" s="345">
        <v>0</v>
      </c>
      <c r="NR19" s="345">
        <v>0</v>
      </c>
      <c r="NS19" s="345">
        <v>0</v>
      </c>
      <c r="NT19" s="345">
        <v>0</v>
      </c>
      <c r="NU19" s="345">
        <v>0</v>
      </c>
      <c r="NV19" s="349">
        <v>0</v>
      </c>
      <c r="NW19" s="350">
        <v>0</v>
      </c>
      <c r="NX19" s="348">
        <v>0</v>
      </c>
      <c r="NY19" s="345">
        <v>0</v>
      </c>
      <c r="NZ19" s="349">
        <v>0</v>
      </c>
      <c r="OA19" s="413">
        <v>0</v>
      </c>
      <c r="OB19" s="345">
        <v>0</v>
      </c>
      <c r="OC19" s="345">
        <v>0</v>
      </c>
      <c r="OD19" s="345">
        <v>0</v>
      </c>
      <c r="OE19" s="345">
        <v>0</v>
      </c>
      <c r="OF19" s="345">
        <v>431963</v>
      </c>
      <c r="OG19" s="349">
        <v>431963</v>
      </c>
      <c r="OH19" s="350">
        <v>431963</v>
      </c>
      <c r="OI19" s="348">
        <v>3552738</v>
      </c>
      <c r="OJ19" s="345">
        <v>5345966</v>
      </c>
      <c r="OK19" s="346">
        <v>8898704</v>
      </c>
      <c r="OL19" s="351">
        <v>0</v>
      </c>
      <c r="OM19" s="345">
        <v>70990980</v>
      </c>
      <c r="ON19" s="345">
        <v>95220335</v>
      </c>
      <c r="OO19" s="345">
        <v>104197659</v>
      </c>
      <c r="OP19" s="345">
        <v>129797876</v>
      </c>
      <c r="OQ19" s="345">
        <v>109933422</v>
      </c>
      <c r="OR19" s="349">
        <v>510140272</v>
      </c>
      <c r="OS19" s="354">
        <v>519038976</v>
      </c>
    </row>
    <row r="20" spans="2:409" s="70" customFormat="1" ht="21" customHeight="1" x14ac:dyDescent="0.2">
      <c r="B20" s="410" t="s">
        <v>15</v>
      </c>
      <c r="C20" s="326">
        <v>2447507</v>
      </c>
      <c r="D20" s="327">
        <v>3997264</v>
      </c>
      <c r="E20" s="328">
        <v>6444771</v>
      </c>
      <c r="F20" s="329">
        <v>0</v>
      </c>
      <c r="G20" s="327">
        <v>34257684</v>
      </c>
      <c r="H20" s="327">
        <v>41960714</v>
      </c>
      <c r="I20" s="327">
        <v>35098357</v>
      </c>
      <c r="J20" s="327">
        <v>41974950</v>
      </c>
      <c r="K20" s="327">
        <v>25511931</v>
      </c>
      <c r="L20" s="329">
        <v>178803636</v>
      </c>
      <c r="M20" s="330">
        <v>185248407</v>
      </c>
      <c r="N20" s="326">
        <v>336143</v>
      </c>
      <c r="O20" s="327">
        <v>496948</v>
      </c>
      <c r="P20" s="328">
        <v>833091</v>
      </c>
      <c r="Q20" s="326">
        <v>0</v>
      </c>
      <c r="R20" s="327">
        <v>7768504</v>
      </c>
      <c r="S20" s="327">
        <v>11738681</v>
      </c>
      <c r="T20" s="327">
        <v>10252632</v>
      </c>
      <c r="U20" s="327">
        <v>14327228</v>
      </c>
      <c r="V20" s="327">
        <v>12275227</v>
      </c>
      <c r="W20" s="328">
        <v>56362272</v>
      </c>
      <c r="X20" s="330">
        <v>57195363</v>
      </c>
      <c r="Y20" s="326">
        <v>0</v>
      </c>
      <c r="Z20" s="327">
        <v>0</v>
      </c>
      <c r="AA20" s="328">
        <v>0</v>
      </c>
      <c r="AB20" s="326">
        <v>0</v>
      </c>
      <c r="AC20" s="327">
        <v>3135466</v>
      </c>
      <c r="AD20" s="327">
        <v>6029553</v>
      </c>
      <c r="AE20" s="327">
        <v>5794885</v>
      </c>
      <c r="AF20" s="327">
        <v>9239700</v>
      </c>
      <c r="AG20" s="327">
        <v>7337778</v>
      </c>
      <c r="AH20" s="328">
        <v>31537382</v>
      </c>
      <c r="AI20" s="330">
        <v>31537382</v>
      </c>
      <c r="AJ20" s="326">
        <v>0</v>
      </c>
      <c r="AK20" s="327">
        <v>0</v>
      </c>
      <c r="AL20" s="328">
        <v>0</v>
      </c>
      <c r="AM20" s="326">
        <v>0</v>
      </c>
      <c r="AN20" s="327">
        <v>54047</v>
      </c>
      <c r="AO20" s="327">
        <v>121607</v>
      </c>
      <c r="AP20" s="327">
        <v>189168</v>
      </c>
      <c r="AQ20" s="327">
        <v>996878</v>
      </c>
      <c r="AR20" s="327">
        <v>1194119</v>
      </c>
      <c r="AS20" s="328">
        <v>2555819</v>
      </c>
      <c r="AT20" s="330">
        <v>2555819</v>
      </c>
      <c r="AU20" s="326">
        <v>102024</v>
      </c>
      <c r="AV20" s="327">
        <v>398301</v>
      </c>
      <c r="AW20" s="328">
        <v>500325</v>
      </c>
      <c r="AX20" s="326">
        <v>0</v>
      </c>
      <c r="AY20" s="327">
        <v>2343015</v>
      </c>
      <c r="AZ20" s="327">
        <v>3521194</v>
      </c>
      <c r="BA20" s="327">
        <v>2656434</v>
      </c>
      <c r="BB20" s="327">
        <v>2212947</v>
      </c>
      <c r="BC20" s="327">
        <v>2470618</v>
      </c>
      <c r="BD20" s="328">
        <v>13204208</v>
      </c>
      <c r="BE20" s="330">
        <v>13704533</v>
      </c>
      <c r="BF20" s="326">
        <v>0</v>
      </c>
      <c r="BG20" s="327">
        <v>17191</v>
      </c>
      <c r="BH20" s="331">
        <v>17191</v>
      </c>
      <c r="BI20" s="332">
        <v>0</v>
      </c>
      <c r="BJ20" s="327">
        <v>309624</v>
      </c>
      <c r="BK20" s="327">
        <v>456526</v>
      </c>
      <c r="BL20" s="327">
        <v>193447</v>
      </c>
      <c r="BM20" s="327">
        <v>123346</v>
      </c>
      <c r="BN20" s="327">
        <v>88363</v>
      </c>
      <c r="BO20" s="328">
        <v>1171306</v>
      </c>
      <c r="BP20" s="330">
        <v>1188497</v>
      </c>
      <c r="BQ20" s="326">
        <v>234119</v>
      </c>
      <c r="BR20" s="327">
        <v>81456</v>
      </c>
      <c r="BS20" s="328">
        <v>315575</v>
      </c>
      <c r="BT20" s="326">
        <v>0</v>
      </c>
      <c r="BU20" s="327">
        <v>1926352</v>
      </c>
      <c r="BV20" s="327">
        <v>1609801</v>
      </c>
      <c r="BW20" s="327">
        <v>1418698</v>
      </c>
      <c r="BX20" s="327">
        <v>1754357</v>
      </c>
      <c r="BY20" s="327">
        <v>1184349</v>
      </c>
      <c r="BZ20" s="328">
        <v>7893557</v>
      </c>
      <c r="CA20" s="330">
        <v>8209132</v>
      </c>
      <c r="CB20" s="326">
        <v>68895</v>
      </c>
      <c r="CC20" s="327">
        <v>277800</v>
      </c>
      <c r="CD20" s="328">
        <v>346695</v>
      </c>
      <c r="CE20" s="326">
        <v>0</v>
      </c>
      <c r="CF20" s="327">
        <v>6668223</v>
      </c>
      <c r="CG20" s="327">
        <v>10533172</v>
      </c>
      <c r="CH20" s="327">
        <v>7960689</v>
      </c>
      <c r="CI20" s="327">
        <v>4371557</v>
      </c>
      <c r="CJ20" s="327">
        <v>1923172</v>
      </c>
      <c r="CK20" s="328">
        <v>31456813</v>
      </c>
      <c r="CL20" s="330">
        <v>31803508</v>
      </c>
      <c r="CM20" s="326">
        <v>0</v>
      </c>
      <c r="CN20" s="327">
        <v>0</v>
      </c>
      <c r="CO20" s="328">
        <v>0</v>
      </c>
      <c r="CP20" s="332">
        <v>0</v>
      </c>
      <c r="CQ20" s="327">
        <v>4883639</v>
      </c>
      <c r="CR20" s="327">
        <v>7937071</v>
      </c>
      <c r="CS20" s="327">
        <v>5187944</v>
      </c>
      <c r="CT20" s="327">
        <v>3354400</v>
      </c>
      <c r="CU20" s="327">
        <v>1502318</v>
      </c>
      <c r="CV20" s="328">
        <v>22865372</v>
      </c>
      <c r="CW20" s="330">
        <v>22865372</v>
      </c>
      <c r="CX20" s="326">
        <v>68895</v>
      </c>
      <c r="CY20" s="327">
        <v>277800</v>
      </c>
      <c r="CZ20" s="328">
        <v>346695</v>
      </c>
      <c r="DA20" s="326">
        <v>0</v>
      </c>
      <c r="DB20" s="327">
        <v>1784584</v>
      </c>
      <c r="DC20" s="327">
        <v>2596101</v>
      </c>
      <c r="DD20" s="327">
        <v>2772745</v>
      </c>
      <c r="DE20" s="327">
        <v>1017157</v>
      </c>
      <c r="DF20" s="327">
        <v>420854</v>
      </c>
      <c r="DG20" s="328">
        <v>8591441</v>
      </c>
      <c r="DH20" s="330">
        <v>8938136</v>
      </c>
      <c r="DI20" s="326">
        <v>0</v>
      </c>
      <c r="DJ20" s="327">
        <v>22545</v>
      </c>
      <c r="DK20" s="331">
        <v>22545</v>
      </c>
      <c r="DL20" s="332">
        <v>0</v>
      </c>
      <c r="DM20" s="327">
        <v>886922</v>
      </c>
      <c r="DN20" s="327">
        <v>2782911</v>
      </c>
      <c r="DO20" s="327">
        <v>5674927</v>
      </c>
      <c r="DP20" s="327">
        <v>9140198</v>
      </c>
      <c r="DQ20" s="327">
        <v>4305635</v>
      </c>
      <c r="DR20" s="328">
        <v>22790593</v>
      </c>
      <c r="DS20" s="330">
        <v>22813138</v>
      </c>
      <c r="DT20" s="326">
        <v>0</v>
      </c>
      <c r="DU20" s="327">
        <v>22545</v>
      </c>
      <c r="DV20" s="328">
        <v>22545</v>
      </c>
      <c r="DW20" s="326">
        <v>0</v>
      </c>
      <c r="DX20" s="327">
        <v>540534</v>
      </c>
      <c r="DY20" s="327">
        <v>2664642</v>
      </c>
      <c r="DZ20" s="327">
        <v>5480431</v>
      </c>
      <c r="EA20" s="327">
        <v>8963067</v>
      </c>
      <c r="EB20" s="327">
        <v>4305635</v>
      </c>
      <c r="EC20" s="328">
        <v>21954309</v>
      </c>
      <c r="ED20" s="330">
        <v>21976854</v>
      </c>
      <c r="EE20" s="326">
        <v>0</v>
      </c>
      <c r="EF20" s="331">
        <v>0</v>
      </c>
      <c r="EG20" s="328">
        <v>0</v>
      </c>
      <c r="EH20" s="326">
        <v>0</v>
      </c>
      <c r="EI20" s="327">
        <v>346388</v>
      </c>
      <c r="EJ20" s="327">
        <v>118269</v>
      </c>
      <c r="EK20" s="327">
        <v>194496</v>
      </c>
      <c r="EL20" s="327">
        <v>177131</v>
      </c>
      <c r="EM20" s="327">
        <v>0</v>
      </c>
      <c r="EN20" s="331">
        <v>836284</v>
      </c>
      <c r="EO20" s="330">
        <v>836284</v>
      </c>
      <c r="EP20" s="326">
        <v>0</v>
      </c>
      <c r="EQ20" s="327">
        <v>0</v>
      </c>
      <c r="ER20" s="331">
        <v>0</v>
      </c>
      <c r="ES20" s="332">
        <v>0</v>
      </c>
      <c r="ET20" s="327">
        <v>0</v>
      </c>
      <c r="EU20" s="327">
        <v>0</v>
      </c>
      <c r="EV20" s="327">
        <v>0</v>
      </c>
      <c r="EW20" s="327">
        <v>0</v>
      </c>
      <c r="EX20" s="327">
        <v>0</v>
      </c>
      <c r="EY20" s="328">
        <v>0</v>
      </c>
      <c r="EZ20" s="330">
        <v>0</v>
      </c>
      <c r="FA20" s="326">
        <v>0</v>
      </c>
      <c r="FB20" s="327">
        <v>0</v>
      </c>
      <c r="FC20" s="331">
        <v>0</v>
      </c>
      <c r="FD20" s="332">
        <v>0</v>
      </c>
      <c r="FE20" s="327">
        <v>0</v>
      </c>
      <c r="FF20" s="327">
        <v>0</v>
      </c>
      <c r="FG20" s="327">
        <v>0</v>
      </c>
      <c r="FH20" s="327">
        <v>0</v>
      </c>
      <c r="FI20" s="327">
        <v>0</v>
      </c>
      <c r="FJ20" s="328">
        <v>0</v>
      </c>
      <c r="FK20" s="330">
        <v>0</v>
      </c>
      <c r="FL20" s="326">
        <v>440581</v>
      </c>
      <c r="FM20" s="327">
        <v>1111996</v>
      </c>
      <c r="FN20" s="328">
        <v>1552577</v>
      </c>
      <c r="FO20" s="326">
        <v>0</v>
      </c>
      <c r="FP20" s="327">
        <v>1902912</v>
      </c>
      <c r="FQ20" s="327">
        <v>4349179</v>
      </c>
      <c r="FR20" s="327">
        <v>2579015</v>
      </c>
      <c r="FS20" s="327">
        <v>2139808</v>
      </c>
      <c r="FT20" s="327">
        <v>1723658</v>
      </c>
      <c r="FU20" s="328">
        <v>12694572</v>
      </c>
      <c r="FV20" s="330">
        <v>14247149</v>
      </c>
      <c r="FW20" s="333">
        <v>383719</v>
      </c>
      <c r="FX20" s="327">
        <v>981874</v>
      </c>
      <c r="FY20" s="331">
        <v>1365593</v>
      </c>
      <c r="FZ20" s="332">
        <v>0</v>
      </c>
      <c r="GA20" s="327">
        <v>1485004</v>
      </c>
      <c r="GB20" s="327">
        <v>4227947</v>
      </c>
      <c r="GC20" s="327">
        <v>2530703</v>
      </c>
      <c r="GD20" s="327">
        <v>2139808</v>
      </c>
      <c r="GE20" s="327">
        <v>1696100</v>
      </c>
      <c r="GF20" s="328">
        <v>12079562</v>
      </c>
      <c r="GG20" s="334">
        <v>13445155</v>
      </c>
      <c r="GH20" s="333">
        <v>27162</v>
      </c>
      <c r="GI20" s="327">
        <v>130122</v>
      </c>
      <c r="GJ20" s="331">
        <v>157284</v>
      </c>
      <c r="GK20" s="332">
        <v>0</v>
      </c>
      <c r="GL20" s="327">
        <v>173612</v>
      </c>
      <c r="GM20" s="327">
        <v>54506</v>
      </c>
      <c r="GN20" s="327">
        <v>48312</v>
      </c>
      <c r="GO20" s="327">
        <v>0</v>
      </c>
      <c r="GP20" s="327">
        <v>27558</v>
      </c>
      <c r="GQ20" s="328">
        <v>303988</v>
      </c>
      <c r="GR20" s="330">
        <v>461272</v>
      </c>
      <c r="GS20" s="326">
        <v>29700</v>
      </c>
      <c r="GT20" s="327">
        <v>0</v>
      </c>
      <c r="GU20" s="328">
        <v>29700</v>
      </c>
      <c r="GV20" s="326">
        <v>0</v>
      </c>
      <c r="GW20" s="327">
        <v>244296</v>
      </c>
      <c r="GX20" s="327">
        <v>66726</v>
      </c>
      <c r="GY20" s="327">
        <v>0</v>
      </c>
      <c r="GZ20" s="327">
        <v>0</v>
      </c>
      <c r="HA20" s="327">
        <v>0</v>
      </c>
      <c r="HB20" s="331">
        <v>311022</v>
      </c>
      <c r="HC20" s="330">
        <v>340722</v>
      </c>
      <c r="HD20" s="326">
        <v>1206816</v>
      </c>
      <c r="HE20" s="327">
        <v>1135763</v>
      </c>
      <c r="HF20" s="331">
        <v>2342579</v>
      </c>
      <c r="HG20" s="332">
        <v>0</v>
      </c>
      <c r="HH20" s="327">
        <v>9943941</v>
      </c>
      <c r="HI20" s="327">
        <v>4812638</v>
      </c>
      <c r="HJ20" s="327">
        <v>4541586</v>
      </c>
      <c r="HK20" s="327">
        <v>9032433</v>
      </c>
      <c r="HL20" s="327">
        <v>3603878</v>
      </c>
      <c r="HM20" s="328">
        <v>31934476</v>
      </c>
      <c r="HN20" s="329">
        <v>34277055</v>
      </c>
      <c r="HO20" s="333">
        <v>395072</v>
      </c>
      <c r="HP20" s="327">
        <v>952212</v>
      </c>
      <c r="HQ20" s="328">
        <v>1347284</v>
      </c>
      <c r="HR20" s="326">
        <v>0</v>
      </c>
      <c r="HS20" s="327">
        <v>7087182</v>
      </c>
      <c r="HT20" s="327">
        <v>7744133</v>
      </c>
      <c r="HU20" s="327">
        <v>4089508</v>
      </c>
      <c r="HV20" s="327">
        <v>2963726</v>
      </c>
      <c r="HW20" s="327">
        <v>1680361</v>
      </c>
      <c r="HX20" s="331">
        <v>23564910</v>
      </c>
      <c r="HY20" s="330">
        <v>24912194</v>
      </c>
      <c r="HZ20" s="358">
        <v>51126</v>
      </c>
      <c r="IA20" s="356">
        <v>1151938</v>
      </c>
      <c r="IB20" s="358">
        <v>1203064</v>
      </c>
      <c r="IC20" s="355">
        <v>0</v>
      </c>
      <c r="ID20" s="356">
        <v>24449254</v>
      </c>
      <c r="IE20" s="357">
        <v>27837348</v>
      </c>
      <c r="IF20" s="358">
        <v>22111769</v>
      </c>
      <c r="IG20" s="356">
        <v>16479879</v>
      </c>
      <c r="IH20" s="358">
        <v>12509632</v>
      </c>
      <c r="II20" s="359">
        <v>103387882</v>
      </c>
      <c r="IJ20" s="358">
        <v>104590946</v>
      </c>
      <c r="IK20" s="342">
        <v>0</v>
      </c>
      <c r="IL20" s="343">
        <v>0</v>
      </c>
      <c r="IM20" s="344">
        <v>0</v>
      </c>
      <c r="IN20" s="404">
        <v>0</v>
      </c>
      <c r="IO20" s="345">
        <v>234318</v>
      </c>
      <c r="IP20" s="345">
        <v>0</v>
      </c>
      <c r="IQ20" s="345">
        <v>767971</v>
      </c>
      <c r="IR20" s="345">
        <v>364571</v>
      </c>
      <c r="IS20" s="345">
        <v>1765361</v>
      </c>
      <c r="IT20" s="346">
        <v>3132221</v>
      </c>
      <c r="IU20" s="347">
        <v>3132221</v>
      </c>
      <c r="IV20" s="348">
        <v>0</v>
      </c>
      <c r="IW20" s="345">
        <v>0</v>
      </c>
      <c r="IX20" s="349">
        <v>0</v>
      </c>
      <c r="IY20" s="413">
        <v>0</v>
      </c>
      <c r="IZ20" s="345">
        <v>0</v>
      </c>
      <c r="JA20" s="345">
        <v>0</v>
      </c>
      <c r="JB20" s="345">
        <v>0</v>
      </c>
      <c r="JC20" s="345">
        <v>0</v>
      </c>
      <c r="JD20" s="345">
        <v>0</v>
      </c>
      <c r="JE20" s="349">
        <v>0</v>
      </c>
      <c r="JF20" s="350">
        <v>0</v>
      </c>
      <c r="JG20" s="348">
        <v>0</v>
      </c>
      <c r="JH20" s="345">
        <v>0</v>
      </c>
      <c r="JI20" s="346">
        <v>0</v>
      </c>
      <c r="JJ20" s="351">
        <v>0</v>
      </c>
      <c r="JK20" s="345">
        <v>8665836</v>
      </c>
      <c r="JL20" s="345">
        <v>10635847</v>
      </c>
      <c r="JM20" s="345">
        <v>7240104</v>
      </c>
      <c r="JN20" s="345">
        <v>3285242</v>
      </c>
      <c r="JO20" s="345">
        <v>1852851</v>
      </c>
      <c r="JP20" s="349">
        <v>31679880</v>
      </c>
      <c r="JQ20" s="347">
        <v>31679880</v>
      </c>
      <c r="JR20" s="348">
        <v>0</v>
      </c>
      <c r="JS20" s="345">
        <v>76828</v>
      </c>
      <c r="JT20" s="346">
        <v>76828</v>
      </c>
      <c r="JU20" s="351">
        <v>0</v>
      </c>
      <c r="JV20" s="345">
        <v>360843</v>
      </c>
      <c r="JW20" s="345">
        <v>148858</v>
      </c>
      <c r="JX20" s="345">
        <v>628442</v>
      </c>
      <c r="JY20" s="345">
        <v>43910</v>
      </c>
      <c r="JZ20" s="345">
        <v>253338</v>
      </c>
      <c r="KA20" s="349">
        <v>1435391</v>
      </c>
      <c r="KB20" s="347">
        <v>1512219</v>
      </c>
      <c r="KC20" s="352">
        <v>51126</v>
      </c>
      <c r="KD20" s="353">
        <v>1075110</v>
      </c>
      <c r="KE20" s="349">
        <v>1126236</v>
      </c>
      <c r="KF20" s="351">
        <v>0</v>
      </c>
      <c r="KG20" s="345">
        <v>2424501</v>
      </c>
      <c r="KH20" s="345">
        <v>2533363</v>
      </c>
      <c r="KI20" s="345">
        <v>456434</v>
      </c>
      <c r="KJ20" s="345">
        <v>98203</v>
      </c>
      <c r="KK20" s="345">
        <v>659602</v>
      </c>
      <c r="KL20" s="349">
        <v>6172103</v>
      </c>
      <c r="KM20" s="354">
        <v>7298339</v>
      </c>
      <c r="KN20" s="342">
        <v>0</v>
      </c>
      <c r="KO20" s="343">
        <v>0</v>
      </c>
      <c r="KP20" s="344">
        <v>0</v>
      </c>
      <c r="KQ20" s="413">
        <v>0</v>
      </c>
      <c r="KR20" s="345">
        <v>12291130</v>
      </c>
      <c r="KS20" s="345">
        <v>12826952</v>
      </c>
      <c r="KT20" s="345">
        <v>9146107</v>
      </c>
      <c r="KU20" s="345">
        <v>7982809</v>
      </c>
      <c r="KV20" s="345">
        <v>4530440</v>
      </c>
      <c r="KW20" s="349">
        <v>46777438</v>
      </c>
      <c r="KX20" s="347">
        <v>46777438</v>
      </c>
      <c r="KY20" s="348">
        <v>0</v>
      </c>
      <c r="KZ20" s="345">
        <v>0</v>
      </c>
      <c r="LA20" s="349">
        <v>0</v>
      </c>
      <c r="LB20" s="413">
        <v>0</v>
      </c>
      <c r="LC20" s="345">
        <v>0</v>
      </c>
      <c r="LD20" s="345">
        <v>0</v>
      </c>
      <c r="LE20" s="345">
        <v>0</v>
      </c>
      <c r="LF20" s="345">
        <v>0</v>
      </c>
      <c r="LG20" s="345">
        <v>0</v>
      </c>
      <c r="LH20" s="349">
        <v>0</v>
      </c>
      <c r="LI20" s="350">
        <v>0</v>
      </c>
      <c r="LJ20" s="348">
        <v>0</v>
      </c>
      <c r="LK20" s="345">
        <v>0</v>
      </c>
      <c r="LL20" s="349">
        <v>0</v>
      </c>
      <c r="LM20" s="413">
        <v>0</v>
      </c>
      <c r="LN20" s="345">
        <v>0</v>
      </c>
      <c r="LO20" s="345">
        <v>0</v>
      </c>
      <c r="LP20" s="345">
        <v>2578056</v>
      </c>
      <c r="LQ20" s="345">
        <v>3712100</v>
      </c>
      <c r="LR20" s="345">
        <v>3084207</v>
      </c>
      <c r="LS20" s="349">
        <v>9374363</v>
      </c>
      <c r="LT20" s="347">
        <v>9374363</v>
      </c>
      <c r="LU20" s="348">
        <v>0</v>
      </c>
      <c r="LV20" s="345">
        <v>0</v>
      </c>
      <c r="LW20" s="349">
        <v>0</v>
      </c>
      <c r="LX20" s="413">
        <v>0</v>
      </c>
      <c r="LY20" s="345">
        <v>472626</v>
      </c>
      <c r="LZ20" s="345">
        <v>1692328</v>
      </c>
      <c r="MA20" s="345">
        <v>1294655</v>
      </c>
      <c r="MB20" s="345">
        <v>993044</v>
      </c>
      <c r="MC20" s="345">
        <v>363833</v>
      </c>
      <c r="MD20" s="349">
        <v>4816486</v>
      </c>
      <c r="ME20" s="350">
        <v>4816486</v>
      </c>
      <c r="MF20" s="348">
        <v>0</v>
      </c>
      <c r="MG20" s="345">
        <v>0</v>
      </c>
      <c r="MH20" s="349">
        <v>0</v>
      </c>
      <c r="MI20" s="413">
        <v>0</v>
      </c>
      <c r="MJ20" s="345">
        <v>6192755</v>
      </c>
      <c r="MK20" s="345">
        <v>9254737</v>
      </c>
      <c r="ML20" s="345">
        <v>34375729</v>
      </c>
      <c r="MM20" s="345">
        <v>69445956</v>
      </c>
      <c r="MN20" s="345">
        <v>30351914</v>
      </c>
      <c r="MO20" s="349">
        <v>149621091</v>
      </c>
      <c r="MP20" s="354">
        <v>149621091</v>
      </c>
      <c r="MQ20" s="348">
        <v>0</v>
      </c>
      <c r="MR20" s="345">
        <v>0</v>
      </c>
      <c r="MS20" s="349">
        <v>0</v>
      </c>
      <c r="MT20" s="413">
        <v>0</v>
      </c>
      <c r="MU20" s="345">
        <v>237302</v>
      </c>
      <c r="MV20" s="345">
        <v>243922</v>
      </c>
      <c r="MW20" s="345">
        <v>22454426</v>
      </c>
      <c r="MX20" s="345">
        <v>48056543</v>
      </c>
      <c r="MY20" s="345">
        <v>21659936</v>
      </c>
      <c r="MZ20" s="349">
        <v>92652129</v>
      </c>
      <c r="NA20" s="354">
        <v>92652129</v>
      </c>
      <c r="NB20" s="348">
        <v>0</v>
      </c>
      <c r="NC20" s="345">
        <v>0</v>
      </c>
      <c r="ND20" s="349">
        <v>0</v>
      </c>
      <c r="NE20" s="413">
        <v>0</v>
      </c>
      <c r="NF20" s="345">
        <v>5955453</v>
      </c>
      <c r="NG20" s="345">
        <v>9010815</v>
      </c>
      <c r="NH20" s="345">
        <v>11921303</v>
      </c>
      <c r="NI20" s="345">
        <v>21389413</v>
      </c>
      <c r="NJ20" s="345">
        <v>8691978</v>
      </c>
      <c r="NK20" s="349">
        <v>56968962</v>
      </c>
      <c r="NL20" s="347">
        <v>56968962</v>
      </c>
      <c r="NM20" s="348">
        <v>0</v>
      </c>
      <c r="NN20" s="345">
        <v>0</v>
      </c>
      <c r="NO20" s="349">
        <v>0</v>
      </c>
      <c r="NP20" s="413">
        <v>0</v>
      </c>
      <c r="NQ20" s="345">
        <v>0</v>
      </c>
      <c r="NR20" s="345">
        <v>0</v>
      </c>
      <c r="NS20" s="345">
        <v>0</v>
      </c>
      <c r="NT20" s="345">
        <v>0</v>
      </c>
      <c r="NU20" s="345">
        <v>0</v>
      </c>
      <c r="NV20" s="349">
        <v>0</v>
      </c>
      <c r="NW20" s="350">
        <v>0</v>
      </c>
      <c r="NX20" s="348">
        <v>0</v>
      </c>
      <c r="NY20" s="345">
        <v>0</v>
      </c>
      <c r="NZ20" s="349">
        <v>0</v>
      </c>
      <c r="OA20" s="413">
        <v>0</v>
      </c>
      <c r="OB20" s="345">
        <v>0</v>
      </c>
      <c r="OC20" s="345">
        <v>0</v>
      </c>
      <c r="OD20" s="345">
        <v>0</v>
      </c>
      <c r="OE20" s="345">
        <v>0</v>
      </c>
      <c r="OF20" s="345">
        <v>0</v>
      </c>
      <c r="OG20" s="349">
        <v>0</v>
      </c>
      <c r="OH20" s="350">
        <v>0</v>
      </c>
      <c r="OI20" s="348">
        <v>2498633</v>
      </c>
      <c r="OJ20" s="345">
        <v>5149202</v>
      </c>
      <c r="OK20" s="346">
        <v>7647835</v>
      </c>
      <c r="OL20" s="351">
        <v>0</v>
      </c>
      <c r="OM20" s="345">
        <v>64899693</v>
      </c>
      <c r="ON20" s="345">
        <v>79052799</v>
      </c>
      <c r="OO20" s="345">
        <v>91585855</v>
      </c>
      <c r="OP20" s="345">
        <v>127900785</v>
      </c>
      <c r="OQ20" s="345">
        <v>68373477</v>
      </c>
      <c r="OR20" s="349">
        <v>431812609</v>
      </c>
      <c r="OS20" s="354">
        <v>439460444</v>
      </c>
    </row>
    <row r="21" spans="2:409" s="70" customFormat="1" ht="21" customHeight="1" x14ac:dyDescent="0.2">
      <c r="B21" s="410" t="s">
        <v>16</v>
      </c>
      <c r="C21" s="326">
        <v>6814808</v>
      </c>
      <c r="D21" s="327">
        <v>15936578</v>
      </c>
      <c r="E21" s="328">
        <v>22751386</v>
      </c>
      <c r="F21" s="329">
        <v>0</v>
      </c>
      <c r="G21" s="327">
        <v>85270853</v>
      </c>
      <c r="H21" s="327">
        <v>139546966</v>
      </c>
      <c r="I21" s="327">
        <v>107901859</v>
      </c>
      <c r="J21" s="327">
        <v>109807962</v>
      </c>
      <c r="K21" s="327">
        <v>75781426</v>
      </c>
      <c r="L21" s="329">
        <v>518309066</v>
      </c>
      <c r="M21" s="330">
        <v>541060452</v>
      </c>
      <c r="N21" s="326">
        <v>1308493</v>
      </c>
      <c r="O21" s="327">
        <v>2824713</v>
      </c>
      <c r="P21" s="328">
        <v>4133206</v>
      </c>
      <c r="Q21" s="326">
        <v>0</v>
      </c>
      <c r="R21" s="327">
        <v>16659920</v>
      </c>
      <c r="S21" s="327">
        <v>31865061</v>
      </c>
      <c r="T21" s="327">
        <v>28242541</v>
      </c>
      <c r="U21" s="327">
        <v>32617659</v>
      </c>
      <c r="V21" s="327">
        <v>28582201</v>
      </c>
      <c r="W21" s="328">
        <v>137967382</v>
      </c>
      <c r="X21" s="330">
        <v>142100588</v>
      </c>
      <c r="Y21" s="326">
        <v>0</v>
      </c>
      <c r="Z21" s="327">
        <v>0</v>
      </c>
      <c r="AA21" s="328">
        <v>0</v>
      </c>
      <c r="AB21" s="326">
        <v>0</v>
      </c>
      <c r="AC21" s="327">
        <v>6713538</v>
      </c>
      <c r="AD21" s="327">
        <v>11385996</v>
      </c>
      <c r="AE21" s="327">
        <v>14669578</v>
      </c>
      <c r="AF21" s="327">
        <v>17563260</v>
      </c>
      <c r="AG21" s="327">
        <v>14479397</v>
      </c>
      <c r="AH21" s="328">
        <v>64811769</v>
      </c>
      <c r="AI21" s="330">
        <v>64811769</v>
      </c>
      <c r="AJ21" s="326">
        <v>0</v>
      </c>
      <c r="AK21" s="327">
        <v>0</v>
      </c>
      <c r="AL21" s="328">
        <v>0</v>
      </c>
      <c r="AM21" s="326">
        <v>0</v>
      </c>
      <c r="AN21" s="327">
        <v>142363</v>
      </c>
      <c r="AO21" s="327">
        <v>224911</v>
      </c>
      <c r="AP21" s="327">
        <v>614690</v>
      </c>
      <c r="AQ21" s="327">
        <v>1324508</v>
      </c>
      <c r="AR21" s="327">
        <v>2873012</v>
      </c>
      <c r="AS21" s="328">
        <v>5179484</v>
      </c>
      <c r="AT21" s="330">
        <v>5179484</v>
      </c>
      <c r="AU21" s="326">
        <v>802550</v>
      </c>
      <c r="AV21" s="327">
        <v>2007775</v>
      </c>
      <c r="AW21" s="328">
        <v>2810325</v>
      </c>
      <c r="AX21" s="326">
        <v>0</v>
      </c>
      <c r="AY21" s="327">
        <v>5649879</v>
      </c>
      <c r="AZ21" s="327">
        <v>13989336</v>
      </c>
      <c r="BA21" s="327">
        <v>8654067</v>
      </c>
      <c r="BB21" s="327">
        <v>8667429</v>
      </c>
      <c r="BC21" s="327">
        <v>7355134</v>
      </c>
      <c r="BD21" s="328">
        <v>44315845</v>
      </c>
      <c r="BE21" s="330">
        <v>47126170</v>
      </c>
      <c r="BF21" s="326">
        <v>123989</v>
      </c>
      <c r="BG21" s="327">
        <v>359800</v>
      </c>
      <c r="BH21" s="331">
        <v>483789</v>
      </c>
      <c r="BI21" s="332">
        <v>0</v>
      </c>
      <c r="BJ21" s="327">
        <v>254469</v>
      </c>
      <c r="BK21" s="327">
        <v>1137817</v>
      </c>
      <c r="BL21" s="327">
        <v>497309</v>
      </c>
      <c r="BM21" s="327">
        <v>330667</v>
      </c>
      <c r="BN21" s="327">
        <v>566915</v>
      </c>
      <c r="BO21" s="328">
        <v>2787177</v>
      </c>
      <c r="BP21" s="330">
        <v>3270966</v>
      </c>
      <c r="BQ21" s="326">
        <v>381954</v>
      </c>
      <c r="BR21" s="327">
        <v>457138</v>
      </c>
      <c r="BS21" s="328">
        <v>839092</v>
      </c>
      <c r="BT21" s="326">
        <v>0</v>
      </c>
      <c r="BU21" s="327">
        <v>3899671</v>
      </c>
      <c r="BV21" s="327">
        <v>5127001</v>
      </c>
      <c r="BW21" s="327">
        <v>3806897</v>
      </c>
      <c r="BX21" s="327">
        <v>4731795</v>
      </c>
      <c r="BY21" s="327">
        <v>3307743</v>
      </c>
      <c r="BZ21" s="328">
        <v>20873107</v>
      </c>
      <c r="CA21" s="330">
        <v>21712199</v>
      </c>
      <c r="CB21" s="326">
        <v>1367941</v>
      </c>
      <c r="CC21" s="327">
        <v>5044354</v>
      </c>
      <c r="CD21" s="328">
        <v>6412295</v>
      </c>
      <c r="CE21" s="326">
        <v>0</v>
      </c>
      <c r="CF21" s="327">
        <v>28871362</v>
      </c>
      <c r="CG21" s="327">
        <v>49034759</v>
      </c>
      <c r="CH21" s="327">
        <v>32551943</v>
      </c>
      <c r="CI21" s="327">
        <v>28941831</v>
      </c>
      <c r="CJ21" s="327">
        <v>14831324</v>
      </c>
      <c r="CK21" s="328">
        <v>154231219</v>
      </c>
      <c r="CL21" s="330">
        <v>160643514</v>
      </c>
      <c r="CM21" s="326">
        <v>0</v>
      </c>
      <c r="CN21" s="327">
        <v>0</v>
      </c>
      <c r="CO21" s="328">
        <v>0</v>
      </c>
      <c r="CP21" s="332">
        <v>0</v>
      </c>
      <c r="CQ21" s="327">
        <v>19900164</v>
      </c>
      <c r="CR21" s="327">
        <v>32520912</v>
      </c>
      <c r="CS21" s="327">
        <v>24100252</v>
      </c>
      <c r="CT21" s="327">
        <v>21851173</v>
      </c>
      <c r="CU21" s="327">
        <v>11983489</v>
      </c>
      <c r="CV21" s="328">
        <v>110355990</v>
      </c>
      <c r="CW21" s="330">
        <v>110355990</v>
      </c>
      <c r="CX21" s="326">
        <v>1367941</v>
      </c>
      <c r="CY21" s="327">
        <v>5044354</v>
      </c>
      <c r="CZ21" s="328">
        <v>6412295</v>
      </c>
      <c r="DA21" s="326">
        <v>0</v>
      </c>
      <c r="DB21" s="327">
        <v>8971198</v>
      </c>
      <c r="DC21" s="327">
        <v>16513847</v>
      </c>
      <c r="DD21" s="327">
        <v>8451691</v>
      </c>
      <c r="DE21" s="327">
        <v>7090658</v>
      </c>
      <c r="DF21" s="327">
        <v>2847835</v>
      </c>
      <c r="DG21" s="328">
        <v>43875229</v>
      </c>
      <c r="DH21" s="330">
        <v>50287524</v>
      </c>
      <c r="DI21" s="326">
        <v>0</v>
      </c>
      <c r="DJ21" s="327">
        <v>92754</v>
      </c>
      <c r="DK21" s="331">
        <v>92754</v>
      </c>
      <c r="DL21" s="332">
        <v>0</v>
      </c>
      <c r="DM21" s="327">
        <v>1822898</v>
      </c>
      <c r="DN21" s="327">
        <v>6829819</v>
      </c>
      <c r="DO21" s="327">
        <v>9141521</v>
      </c>
      <c r="DP21" s="327">
        <v>4454240</v>
      </c>
      <c r="DQ21" s="327">
        <v>3534929</v>
      </c>
      <c r="DR21" s="328">
        <v>25783407</v>
      </c>
      <c r="DS21" s="330">
        <v>25876161</v>
      </c>
      <c r="DT21" s="326">
        <v>0</v>
      </c>
      <c r="DU21" s="327">
        <v>92754</v>
      </c>
      <c r="DV21" s="328">
        <v>92754</v>
      </c>
      <c r="DW21" s="326">
        <v>0</v>
      </c>
      <c r="DX21" s="327">
        <v>1706011</v>
      </c>
      <c r="DY21" s="327">
        <v>6053101</v>
      </c>
      <c r="DZ21" s="327">
        <v>8498309</v>
      </c>
      <c r="EA21" s="327">
        <v>4225065</v>
      </c>
      <c r="EB21" s="327">
        <v>3169313</v>
      </c>
      <c r="EC21" s="328">
        <v>23651799</v>
      </c>
      <c r="ED21" s="330">
        <v>23744553</v>
      </c>
      <c r="EE21" s="326">
        <v>0</v>
      </c>
      <c r="EF21" s="331">
        <v>0</v>
      </c>
      <c r="EG21" s="328">
        <v>0</v>
      </c>
      <c r="EH21" s="326">
        <v>0</v>
      </c>
      <c r="EI21" s="327">
        <v>116887</v>
      </c>
      <c r="EJ21" s="327">
        <v>776718</v>
      </c>
      <c r="EK21" s="327">
        <v>643212</v>
      </c>
      <c r="EL21" s="327">
        <v>229175</v>
      </c>
      <c r="EM21" s="327">
        <v>365616</v>
      </c>
      <c r="EN21" s="331">
        <v>2131608</v>
      </c>
      <c r="EO21" s="330">
        <v>2131608</v>
      </c>
      <c r="EP21" s="326">
        <v>0</v>
      </c>
      <c r="EQ21" s="327">
        <v>0</v>
      </c>
      <c r="ER21" s="331">
        <v>0</v>
      </c>
      <c r="ES21" s="332">
        <v>0</v>
      </c>
      <c r="ET21" s="327">
        <v>0</v>
      </c>
      <c r="EU21" s="327">
        <v>0</v>
      </c>
      <c r="EV21" s="327">
        <v>0</v>
      </c>
      <c r="EW21" s="327">
        <v>0</v>
      </c>
      <c r="EX21" s="327">
        <v>0</v>
      </c>
      <c r="EY21" s="328">
        <v>0</v>
      </c>
      <c r="EZ21" s="330">
        <v>0</v>
      </c>
      <c r="FA21" s="326">
        <v>0</v>
      </c>
      <c r="FB21" s="327">
        <v>0</v>
      </c>
      <c r="FC21" s="331">
        <v>0</v>
      </c>
      <c r="FD21" s="332">
        <v>0</v>
      </c>
      <c r="FE21" s="327">
        <v>0</v>
      </c>
      <c r="FF21" s="327">
        <v>0</v>
      </c>
      <c r="FG21" s="327">
        <v>0</v>
      </c>
      <c r="FH21" s="327">
        <v>0</v>
      </c>
      <c r="FI21" s="327">
        <v>0</v>
      </c>
      <c r="FJ21" s="328">
        <v>0</v>
      </c>
      <c r="FK21" s="330">
        <v>0</v>
      </c>
      <c r="FL21" s="326">
        <v>1505129</v>
      </c>
      <c r="FM21" s="327">
        <v>3793544</v>
      </c>
      <c r="FN21" s="328">
        <v>5298673</v>
      </c>
      <c r="FO21" s="326">
        <v>0</v>
      </c>
      <c r="FP21" s="327">
        <v>4109969</v>
      </c>
      <c r="FQ21" s="327">
        <v>12573234</v>
      </c>
      <c r="FR21" s="327">
        <v>7818652</v>
      </c>
      <c r="FS21" s="327">
        <v>7867342</v>
      </c>
      <c r="FT21" s="327">
        <v>5302040</v>
      </c>
      <c r="FU21" s="328">
        <v>37671237</v>
      </c>
      <c r="FV21" s="330">
        <v>42969910</v>
      </c>
      <c r="FW21" s="333">
        <v>1041829</v>
      </c>
      <c r="FX21" s="327">
        <v>2718183</v>
      </c>
      <c r="FY21" s="331">
        <v>3760012</v>
      </c>
      <c r="FZ21" s="332">
        <v>0</v>
      </c>
      <c r="GA21" s="327">
        <v>3239185</v>
      </c>
      <c r="GB21" s="327">
        <v>11882169</v>
      </c>
      <c r="GC21" s="327">
        <v>7519060</v>
      </c>
      <c r="GD21" s="327">
        <v>7402127</v>
      </c>
      <c r="GE21" s="327">
        <v>5273132</v>
      </c>
      <c r="GF21" s="328">
        <v>35315673</v>
      </c>
      <c r="GG21" s="334">
        <v>39075685</v>
      </c>
      <c r="GH21" s="333">
        <v>58160</v>
      </c>
      <c r="GI21" s="327">
        <v>153480</v>
      </c>
      <c r="GJ21" s="331">
        <v>211640</v>
      </c>
      <c r="GK21" s="332">
        <v>0</v>
      </c>
      <c r="GL21" s="327">
        <v>305141</v>
      </c>
      <c r="GM21" s="327">
        <v>410220</v>
      </c>
      <c r="GN21" s="327">
        <v>50292</v>
      </c>
      <c r="GO21" s="327">
        <v>345716</v>
      </c>
      <c r="GP21" s="327">
        <v>28908</v>
      </c>
      <c r="GQ21" s="328">
        <v>1140277</v>
      </c>
      <c r="GR21" s="330">
        <v>1351917</v>
      </c>
      <c r="GS21" s="326">
        <v>405140</v>
      </c>
      <c r="GT21" s="327">
        <v>921881</v>
      </c>
      <c r="GU21" s="328">
        <v>1327021</v>
      </c>
      <c r="GV21" s="326">
        <v>0</v>
      </c>
      <c r="GW21" s="327">
        <v>565643</v>
      </c>
      <c r="GX21" s="327">
        <v>280845</v>
      </c>
      <c r="GY21" s="327">
        <v>249300</v>
      </c>
      <c r="GZ21" s="327">
        <v>119499</v>
      </c>
      <c r="HA21" s="327">
        <v>0</v>
      </c>
      <c r="HB21" s="331">
        <v>1215287</v>
      </c>
      <c r="HC21" s="330">
        <v>2542308</v>
      </c>
      <c r="HD21" s="326">
        <v>1388929</v>
      </c>
      <c r="HE21" s="327">
        <v>1651546</v>
      </c>
      <c r="HF21" s="331">
        <v>3040475</v>
      </c>
      <c r="HG21" s="332">
        <v>0</v>
      </c>
      <c r="HH21" s="327">
        <v>20481547</v>
      </c>
      <c r="HI21" s="327">
        <v>21878374</v>
      </c>
      <c r="HJ21" s="327">
        <v>19528645</v>
      </c>
      <c r="HK21" s="327">
        <v>28359438</v>
      </c>
      <c r="HL21" s="327">
        <v>19365428</v>
      </c>
      <c r="HM21" s="328">
        <v>109613432</v>
      </c>
      <c r="HN21" s="329">
        <v>112653907</v>
      </c>
      <c r="HO21" s="333">
        <v>1244316</v>
      </c>
      <c r="HP21" s="327">
        <v>2529667</v>
      </c>
      <c r="HQ21" s="328">
        <v>3773983</v>
      </c>
      <c r="HR21" s="326">
        <v>0</v>
      </c>
      <c r="HS21" s="327">
        <v>13325157</v>
      </c>
      <c r="HT21" s="327">
        <v>17365719</v>
      </c>
      <c r="HU21" s="327">
        <v>10618557</v>
      </c>
      <c r="HV21" s="327">
        <v>7567452</v>
      </c>
      <c r="HW21" s="327">
        <v>4165504</v>
      </c>
      <c r="HX21" s="331">
        <v>53042389</v>
      </c>
      <c r="HY21" s="330">
        <v>56816372</v>
      </c>
      <c r="HZ21" s="335">
        <v>256593</v>
      </c>
      <c r="IA21" s="336">
        <v>518347</v>
      </c>
      <c r="IB21" s="337">
        <v>774940</v>
      </c>
      <c r="IC21" s="338">
        <v>0</v>
      </c>
      <c r="ID21" s="336">
        <v>18364790</v>
      </c>
      <c r="IE21" s="339">
        <v>27527418</v>
      </c>
      <c r="IF21" s="337">
        <v>27057122</v>
      </c>
      <c r="IG21" s="336">
        <v>25064412</v>
      </c>
      <c r="IH21" s="337">
        <v>16321519</v>
      </c>
      <c r="II21" s="340">
        <v>114335261</v>
      </c>
      <c r="IJ21" s="341">
        <v>115110201</v>
      </c>
      <c r="IK21" s="342">
        <v>0</v>
      </c>
      <c r="IL21" s="343">
        <v>0</v>
      </c>
      <c r="IM21" s="344">
        <v>0</v>
      </c>
      <c r="IN21" s="404">
        <v>0</v>
      </c>
      <c r="IO21" s="345">
        <v>452430</v>
      </c>
      <c r="IP21" s="345">
        <v>1876953</v>
      </c>
      <c r="IQ21" s="345">
        <v>2517056</v>
      </c>
      <c r="IR21" s="345">
        <v>2411520</v>
      </c>
      <c r="IS21" s="345">
        <v>3295481</v>
      </c>
      <c r="IT21" s="346">
        <v>10553440</v>
      </c>
      <c r="IU21" s="347">
        <v>10553440</v>
      </c>
      <c r="IV21" s="348">
        <v>0</v>
      </c>
      <c r="IW21" s="345">
        <v>0</v>
      </c>
      <c r="IX21" s="349">
        <v>0</v>
      </c>
      <c r="IY21" s="413">
        <v>0</v>
      </c>
      <c r="IZ21" s="345">
        <v>0</v>
      </c>
      <c r="JA21" s="345">
        <v>59531</v>
      </c>
      <c r="JB21" s="345">
        <v>86791</v>
      </c>
      <c r="JC21" s="345">
        <v>16312</v>
      </c>
      <c r="JD21" s="345">
        <v>101855</v>
      </c>
      <c r="JE21" s="349">
        <v>264489</v>
      </c>
      <c r="JF21" s="350">
        <v>264489</v>
      </c>
      <c r="JG21" s="348">
        <v>0</v>
      </c>
      <c r="JH21" s="345">
        <v>0</v>
      </c>
      <c r="JI21" s="346">
        <v>0</v>
      </c>
      <c r="JJ21" s="351">
        <v>0</v>
      </c>
      <c r="JK21" s="345">
        <v>7184681</v>
      </c>
      <c r="JL21" s="345">
        <v>10174874</v>
      </c>
      <c r="JM21" s="345">
        <v>6756503</v>
      </c>
      <c r="JN21" s="345">
        <v>3765400</v>
      </c>
      <c r="JO21" s="345">
        <v>1743535</v>
      </c>
      <c r="JP21" s="349">
        <v>29624993</v>
      </c>
      <c r="JQ21" s="347">
        <v>29624993</v>
      </c>
      <c r="JR21" s="348">
        <v>0</v>
      </c>
      <c r="JS21" s="345">
        <v>0</v>
      </c>
      <c r="JT21" s="346">
        <v>0</v>
      </c>
      <c r="JU21" s="351">
        <v>0</v>
      </c>
      <c r="JV21" s="345">
        <v>405849</v>
      </c>
      <c r="JW21" s="345">
        <v>995433</v>
      </c>
      <c r="JX21" s="345">
        <v>952737</v>
      </c>
      <c r="JY21" s="345">
        <v>283956</v>
      </c>
      <c r="JZ21" s="345">
        <v>711858</v>
      </c>
      <c r="KA21" s="349">
        <v>3349833</v>
      </c>
      <c r="KB21" s="347">
        <v>3349833</v>
      </c>
      <c r="KC21" s="352">
        <v>256593</v>
      </c>
      <c r="KD21" s="353">
        <v>260136</v>
      </c>
      <c r="KE21" s="349">
        <v>516729</v>
      </c>
      <c r="KF21" s="351">
        <v>0</v>
      </c>
      <c r="KG21" s="345">
        <v>2748185</v>
      </c>
      <c r="KH21" s="345">
        <v>3963387</v>
      </c>
      <c r="KI21" s="345">
        <v>3825155</v>
      </c>
      <c r="KJ21" s="345">
        <v>4103684</v>
      </c>
      <c r="KK21" s="345">
        <v>3307375</v>
      </c>
      <c r="KL21" s="349">
        <v>17947786</v>
      </c>
      <c r="KM21" s="354">
        <v>18464515</v>
      </c>
      <c r="KN21" s="342">
        <v>0</v>
      </c>
      <c r="KO21" s="343">
        <v>258211</v>
      </c>
      <c r="KP21" s="344">
        <v>258211</v>
      </c>
      <c r="KQ21" s="413">
        <v>0</v>
      </c>
      <c r="KR21" s="345">
        <v>8295124</v>
      </c>
      <c r="KS21" s="345">
        <v>12416760</v>
      </c>
      <c r="KT21" s="345">
        <v>11630619</v>
      </c>
      <c r="KU21" s="345">
        <v>11673139</v>
      </c>
      <c r="KV21" s="345">
        <v>7688218</v>
      </c>
      <c r="KW21" s="349">
        <v>51703860</v>
      </c>
      <c r="KX21" s="347">
        <v>51962071</v>
      </c>
      <c r="KY21" s="348">
        <v>0</v>
      </c>
      <c r="KZ21" s="345">
        <v>0</v>
      </c>
      <c r="LA21" s="349">
        <v>0</v>
      </c>
      <c r="LB21" s="413">
        <v>0</v>
      </c>
      <c r="LC21" s="345">
        <v>0</v>
      </c>
      <c r="LD21" s="345">
        <v>0</v>
      </c>
      <c r="LE21" s="345">
        <v>0</v>
      </c>
      <c r="LF21" s="345">
        <v>0</v>
      </c>
      <c r="LG21" s="345">
        <v>0</v>
      </c>
      <c r="LH21" s="349">
        <v>0</v>
      </c>
      <c r="LI21" s="350">
        <v>0</v>
      </c>
      <c r="LJ21" s="348">
        <v>0</v>
      </c>
      <c r="LK21" s="345">
        <v>0</v>
      </c>
      <c r="LL21" s="349">
        <v>0</v>
      </c>
      <c r="LM21" s="413">
        <v>0</v>
      </c>
      <c r="LN21" s="345">
        <v>0</v>
      </c>
      <c r="LO21" s="345">
        <v>0</v>
      </c>
      <c r="LP21" s="345">
        <v>2322792</v>
      </c>
      <c r="LQ21" s="345">
        <v>3735208</v>
      </c>
      <c r="LR21" s="345">
        <v>2354378</v>
      </c>
      <c r="LS21" s="349">
        <v>8412378</v>
      </c>
      <c r="LT21" s="347">
        <v>8412378</v>
      </c>
      <c r="LU21" s="348">
        <v>0</v>
      </c>
      <c r="LV21" s="345">
        <v>0</v>
      </c>
      <c r="LW21" s="349">
        <v>0</v>
      </c>
      <c r="LX21" s="413">
        <v>0</v>
      </c>
      <c r="LY21" s="345">
        <v>-721479</v>
      </c>
      <c r="LZ21" s="345">
        <v>-1959520</v>
      </c>
      <c r="MA21" s="345">
        <v>-1034531</v>
      </c>
      <c r="MB21" s="345">
        <v>-924807</v>
      </c>
      <c r="MC21" s="345">
        <v>-2881181</v>
      </c>
      <c r="MD21" s="349">
        <v>-7521518</v>
      </c>
      <c r="ME21" s="350">
        <v>-7521518</v>
      </c>
      <c r="MF21" s="348">
        <v>0</v>
      </c>
      <c r="MG21" s="345">
        <v>0</v>
      </c>
      <c r="MH21" s="349">
        <v>0</v>
      </c>
      <c r="MI21" s="413">
        <v>0</v>
      </c>
      <c r="MJ21" s="345">
        <v>17977367</v>
      </c>
      <c r="MK21" s="345">
        <v>28019718</v>
      </c>
      <c r="ML21" s="345">
        <v>101019001</v>
      </c>
      <c r="MM21" s="345">
        <v>142094201</v>
      </c>
      <c r="MN21" s="345">
        <v>78801001</v>
      </c>
      <c r="MO21" s="349">
        <v>367911288</v>
      </c>
      <c r="MP21" s="354">
        <v>367911288</v>
      </c>
      <c r="MQ21" s="348">
        <v>0</v>
      </c>
      <c r="MR21" s="345">
        <v>0</v>
      </c>
      <c r="MS21" s="349">
        <v>0</v>
      </c>
      <c r="MT21" s="413">
        <v>0</v>
      </c>
      <c r="MU21" s="345">
        <v>1340388</v>
      </c>
      <c r="MV21" s="345">
        <v>3690666</v>
      </c>
      <c r="MW21" s="345">
        <v>60649001</v>
      </c>
      <c r="MX21" s="345">
        <v>89644583</v>
      </c>
      <c r="MY21" s="345">
        <v>53571383</v>
      </c>
      <c r="MZ21" s="349">
        <v>208896021</v>
      </c>
      <c r="NA21" s="354">
        <v>208896021</v>
      </c>
      <c r="NB21" s="348">
        <v>0</v>
      </c>
      <c r="NC21" s="345">
        <v>0</v>
      </c>
      <c r="ND21" s="349">
        <v>0</v>
      </c>
      <c r="NE21" s="413">
        <v>0</v>
      </c>
      <c r="NF21" s="345">
        <v>16636979</v>
      </c>
      <c r="NG21" s="345">
        <v>24329052</v>
      </c>
      <c r="NH21" s="345">
        <v>39580577</v>
      </c>
      <c r="NI21" s="345">
        <v>46905989</v>
      </c>
      <c r="NJ21" s="345">
        <v>21259604</v>
      </c>
      <c r="NK21" s="349">
        <v>148712201</v>
      </c>
      <c r="NL21" s="347">
        <v>148712201</v>
      </c>
      <c r="NM21" s="348">
        <v>0</v>
      </c>
      <c r="NN21" s="345">
        <v>0</v>
      </c>
      <c r="NO21" s="349">
        <v>0</v>
      </c>
      <c r="NP21" s="413">
        <v>0</v>
      </c>
      <c r="NQ21" s="345">
        <v>0</v>
      </c>
      <c r="NR21" s="345">
        <v>0</v>
      </c>
      <c r="NS21" s="345">
        <v>0</v>
      </c>
      <c r="NT21" s="345">
        <v>0</v>
      </c>
      <c r="NU21" s="345">
        <v>0</v>
      </c>
      <c r="NV21" s="349">
        <v>0</v>
      </c>
      <c r="NW21" s="350">
        <v>0</v>
      </c>
      <c r="NX21" s="348">
        <v>0</v>
      </c>
      <c r="NY21" s="345">
        <v>0</v>
      </c>
      <c r="NZ21" s="349">
        <v>0</v>
      </c>
      <c r="OA21" s="413">
        <v>0</v>
      </c>
      <c r="OB21" s="345">
        <v>0</v>
      </c>
      <c r="OC21" s="345">
        <v>0</v>
      </c>
      <c r="OD21" s="345">
        <v>789423</v>
      </c>
      <c r="OE21" s="345">
        <v>5543629</v>
      </c>
      <c r="OF21" s="345">
        <v>3970014</v>
      </c>
      <c r="OG21" s="349">
        <v>10303066</v>
      </c>
      <c r="OH21" s="350">
        <v>10303066</v>
      </c>
      <c r="OI21" s="348">
        <v>7071401</v>
      </c>
      <c r="OJ21" s="345">
        <v>16454925</v>
      </c>
      <c r="OK21" s="346">
        <v>23526326</v>
      </c>
      <c r="OL21" s="351">
        <v>0</v>
      </c>
      <c r="OM21" s="345">
        <v>121613010</v>
      </c>
      <c r="ON21" s="345">
        <v>195094102</v>
      </c>
      <c r="OO21" s="345">
        <v>235977982</v>
      </c>
      <c r="OP21" s="345">
        <v>276966575</v>
      </c>
      <c r="OQ21" s="345">
        <v>170903946</v>
      </c>
      <c r="OR21" s="349">
        <v>1000555615</v>
      </c>
      <c r="OS21" s="354">
        <v>1024081941</v>
      </c>
    </row>
    <row r="22" spans="2:409" s="70" customFormat="1" ht="21" customHeight="1" x14ac:dyDescent="0.2">
      <c r="B22" s="410" t="s">
        <v>17</v>
      </c>
      <c r="C22" s="326">
        <v>7989685</v>
      </c>
      <c r="D22" s="327">
        <v>18690556</v>
      </c>
      <c r="E22" s="328">
        <v>26680241</v>
      </c>
      <c r="F22" s="329">
        <v>0</v>
      </c>
      <c r="G22" s="327">
        <v>84295521</v>
      </c>
      <c r="H22" s="327">
        <v>190285812</v>
      </c>
      <c r="I22" s="327">
        <v>165509971</v>
      </c>
      <c r="J22" s="327">
        <v>152416065</v>
      </c>
      <c r="K22" s="327">
        <v>98464683</v>
      </c>
      <c r="L22" s="329">
        <v>690972052</v>
      </c>
      <c r="M22" s="330">
        <v>717652293</v>
      </c>
      <c r="N22" s="326">
        <v>1634056</v>
      </c>
      <c r="O22" s="327">
        <v>4663063</v>
      </c>
      <c r="P22" s="328">
        <v>6297119</v>
      </c>
      <c r="Q22" s="326">
        <v>0</v>
      </c>
      <c r="R22" s="327">
        <v>20255881</v>
      </c>
      <c r="S22" s="327">
        <v>52607868</v>
      </c>
      <c r="T22" s="327">
        <v>53255814</v>
      </c>
      <c r="U22" s="327">
        <v>66076031</v>
      </c>
      <c r="V22" s="327">
        <v>49475863</v>
      </c>
      <c r="W22" s="328">
        <v>241671457</v>
      </c>
      <c r="X22" s="330">
        <v>247968576</v>
      </c>
      <c r="Y22" s="326">
        <v>0</v>
      </c>
      <c r="Z22" s="327">
        <v>0</v>
      </c>
      <c r="AA22" s="328">
        <v>0</v>
      </c>
      <c r="AB22" s="326">
        <v>0</v>
      </c>
      <c r="AC22" s="327">
        <v>8767971</v>
      </c>
      <c r="AD22" s="327">
        <v>24932086</v>
      </c>
      <c r="AE22" s="327">
        <v>31816170</v>
      </c>
      <c r="AF22" s="327">
        <v>43311979</v>
      </c>
      <c r="AG22" s="327">
        <v>30189868</v>
      </c>
      <c r="AH22" s="328">
        <v>139018074</v>
      </c>
      <c r="AI22" s="330">
        <v>139018074</v>
      </c>
      <c r="AJ22" s="326">
        <v>0</v>
      </c>
      <c r="AK22" s="327">
        <v>37253</v>
      </c>
      <c r="AL22" s="328">
        <v>37253</v>
      </c>
      <c r="AM22" s="326">
        <v>0</v>
      </c>
      <c r="AN22" s="327">
        <v>0</v>
      </c>
      <c r="AO22" s="327">
        <v>406171</v>
      </c>
      <c r="AP22" s="327">
        <v>1392334</v>
      </c>
      <c r="AQ22" s="327">
        <v>2989815</v>
      </c>
      <c r="AR22" s="327">
        <v>4830934</v>
      </c>
      <c r="AS22" s="328">
        <v>9619254</v>
      </c>
      <c r="AT22" s="330">
        <v>9656507</v>
      </c>
      <c r="AU22" s="326">
        <v>815151</v>
      </c>
      <c r="AV22" s="327">
        <v>3520371</v>
      </c>
      <c r="AW22" s="328">
        <v>4335522</v>
      </c>
      <c r="AX22" s="326">
        <v>0</v>
      </c>
      <c r="AY22" s="327">
        <v>7209667</v>
      </c>
      <c r="AZ22" s="327">
        <v>17165050</v>
      </c>
      <c r="BA22" s="327">
        <v>11051295</v>
      </c>
      <c r="BB22" s="327">
        <v>10799202</v>
      </c>
      <c r="BC22" s="327">
        <v>8342206</v>
      </c>
      <c r="BD22" s="328">
        <v>54567420</v>
      </c>
      <c r="BE22" s="330">
        <v>58902942</v>
      </c>
      <c r="BF22" s="326">
        <v>160749</v>
      </c>
      <c r="BG22" s="327">
        <v>294866</v>
      </c>
      <c r="BH22" s="331">
        <v>455615</v>
      </c>
      <c r="BI22" s="332">
        <v>0</v>
      </c>
      <c r="BJ22" s="327">
        <v>406988</v>
      </c>
      <c r="BK22" s="327">
        <v>1807160</v>
      </c>
      <c r="BL22" s="327">
        <v>1207593</v>
      </c>
      <c r="BM22" s="327">
        <v>829902</v>
      </c>
      <c r="BN22" s="327">
        <v>816747</v>
      </c>
      <c r="BO22" s="328">
        <v>5068390</v>
      </c>
      <c r="BP22" s="330">
        <v>5524005</v>
      </c>
      <c r="BQ22" s="326">
        <v>658156</v>
      </c>
      <c r="BR22" s="327">
        <v>810573</v>
      </c>
      <c r="BS22" s="328">
        <v>1468729</v>
      </c>
      <c r="BT22" s="326">
        <v>0</v>
      </c>
      <c r="BU22" s="327">
        <v>3871255</v>
      </c>
      <c r="BV22" s="327">
        <v>8297401</v>
      </c>
      <c r="BW22" s="327">
        <v>7788422</v>
      </c>
      <c r="BX22" s="327">
        <v>8145133</v>
      </c>
      <c r="BY22" s="327">
        <v>5296108</v>
      </c>
      <c r="BZ22" s="328">
        <v>33398319</v>
      </c>
      <c r="CA22" s="330">
        <v>34867048</v>
      </c>
      <c r="CB22" s="326">
        <v>961434</v>
      </c>
      <c r="CC22" s="327">
        <v>3391218</v>
      </c>
      <c r="CD22" s="328">
        <v>4352652</v>
      </c>
      <c r="CE22" s="326">
        <v>0</v>
      </c>
      <c r="CF22" s="327">
        <v>24241198</v>
      </c>
      <c r="CG22" s="327">
        <v>55956761</v>
      </c>
      <c r="CH22" s="327">
        <v>45264028</v>
      </c>
      <c r="CI22" s="327">
        <v>27940593</v>
      </c>
      <c r="CJ22" s="327">
        <v>12885956</v>
      </c>
      <c r="CK22" s="328">
        <v>166288536</v>
      </c>
      <c r="CL22" s="330">
        <v>170641188</v>
      </c>
      <c r="CM22" s="326">
        <v>0</v>
      </c>
      <c r="CN22" s="327">
        <v>0</v>
      </c>
      <c r="CO22" s="328">
        <v>0</v>
      </c>
      <c r="CP22" s="332">
        <v>0</v>
      </c>
      <c r="CQ22" s="327">
        <v>20668976</v>
      </c>
      <c r="CR22" s="327">
        <v>41154826</v>
      </c>
      <c r="CS22" s="327">
        <v>35403565</v>
      </c>
      <c r="CT22" s="327">
        <v>23066586</v>
      </c>
      <c r="CU22" s="327">
        <v>11220443</v>
      </c>
      <c r="CV22" s="328">
        <v>131514396</v>
      </c>
      <c r="CW22" s="330">
        <v>131514396</v>
      </c>
      <c r="CX22" s="326">
        <v>961434</v>
      </c>
      <c r="CY22" s="327">
        <v>3391218</v>
      </c>
      <c r="CZ22" s="328">
        <v>4352652</v>
      </c>
      <c r="DA22" s="326">
        <v>0</v>
      </c>
      <c r="DB22" s="327">
        <v>3572222</v>
      </c>
      <c r="DC22" s="327">
        <v>14801935</v>
      </c>
      <c r="DD22" s="327">
        <v>9860463</v>
      </c>
      <c r="DE22" s="327">
        <v>4874007</v>
      </c>
      <c r="DF22" s="327">
        <v>1665513</v>
      </c>
      <c r="DG22" s="328">
        <v>34774140</v>
      </c>
      <c r="DH22" s="330">
        <v>39126792</v>
      </c>
      <c r="DI22" s="326">
        <v>90532</v>
      </c>
      <c r="DJ22" s="327">
        <v>142331</v>
      </c>
      <c r="DK22" s="331">
        <v>232863</v>
      </c>
      <c r="DL22" s="332">
        <v>0</v>
      </c>
      <c r="DM22" s="327">
        <v>2327937</v>
      </c>
      <c r="DN22" s="327">
        <v>8258149</v>
      </c>
      <c r="DO22" s="327">
        <v>13418785</v>
      </c>
      <c r="DP22" s="327">
        <v>11841217</v>
      </c>
      <c r="DQ22" s="327">
        <v>6955952</v>
      </c>
      <c r="DR22" s="328">
        <v>42802040</v>
      </c>
      <c r="DS22" s="330">
        <v>43034903</v>
      </c>
      <c r="DT22" s="326">
        <v>90532</v>
      </c>
      <c r="DU22" s="327">
        <v>124732</v>
      </c>
      <c r="DV22" s="328">
        <v>215264</v>
      </c>
      <c r="DW22" s="326">
        <v>0</v>
      </c>
      <c r="DX22" s="327">
        <v>1952320</v>
      </c>
      <c r="DY22" s="327">
        <v>7425171</v>
      </c>
      <c r="DZ22" s="327">
        <v>12530918</v>
      </c>
      <c r="EA22" s="327">
        <v>9714359</v>
      </c>
      <c r="EB22" s="327">
        <v>6275880</v>
      </c>
      <c r="EC22" s="328">
        <v>37898648</v>
      </c>
      <c r="ED22" s="330">
        <v>38113912</v>
      </c>
      <c r="EE22" s="326">
        <v>0</v>
      </c>
      <c r="EF22" s="331">
        <v>17599</v>
      </c>
      <c r="EG22" s="328">
        <v>17599</v>
      </c>
      <c r="EH22" s="326">
        <v>0</v>
      </c>
      <c r="EI22" s="327">
        <v>375617</v>
      </c>
      <c r="EJ22" s="327">
        <v>832978</v>
      </c>
      <c r="EK22" s="327">
        <v>887867</v>
      </c>
      <c r="EL22" s="327">
        <v>2126858</v>
      </c>
      <c r="EM22" s="327">
        <v>680072</v>
      </c>
      <c r="EN22" s="331">
        <v>4903392</v>
      </c>
      <c r="EO22" s="330">
        <v>4920991</v>
      </c>
      <c r="EP22" s="326">
        <v>0</v>
      </c>
      <c r="EQ22" s="327">
        <v>0</v>
      </c>
      <c r="ER22" s="331">
        <v>0</v>
      </c>
      <c r="ES22" s="332">
        <v>0</v>
      </c>
      <c r="ET22" s="327">
        <v>0</v>
      </c>
      <c r="EU22" s="327">
        <v>0</v>
      </c>
      <c r="EV22" s="327">
        <v>0</v>
      </c>
      <c r="EW22" s="327">
        <v>0</v>
      </c>
      <c r="EX22" s="327">
        <v>0</v>
      </c>
      <c r="EY22" s="328">
        <v>0</v>
      </c>
      <c r="EZ22" s="330">
        <v>0</v>
      </c>
      <c r="FA22" s="326">
        <v>0</v>
      </c>
      <c r="FB22" s="327">
        <v>0</v>
      </c>
      <c r="FC22" s="331">
        <v>0</v>
      </c>
      <c r="FD22" s="332">
        <v>0</v>
      </c>
      <c r="FE22" s="327">
        <v>0</v>
      </c>
      <c r="FF22" s="327">
        <v>0</v>
      </c>
      <c r="FG22" s="327">
        <v>0</v>
      </c>
      <c r="FH22" s="327">
        <v>0</v>
      </c>
      <c r="FI22" s="327">
        <v>0</v>
      </c>
      <c r="FJ22" s="328">
        <v>0</v>
      </c>
      <c r="FK22" s="330">
        <v>0</v>
      </c>
      <c r="FL22" s="326">
        <v>2205685</v>
      </c>
      <c r="FM22" s="327">
        <v>4520062</v>
      </c>
      <c r="FN22" s="328">
        <v>6725747</v>
      </c>
      <c r="FO22" s="326">
        <v>0</v>
      </c>
      <c r="FP22" s="327">
        <v>4472874</v>
      </c>
      <c r="FQ22" s="327">
        <v>18685805</v>
      </c>
      <c r="FR22" s="327">
        <v>13298828</v>
      </c>
      <c r="FS22" s="327">
        <v>11746568</v>
      </c>
      <c r="FT22" s="327">
        <v>7540820</v>
      </c>
      <c r="FU22" s="328">
        <v>55744895</v>
      </c>
      <c r="FV22" s="330">
        <v>62470642</v>
      </c>
      <c r="FW22" s="333">
        <v>1165946</v>
      </c>
      <c r="FX22" s="327">
        <v>3584859</v>
      </c>
      <c r="FY22" s="331">
        <v>4750805</v>
      </c>
      <c r="FZ22" s="332">
        <v>0</v>
      </c>
      <c r="GA22" s="327">
        <v>3064279</v>
      </c>
      <c r="GB22" s="327">
        <v>17142389</v>
      </c>
      <c r="GC22" s="327">
        <v>12197740</v>
      </c>
      <c r="GD22" s="327">
        <v>10731469</v>
      </c>
      <c r="GE22" s="327">
        <v>7252586</v>
      </c>
      <c r="GF22" s="328">
        <v>50388463</v>
      </c>
      <c r="GG22" s="334">
        <v>55139268</v>
      </c>
      <c r="GH22" s="333">
        <v>116881</v>
      </c>
      <c r="GI22" s="327">
        <v>324624</v>
      </c>
      <c r="GJ22" s="331">
        <v>441505</v>
      </c>
      <c r="GK22" s="332">
        <v>0</v>
      </c>
      <c r="GL22" s="327">
        <v>379222</v>
      </c>
      <c r="GM22" s="327">
        <v>528123</v>
      </c>
      <c r="GN22" s="327">
        <v>461861</v>
      </c>
      <c r="GO22" s="327">
        <v>545299</v>
      </c>
      <c r="GP22" s="327">
        <v>103734</v>
      </c>
      <c r="GQ22" s="328">
        <v>2018239</v>
      </c>
      <c r="GR22" s="330">
        <v>2459744</v>
      </c>
      <c r="GS22" s="326">
        <v>922858</v>
      </c>
      <c r="GT22" s="327">
        <v>610579</v>
      </c>
      <c r="GU22" s="328">
        <v>1533437</v>
      </c>
      <c r="GV22" s="326">
        <v>0</v>
      </c>
      <c r="GW22" s="327">
        <v>1029373</v>
      </c>
      <c r="GX22" s="327">
        <v>1015293</v>
      </c>
      <c r="GY22" s="327">
        <v>639227</v>
      </c>
      <c r="GZ22" s="327">
        <v>469800</v>
      </c>
      <c r="HA22" s="327">
        <v>184500</v>
      </c>
      <c r="HB22" s="331">
        <v>3338193</v>
      </c>
      <c r="HC22" s="330">
        <v>4871630</v>
      </c>
      <c r="HD22" s="326">
        <v>1590437</v>
      </c>
      <c r="HE22" s="327">
        <v>2750287</v>
      </c>
      <c r="HF22" s="331">
        <v>4340724</v>
      </c>
      <c r="HG22" s="332">
        <v>0</v>
      </c>
      <c r="HH22" s="327">
        <v>18183822</v>
      </c>
      <c r="HI22" s="327">
        <v>29609256</v>
      </c>
      <c r="HJ22" s="327">
        <v>23664477</v>
      </c>
      <c r="HK22" s="327">
        <v>22916617</v>
      </c>
      <c r="HL22" s="327">
        <v>15496386</v>
      </c>
      <c r="HM22" s="328">
        <v>109870558</v>
      </c>
      <c r="HN22" s="329">
        <v>114211282</v>
      </c>
      <c r="HO22" s="333">
        <v>1507541</v>
      </c>
      <c r="HP22" s="327">
        <v>3223595</v>
      </c>
      <c r="HQ22" s="328">
        <v>4731136</v>
      </c>
      <c r="HR22" s="326">
        <v>0</v>
      </c>
      <c r="HS22" s="327">
        <v>14813809</v>
      </c>
      <c r="HT22" s="327">
        <v>25167973</v>
      </c>
      <c r="HU22" s="327">
        <v>16608039</v>
      </c>
      <c r="HV22" s="327">
        <v>11895039</v>
      </c>
      <c r="HW22" s="327">
        <v>6109706</v>
      </c>
      <c r="HX22" s="331">
        <v>74594566</v>
      </c>
      <c r="HY22" s="330">
        <v>79325702</v>
      </c>
      <c r="HZ22" s="358">
        <v>292182</v>
      </c>
      <c r="IA22" s="356">
        <v>345214</v>
      </c>
      <c r="IB22" s="358">
        <v>637396</v>
      </c>
      <c r="IC22" s="355">
        <v>0</v>
      </c>
      <c r="ID22" s="356">
        <v>27476010</v>
      </c>
      <c r="IE22" s="357">
        <v>49277826</v>
      </c>
      <c r="IF22" s="358">
        <v>59888129</v>
      </c>
      <c r="IG22" s="356">
        <v>52516360</v>
      </c>
      <c r="IH22" s="358">
        <v>38258225</v>
      </c>
      <c r="II22" s="359">
        <v>227416550</v>
      </c>
      <c r="IJ22" s="358">
        <v>228053946</v>
      </c>
      <c r="IK22" s="342">
        <v>0</v>
      </c>
      <c r="IL22" s="343">
        <v>0</v>
      </c>
      <c r="IM22" s="344">
        <v>0</v>
      </c>
      <c r="IN22" s="404">
        <v>0</v>
      </c>
      <c r="IO22" s="345">
        <v>57616</v>
      </c>
      <c r="IP22" s="345">
        <v>212460</v>
      </c>
      <c r="IQ22" s="345">
        <v>262445</v>
      </c>
      <c r="IR22" s="345">
        <v>248935</v>
      </c>
      <c r="IS22" s="345">
        <v>0</v>
      </c>
      <c r="IT22" s="346">
        <v>781456</v>
      </c>
      <c r="IU22" s="347">
        <v>781456</v>
      </c>
      <c r="IV22" s="348">
        <v>0</v>
      </c>
      <c r="IW22" s="345">
        <v>0</v>
      </c>
      <c r="IX22" s="349">
        <v>0</v>
      </c>
      <c r="IY22" s="413">
        <v>0</v>
      </c>
      <c r="IZ22" s="345">
        <v>0</v>
      </c>
      <c r="JA22" s="345">
        <v>0</v>
      </c>
      <c r="JB22" s="345">
        <v>0</v>
      </c>
      <c r="JC22" s="345">
        <v>0</v>
      </c>
      <c r="JD22" s="345">
        <v>0</v>
      </c>
      <c r="JE22" s="349">
        <v>0</v>
      </c>
      <c r="JF22" s="350">
        <v>0</v>
      </c>
      <c r="JG22" s="348">
        <v>0</v>
      </c>
      <c r="JH22" s="345">
        <v>0</v>
      </c>
      <c r="JI22" s="346">
        <v>0</v>
      </c>
      <c r="JJ22" s="351">
        <v>0</v>
      </c>
      <c r="JK22" s="345">
        <v>13757247</v>
      </c>
      <c r="JL22" s="345">
        <v>21541207</v>
      </c>
      <c r="JM22" s="345">
        <v>15313430</v>
      </c>
      <c r="JN22" s="345">
        <v>13849537</v>
      </c>
      <c r="JO22" s="345">
        <v>6737975</v>
      </c>
      <c r="JP22" s="349">
        <v>71199396</v>
      </c>
      <c r="JQ22" s="347">
        <v>71199396</v>
      </c>
      <c r="JR22" s="348">
        <v>34786</v>
      </c>
      <c r="JS22" s="345">
        <v>9737</v>
      </c>
      <c r="JT22" s="346">
        <v>44523</v>
      </c>
      <c r="JU22" s="351">
        <v>0</v>
      </c>
      <c r="JV22" s="345">
        <v>1925242</v>
      </c>
      <c r="JW22" s="345">
        <v>1931667</v>
      </c>
      <c r="JX22" s="345">
        <v>1639593</v>
      </c>
      <c r="JY22" s="345">
        <v>1545415</v>
      </c>
      <c r="JZ22" s="345">
        <v>982630</v>
      </c>
      <c r="KA22" s="349">
        <v>8024547</v>
      </c>
      <c r="KB22" s="347">
        <v>8069070</v>
      </c>
      <c r="KC22" s="352">
        <v>257396</v>
      </c>
      <c r="KD22" s="353">
        <v>335477</v>
      </c>
      <c r="KE22" s="349">
        <v>592873</v>
      </c>
      <c r="KF22" s="351">
        <v>0</v>
      </c>
      <c r="KG22" s="345">
        <v>1508976</v>
      </c>
      <c r="KH22" s="345">
        <v>6746995</v>
      </c>
      <c r="KI22" s="345">
        <v>8642119</v>
      </c>
      <c r="KJ22" s="345">
        <v>6823928</v>
      </c>
      <c r="KK22" s="345">
        <v>5595641</v>
      </c>
      <c r="KL22" s="349">
        <v>29317659</v>
      </c>
      <c r="KM22" s="354">
        <v>29910532</v>
      </c>
      <c r="KN22" s="342">
        <v>0</v>
      </c>
      <c r="KO22" s="343">
        <v>0</v>
      </c>
      <c r="KP22" s="344">
        <v>0</v>
      </c>
      <c r="KQ22" s="413">
        <v>0</v>
      </c>
      <c r="KR22" s="345">
        <v>9779536</v>
      </c>
      <c r="KS22" s="345">
        <v>17219424</v>
      </c>
      <c r="KT22" s="345">
        <v>23140614</v>
      </c>
      <c r="KU22" s="345">
        <v>13758856</v>
      </c>
      <c r="KV22" s="345">
        <v>8565413</v>
      </c>
      <c r="KW22" s="349">
        <v>72463843</v>
      </c>
      <c r="KX22" s="347">
        <v>72463843</v>
      </c>
      <c r="KY22" s="348">
        <v>0</v>
      </c>
      <c r="KZ22" s="345">
        <v>0</v>
      </c>
      <c r="LA22" s="349">
        <v>0</v>
      </c>
      <c r="LB22" s="413">
        <v>0</v>
      </c>
      <c r="LC22" s="345">
        <v>0</v>
      </c>
      <c r="LD22" s="345">
        <v>0</v>
      </c>
      <c r="LE22" s="345">
        <v>0</v>
      </c>
      <c r="LF22" s="345">
        <v>0</v>
      </c>
      <c r="LG22" s="345">
        <v>0</v>
      </c>
      <c r="LH22" s="349">
        <v>0</v>
      </c>
      <c r="LI22" s="350">
        <v>0</v>
      </c>
      <c r="LJ22" s="348">
        <v>0</v>
      </c>
      <c r="LK22" s="345">
        <v>0</v>
      </c>
      <c r="LL22" s="349">
        <v>0</v>
      </c>
      <c r="LM22" s="413">
        <v>0</v>
      </c>
      <c r="LN22" s="345">
        <v>0</v>
      </c>
      <c r="LO22" s="345">
        <v>288600</v>
      </c>
      <c r="LP22" s="345">
        <v>7326973</v>
      </c>
      <c r="LQ22" s="345">
        <v>14119733</v>
      </c>
      <c r="LR22" s="345">
        <v>11775272</v>
      </c>
      <c r="LS22" s="349">
        <v>33510578</v>
      </c>
      <c r="LT22" s="347">
        <v>33510578</v>
      </c>
      <c r="LU22" s="348">
        <v>0</v>
      </c>
      <c r="LV22" s="345">
        <v>0</v>
      </c>
      <c r="LW22" s="349">
        <v>0</v>
      </c>
      <c r="LX22" s="413">
        <v>0</v>
      </c>
      <c r="LY22" s="345">
        <v>447393</v>
      </c>
      <c r="LZ22" s="345">
        <v>1337473</v>
      </c>
      <c r="MA22" s="345">
        <v>3562955</v>
      </c>
      <c r="MB22" s="345">
        <v>2169956</v>
      </c>
      <c r="MC22" s="345">
        <v>4601294</v>
      </c>
      <c r="MD22" s="349">
        <v>12119071</v>
      </c>
      <c r="ME22" s="350">
        <v>12119071</v>
      </c>
      <c r="MF22" s="348">
        <v>0</v>
      </c>
      <c r="MG22" s="345">
        <v>0</v>
      </c>
      <c r="MH22" s="349">
        <v>0</v>
      </c>
      <c r="MI22" s="413">
        <v>0</v>
      </c>
      <c r="MJ22" s="345">
        <v>12155903</v>
      </c>
      <c r="MK22" s="345">
        <v>38253031</v>
      </c>
      <c r="ML22" s="345">
        <v>107477332</v>
      </c>
      <c r="MM22" s="345">
        <v>139712865</v>
      </c>
      <c r="MN22" s="345">
        <v>103250447</v>
      </c>
      <c r="MO22" s="349">
        <v>400849578</v>
      </c>
      <c r="MP22" s="354">
        <v>400849578</v>
      </c>
      <c r="MQ22" s="348">
        <v>0</v>
      </c>
      <c r="MR22" s="345">
        <v>0</v>
      </c>
      <c r="MS22" s="349">
        <v>0</v>
      </c>
      <c r="MT22" s="413">
        <v>0</v>
      </c>
      <c r="MU22" s="345">
        <v>1115960</v>
      </c>
      <c r="MV22" s="345">
        <v>3658844</v>
      </c>
      <c r="MW22" s="345">
        <v>59935034</v>
      </c>
      <c r="MX22" s="345">
        <v>88823174</v>
      </c>
      <c r="MY22" s="345">
        <v>67946700</v>
      </c>
      <c r="MZ22" s="349">
        <v>221479712</v>
      </c>
      <c r="NA22" s="354">
        <v>221479712</v>
      </c>
      <c r="NB22" s="348">
        <v>0</v>
      </c>
      <c r="NC22" s="345">
        <v>0</v>
      </c>
      <c r="ND22" s="349">
        <v>0</v>
      </c>
      <c r="NE22" s="413">
        <v>0</v>
      </c>
      <c r="NF22" s="345">
        <v>11039943</v>
      </c>
      <c r="NG22" s="345">
        <v>34594187</v>
      </c>
      <c r="NH22" s="345">
        <v>47542298</v>
      </c>
      <c r="NI22" s="345">
        <v>48284221</v>
      </c>
      <c r="NJ22" s="345">
        <v>28683616</v>
      </c>
      <c r="NK22" s="349">
        <v>170144265</v>
      </c>
      <c r="NL22" s="347">
        <v>170144265</v>
      </c>
      <c r="NM22" s="348">
        <v>0</v>
      </c>
      <c r="NN22" s="345">
        <v>0</v>
      </c>
      <c r="NO22" s="349">
        <v>0</v>
      </c>
      <c r="NP22" s="413">
        <v>0</v>
      </c>
      <c r="NQ22" s="345">
        <v>0</v>
      </c>
      <c r="NR22" s="345">
        <v>0</v>
      </c>
      <c r="NS22" s="345">
        <v>0</v>
      </c>
      <c r="NT22" s="345">
        <v>0</v>
      </c>
      <c r="NU22" s="345">
        <v>0</v>
      </c>
      <c r="NV22" s="349">
        <v>0</v>
      </c>
      <c r="NW22" s="350">
        <v>0</v>
      </c>
      <c r="NX22" s="348">
        <v>0</v>
      </c>
      <c r="NY22" s="345">
        <v>0</v>
      </c>
      <c r="NZ22" s="349">
        <v>0</v>
      </c>
      <c r="OA22" s="413">
        <v>0</v>
      </c>
      <c r="OB22" s="345">
        <v>0</v>
      </c>
      <c r="OC22" s="345">
        <v>0</v>
      </c>
      <c r="OD22" s="345">
        <v>0</v>
      </c>
      <c r="OE22" s="345">
        <v>2605470</v>
      </c>
      <c r="OF22" s="345">
        <v>6620131</v>
      </c>
      <c r="OG22" s="349">
        <v>9225601</v>
      </c>
      <c r="OH22" s="350">
        <v>9225601</v>
      </c>
      <c r="OI22" s="348">
        <v>8281867</v>
      </c>
      <c r="OJ22" s="345">
        <v>19035770</v>
      </c>
      <c r="OK22" s="346">
        <v>27317637</v>
      </c>
      <c r="OL22" s="351">
        <v>0</v>
      </c>
      <c r="OM22" s="345">
        <v>123927434</v>
      </c>
      <c r="ON22" s="345">
        <v>277816669</v>
      </c>
      <c r="OO22" s="345">
        <v>332875432</v>
      </c>
      <c r="OP22" s="345">
        <v>344645290</v>
      </c>
      <c r="OQ22" s="345">
        <v>239973355</v>
      </c>
      <c r="OR22" s="349">
        <v>1319238180</v>
      </c>
      <c r="OS22" s="354">
        <v>1346555817</v>
      </c>
    </row>
    <row r="23" spans="2:409" s="70" customFormat="1" ht="21" customHeight="1" x14ac:dyDescent="0.2">
      <c r="B23" s="410" t="s">
        <v>18</v>
      </c>
      <c r="C23" s="326">
        <v>9341741</v>
      </c>
      <c r="D23" s="327">
        <v>20594431</v>
      </c>
      <c r="E23" s="328">
        <v>29936172</v>
      </c>
      <c r="F23" s="329">
        <v>0</v>
      </c>
      <c r="G23" s="327">
        <v>149073976</v>
      </c>
      <c r="H23" s="327">
        <v>184516452</v>
      </c>
      <c r="I23" s="327">
        <v>175690600</v>
      </c>
      <c r="J23" s="327">
        <v>155766948</v>
      </c>
      <c r="K23" s="327">
        <v>115617813</v>
      </c>
      <c r="L23" s="329">
        <v>780665789</v>
      </c>
      <c r="M23" s="330">
        <v>810601961</v>
      </c>
      <c r="N23" s="326">
        <v>2341129</v>
      </c>
      <c r="O23" s="327">
        <v>5066911</v>
      </c>
      <c r="P23" s="328">
        <v>7408040</v>
      </c>
      <c r="Q23" s="326">
        <v>0</v>
      </c>
      <c r="R23" s="327">
        <v>40848855</v>
      </c>
      <c r="S23" s="327">
        <v>57916294</v>
      </c>
      <c r="T23" s="327">
        <v>55918704</v>
      </c>
      <c r="U23" s="327">
        <v>57964493</v>
      </c>
      <c r="V23" s="327">
        <v>59353024</v>
      </c>
      <c r="W23" s="328">
        <v>272001370</v>
      </c>
      <c r="X23" s="330">
        <v>279409410</v>
      </c>
      <c r="Y23" s="326">
        <v>0</v>
      </c>
      <c r="Z23" s="327">
        <v>0</v>
      </c>
      <c r="AA23" s="328">
        <v>0</v>
      </c>
      <c r="AB23" s="326">
        <v>0</v>
      </c>
      <c r="AC23" s="327">
        <v>17397809</v>
      </c>
      <c r="AD23" s="327">
        <v>27470672</v>
      </c>
      <c r="AE23" s="327">
        <v>31811211</v>
      </c>
      <c r="AF23" s="327">
        <v>34750278</v>
      </c>
      <c r="AG23" s="327">
        <v>37551997</v>
      </c>
      <c r="AH23" s="328">
        <v>148981967</v>
      </c>
      <c r="AI23" s="330">
        <v>148981967</v>
      </c>
      <c r="AJ23" s="326">
        <v>0</v>
      </c>
      <c r="AK23" s="327">
        <v>0</v>
      </c>
      <c r="AL23" s="328">
        <v>0</v>
      </c>
      <c r="AM23" s="326">
        <v>0</v>
      </c>
      <c r="AN23" s="327">
        <v>163627</v>
      </c>
      <c r="AO23" s="327">
        <v>631559</v>
      </c>
      <c r="AP23" s="327">
        <v>673509</v>
      </c>
      <c r="AQ23" s="327">
        <v>3265401</v>
      </c>
      <c r="AR23" s="327">
        <v>5349495</v>
      </c>
      <c r="AS23" s="328">
        <v>10083591</v>
      </c>
      <c r="AT23" s="330">
        <v>10083591</v>
      </c>
      <c r="AU23" s="326">
        <v>1375375</v>
      </c>
      <c r="AV23" s="327">
        <v>3555422</v>
      </c>
      <c r="AW23" s="328">
        <v>4930797</v>
      </c>
      <c r="AX23" s="326">
        <v>0</v>
      </c>
      <c r="AY23" s="327">
        <v>13195536</v>
      </c>
      <c r="AZ23" s="327">
        <v>18528668</v>
      </c>
      <c r="BA23" s="327">
        <v>12261226</v>
      </c>
      <c r="BB23" s="327">
        <v>9970641</v>
      </c>
      <c r="BC23" s="327">
        <v>9068909</v>
      </c>
      <c r="BD23" s="328">
        <v>63024980</v>
      </c>
      <c r="BE23" s="330">
        <v>67955777</v>
      </c>
      <c r="BF23" s="326">
        <v>159713</v>
      </c>
      <c r="BG23" s="327">
        <v>603217</v>
      </c>
      <c r="BH23" s="331">
        <v>762930</v>
      </c>
      <c r="BI23" s="332">
        <v>0</v>
      </c>
      <c r="BJ23" s="327">
        <v>2208914</v>
      </c>
      <c r="BK23" s="327">
        <v>2133853</v>
      </c>
      <c r="BL23" s="327">
        <v>2052406</v>
      </c>
      <c r="BM23" s="327">
        <v>1222113</v>
      </c>
      <c r="BN23" s="327">
        <v>680747</v>
      </c>
      <c r="BO23" s="328">
        <v>8298033</v>
      </c>
      <c r="BP23" s="330">
        <v>9060963</v>
      </c>
      <c r="BQ23" s="326">
        <v>806041</v>
      </c>
      <c r="BR23" s="327">
        <v>908272</v>
      </c>
      <c r="BS23" s="328">
        <v>1714313</v>
      </c>
      <c r="BT23" s="326">
        <v>0</v>
      </c>
      <c r="BU23" s="327">
        <v>7882969</v>
      </c>
      <c r="BV23" s="327">
        <v>9151542</v>
      </c>
      <c r="BW23" s="327">
        <v>9120352</v>
      </c>
      <c r="BX23" s="327">
        <v>8756060</v>
      </c>
      <c r="BY23" s="327">
        <v>6701876</v>
      </c>
      <c r="BZ23" s="328">
        <v>41612799</v>
      </c>
      <c r="CA23" s="330">
        <v>43327112</v>
      </c>
      <c r="CB23" s="326">
        <v>1632382</v>
      </c>
      <c r="CC23" s="327">
        <v>5991702</v>
      </c>
      <c r="CD23" s="328">
        <v>7624084</v>
      </c>
      <c r="CE23" s="326">
        <v>0</v>
      </c>
      <c r="CF23" s="327">
        <v>47353528</v>
      </c>
      <c r="CG23" s="327">
        <v>55939835</v>
      </c>
      <c r="CH23" s="327">
        <v>49540503</v>
      </c>
      <c r="CI23" s="327">
        <v>29685738</v>
      </c>
      <c r="CJ23" s="327">
        <v>15379343</v>
      </c>
      <c r="CK23" s="328">
        <v>197898947</v>
      </c>
      <c r="CL23" s="330">
        <v>205523031</v>
      </c>
      <c r="CM23" s="326">
        <v>0</v>
      </c>
      <c r="CN23" s="327">
        <v>0</v>
      </c>
      <c r="CO23" s="328">
        <v>0</v>
      </c>
      <c r="CP23" s="332">
        <v>0</v>
      </c>
      <c r="CQ23" s="327">
        <v>38122994</v>
      </c>
      <c r="CR23" s="327">
        <v>44264683</v>
      </c>
      <c r="CS23" s="327">
        <v>40275940</v>
      </c>
      <c r="CT23" s="327">
        <v>23195530</v>
      </c>
      <c r="CU23" s="327">
        <v>13166748</v>
      </c>
      <c r="CV23" s="328">
        <v>159025895</v>
      </c>
      <c r="CW23" s="330">
        <v>159025895</v>
      </c>
      <c r="CX23" s="326">
        <v>1632382</v>
      </c>
      <c r="CY23" s="327">
        <v>5991702</v>
      </c>
      <c r="CZ23" s="328">
        <v>7624084</v>
      </c>
      <c r="DA23" s="326">
        <v>0</v>
      </c>
      <c r="DB23" s="327">
        <v>9230534</v>
      </c>
      <c r="DC23" s="327">
        <v>11675152</v>
      </c>
      <c r="DD23" s="327">
        <v>9264563</v>
      </c>
      <c r="DE23" s="327">
        <v>6490208</v>
      </c>
      <c r="DF23" s="327">
        <v>2212595</v>
      </c>
      <c r="DG23" s="328">
        <v>38873052</v>
      </c>
      <c r="DH23" s="330">
        <v>46497136</v>
      </c>
      <c r="DI23" s="326">
        <v>53369</v>
      </c>
      <c r="DJ23" s="327">
        <v>277731</v>
      </c>
      <c r="DK23" s="331">
        <v>331100</v>
      </c>
      <c r="DL23" s="332">
        <v>0</v>
      </c>
      <c r="DM23" s="327">
        <v>3779326</v>
      </c>
      <c r="DN23" s="327">
        <v>7364274</v>
      </c>
      <c r="DO23" s="327">
        <v>16465024</v>
      </c>
      <c r="DP23" s="327">
        <v>14842147</v>
      </c>
      <c r="DQ23" s="327">
        <v>6811034</v>
      </c>
      <c r="DR23" s="328">
        <v>49261805</v>
      </c>
      <c r="DS23" s="330">
        <v>49592905</v>
      </c>
      <c r="DT23" s="326">
        <v>53369</v>
      </c>
      <c r="DU23" s="327">
        <v>277731</v>
      </c>
      <c r="DV23" s="328">
        <v>331100</v>
      </c>
      <c r="DW23" s="326">
        <v>0</v>
      </c>
      <c r="DX23" s="327">
        <v>3603842</v>
      </c>
      <c r="DY23" s="327">
        <v>6824860</v>
      </c>
      <c r="DZ23" s="327">
        <v>15655228</v>
      </c>
      <c r="EA23" s="327">
        <v>14555947</v>
      </c>
      <c r="EB23" s="327">
        <v>6811034</v>
      </c>
      <c r="EC23" s="328">
        <v>47450911</v>
      </c>
      <c r="ED23" s="330">
        <v>47782011</v>
      </c>
      <c r="EE23" s="326">
        <v>0</v>
      </c>
      <c r="EF23" s="331">
        <v>0</v>
      </c>
      <c r="EG23" s="328">
        <v>0</v>
      </c>
      <c r="EH23" s="326">
        <v>0</v>
      </c>
      <c r="EI23" s="327">
        <v>175484</v>
      </c>
      <c r="EJ23" s="327">
        <v>539414</v>
      </c>
      <c r="EK23" s="327">
        <v>809796</v>
      </c>
      <c r="EL23" s="327">
        <v>286200</v>
      </c>
      <c r="EM23" s="327">
        <v>0</v>
      </c>
      <c r="EN23" s="331">
        <v>1810894</v>
      </c>
      <c r="EO23" s="330">
        <v>1810894</v>
      </c>
      <c r="EP23" s="326">
        <v>0</v>
      </c>
      <c r="EQ23" s="327">
        <v>0</v>
      </c>
      <c r="ER23" s="331">
        <v>0</v>
      </c>
      <c r="ES23" s="332">
        <v>0</v>
      </c>
      <c r="ET23" s="327">
        <v>0</v>
      </c>
      <c r="EU23" s="327">
        <v>0</v>
      </c>
      <c r="EV23" s="327">
        <v>0</v>
      </c>
      <c r="EW23" s="327">
        <v>0</v>
      </c>
      <c r="EX23" s="327">
        <v>0</v>
      </c>
      <c r="EY23" s="328">
        <v>0</v>
      </c>
      <c r="EZ23" s="330">
        <v>0</v>
      </c>
      <c r="FA23" s="326">
        <v>0</v>
      </c>
      <c r="FB23" s="327">
        <v>0</v>
      </c>
      <c r="FC23" s="331">
        <v>0</v>
      </c>
      <c r="FD23" s="332">
        <v>0</v>
      </c>
      <c r="FE23" s="327">
        <v>0</v>
      </c>
      <c r="FF23" s="327">
        <v>0</v>
      </c>
      <c r="FG23" s="327">
        <v>0</v>
      </c>
      <c r="FH23" s="327">
        <v>0</v>
      </c>
      <c r="FI23" s="327">
        <v>0</v>
      </c>
      <c r="FJ23" s="328">
        <v>0</v>
      </c>
      <c r="FK23" s="330">
        <v>0</v>
      </c>
      <c r="FL23" s="326">
        <v>1919818</v>
      </c>
      <c r="FM23" s="327">
        <v>4535815</v>
      </c>
      <c r="FN23" s="328">
        <v>6455633</v>
      </c>
      <c r="FO23" s="326">
        <v>0</v>
      </c>
      <c r="FP23" s="327">
        <v>7287287</v>
      </c>
      <c r="FQ23" s="327">
        <v>16172399</v>
      </c>
      <c r="FR23" s="327">
        <v>12611471</v>
      </c>
      <c r="FS23" s="327">
        <v>11525598</v>
      </c>
      <c r="FT23" s="327">
        <v>8569790</v>
      </c>
      <c r="FU23" s="328">
        <v>56166545</v>
      </c>
      <c r="FV23" s="330">
        <v>62622178</v>
      </c>
      <c r="FW23" s="333">
        <v>1149512</v>
      </c>
      <c r="FX23" s="327">
        <v>3579669</v>
      </c>
      <c r="FY23" s="331">
        <v>4729181</v>
      </c>
      <c r="FZ23" s="332">
        <v>0</v>
      </c>
      <c r="GA23" s="327">
        <v>6087695</v>
      </c>
      <c r="GB23" s="327">
        <v>15233503</v>
      </c>
      <c r="GC23" s="327">
        <v>11997833</v>
      </c>
      <c r="GD23" s="327">
        <v>10606563</v>
      </c>
      <c r="GE23" s="327">
        <v>8343593</v>
      </c>
      <c r="GF23" s="328">
        <v>52269187</v>
      </c>
      <c r="GG23" s="334">
        <v>56998368</v>
      </c>
      <c r="GH23" s="333">
        <v>107886</v>
      </c>
      <c r="GI23" s="327">
        <v>62846</v>
      </c>
      <c r="GJ23" s="331">
        <v>170732</v>
      </c>
      <c r="GK23" s="332">
        <v>0</v>
      </c>
      <c r="GL23" s="327">
        <v>337752</v>
      </c>
      <c r="GM23" s="327">
        <v>329526</v>
      </c>
      <c r="GN23" s="327">
        <v>312938</v>
      </c>
      <c r="GO23" s="327">
        <v>308700</v>
      </c>
      <c r="GP23" s="327">
        <v>122697</v>
      </c>
      <c r="GQ23" s="328">
        <v>1411613</v>
      </c>
      <c r="GR23" s="330">
        <v>1582345</v>
      </c>
      <c r="GS23" s="326">
        <v>662420</v>
      </c>
      <c r="GT23" s="327">
        <v>893300</v>
      </c>
      <c r="GU23" s="328">
        <v>1555720</v>
      </c>
      <c r="GV23" s="326">
        <v>0</v>
      </c>
      <c r="GW23" s="327">
        <v>861840</v>
      </c>
      <c r="GX23" s="327">
        <v>609370</v>
      </c>
      <c r="GY23" s="327">
        <v>300700</v>
      </c>
      <c r="GZ23" s="327">
        <v>610335</v>
      </c>
      <c r="HA23" s="327">
        <v>103500</v>
      </c>
      <c r="HB23" s="331">
        <v>2485745</v>
      </c>
      <c r="HC23" s="330">
        <v>4041465</v>
      </c>
      <c r="HD23" s="326">
        <v>1723259</v>
      </c>
      <c r="HE23" s="327">
        <v>1000117</v>
      </c>
      <c r="HF23" s="331">
        <v>2723376</v>
      </c>
      <c r="HG23" s="332">
        <v>0</v>
      </c>
      <c r="HH23" s="327">
        <v>24322714</v>
      </c>
      <c r="HI23" s="327">
        <v>23740816</v>
      </c>
      <c r="HJ23" s="327">
        <v>24588280</v>
      </c>
      <c r="HK23" s="327">
        <v>30797654</v>
      </c>
      <c r="HL23" s="327">
        <v>19055022</v>
      </c>
      <c r="HM23" s="328">
        <v>122504486</v>
      </c>
      <c r="HN23" s="329">
        <v>125227862</v>
      </c>
      <c r="HO23" s="333">
        <v>1671784</v>
      </c>
      <c r="HP23" s="327">
        <v>3722155</v>
      </c>
      <c r="HQ23" s="328">
        <v>5393939</v>
      </c>
      <c r="HR23" s="326">
        <v>0</v>
      </c>
      <c r="HS23" s="327">
        <v>25482266</v>
      </c>
      <c r="HT23" s="327">
        <v>23382834</v>
      </c>
      <c r="HU23" s="327">
        <v>16566618</v>
      </c>
      <c r="HV23" s="327">
        <v>10951318</v>
      </c>
      <c r="HW23" s="327">
        <v>6449600</v>
      </c>
      <c r="HX23" s="331">
        <v>82832636</v>
      </c>
      <c r="HY23" s="330">
        <v>88226575</v>
      </c>
      <c r="HZ23" s="335">
        <v>246956</v>
      </c>
      <c r="IA23" s="336">
        <v>1332549</v>
      </c>
      <c r="IB23" s="337">
        <v>1579505</v>
      </c>
      <c r="IC23" s="338">
        <v>0</v>
      </c>
      <c r="ID23" s="336">
        <v>39901899</v>
      </c>
      <c r="IE23" s="339">
        <v>47747514</v>
      </c>
      <c r="IF23" s="337">
        <v>58146618</v>
      </c>
      <c r="IG23" s="336">
        <v>40719836</v>
      </c>
      <c r="IH23" s="337">
        <v>27503754</v>
      </c>
      <c r="II23" s="340">
        <v>214019621</v>
      </c>
      <c r="IJ23" s="341">
        <v>215599126</v>
      </c>
      <c r="IK23" s="342">
        <v>0</v>
      </c>
      <c r="IL23" s="343">
        <v>0</v>
      </c>
      <c r="IM23" s="344">
        <v>0</v>
      </c>
      <c r="IN23" s="404">
        <v>0</v>
      </c>
      <c r="IO23" s="345">
        <v>865159</v>
      </c>
      <c r="IP23" s="345">
        <v>1542474</v>
      </c>
      <c r="IQ23" s="345">
        <v>1177947</v>
      </c>
      <c r="IR23" s="345">
        <v>1413585</v>
      </c>
      <c r="IS23" s="345">
        <v>3465163</v>
      </c>
      <c r="IT23" s="346">
        <v>8464328</v>
      </c>
      <c r="IU23" s="347">
        <v>8464328</v>
      </c>
      <c r="IV23" s="348">
        <v>0</v>
      </c>
      <c r="IW23" s="345">
        <v>0</v>
      </c>
      <c r="IX23" s="349">
        <v>0</v>
      </c>
      <c r="IY23" s="413">
        <v>0</v>
      </c>
      <c r="IZ23" s="345">
        <v>0</v>
      </c>
      <c r="JA23" s="345">
        <v>18787</v>
      </c>
      <c r="JB23" s="345">
        <v>0</v>
      </c>
      <c r="JC23" s="345">
        <v>0</v>
      </c>
      <c r="JD23" s="345">
        <v>25981</v>
      </c>
      <c r="JE23" s="349">
        <v>44768</v>
      </c>
      <c r="JF23" s="350">
        <v>44768</v>
      </c>
      <c r="JG23" s="348">
        <v>0</v>
      </c>
      <c r="JH23" s="345">
        <v>0</v>
      </c>
      <c r="JI23" s="346">
        <v>0</v>
      </c>
      <c r="JJ23" s="351">
        <v>0</v>
      </c>
      <c r="JK23" s="345">
        <v>12800756</v>
      </c>
      <c r="JL23" s="345">
        <v>11312460</v>
      </c>
      <c r="JM23" s="345">
        <v>8639587</v>
      </c>
      <c r="JN23" s="345">
        <v>4032563</v>
      </c>
      <c r="JO23" s="345">
        <v>2054086</v>
      </c>
      <c r="JP23" s="349">
        <v>38839452</v>
      </c>
      <c r="JQ23" s="347">
        <v>38839452</v>
      </c>
      <c r="JR23" s="348">
        <v>0</v>
      </c>
      <c r="JS23" s="345">
        <v>0</v>
      </c>
      <c r="JT23" s="346">
        <v>0</v>
      </c>
      <c r="JU23" s="351">
        <v>0</v>
      </c>
      <c r="JV23" s="345">
        <v>920432</v>
      </c>
      <c r="JW23" s="345">
        <v>1418360</v>
      </c>
      <c r="JX23" s="345">
        <v>2830141</v>
      </c>
      <c r="JY23" s="345">
        <v>1717629</v>
      </c>
      <c r="JZ23" s="345">
        <v>968507</v>
      </c>
      <c r="KA23" s="349">
        <v>7855069</v>
      </c>
      <c r="KB23" s="347">
        <v>7855069</v>
      </c>
      <c r="KC23" s="352">
        <v>246956</v>
      </c>
      <c r="KD23" s="353">
        <v>558501</v>
      </c>
      <c r="KE23" s="349">
        <v>805457</v>
      </c>
      <c r="KF23" s="351">
        <v>0</v>
      </c>
      <c r="KG23" s="345">
        <v>8479385</v>
      </c>
      <c r="KH23" s="345">
        <v>7964697</v>
      </c>
      <c r="KI23" s="345">
        <v>13149447</v>
      </c>
      <c r="KJ23" s="345">
        <v>5633207</v>
      </c>
      <c r="KK23" s="345">
        <v>2470113</v>
      </c>
      <c r="KL23" s="349">
        <v>37696849</v>
      </c>
      <c r="KM23" s="354">
        <v>38502306</v>
      </c>
      <c r="KN23" s="342">
        <v>0</v>
      </c>
      <c r="KO23" s="343">
        <v>774048</v>
      </c>
      <c r="KP23" s="344">
        <v>774048</v>
      </c>
      <c r="KQ23" s="413">
        <v>0</v>
      </c>
      <c r="KR23" s="345">
        <v>15904597</v>
      </c>
      <c r="KS23" s="345">
        <v>23049749</v>
      </c>
      <c r="KT23" s="345">
        <v>26812675</v>
      </c>
      <c r="KU23" s="345">
        <v>17664861</v>
      </c>
      <c r="KV23" s="345">
        <v>6263440</v>
      </c>
      <c r="KW23" s="349">
        <v>89695322</v>
      </c>
      <c r="KX23" s="347">
        <v>90469370</v>
      </c>
      <c r="KY23" s="348">
        <v>0</v>
      </c>
      <c r="KZ23" s="345">
        <v>0</v>
      </c>
      <c r="LA23" s="349">
        <v>0</v>
      </c>
      <c r="LB23" s="413">
        <v>0</v>
      </c>
      <c r="LC23" s="345">
        <v>0</v>
      </c>
      <c r="LD23" s="345">
        <v>0</v>
      </c>
      <c r="LE23" s="345">
        <v>0</v>
      </c>
      <c r="LF23" s="345">
        <v>0</v>
      </c>
      <c r="LG23" s="345">
        <v>0</v>
      </c>
      <c r="LH23" s="349">
        <v>0</v>
      </c>
      <c r="LI23" s="350">
        <v>0</v>
      </c>
      <c r="LJ23" s="348">
        <v>0</v>
      </c>
      <c r="LK23" s="345">
        <v>0</v>
      </c>
      <c r="LL23" s="349">
        <v>0</v>
      </c>
      <c r="LM23" s="413">
        <v>0</v>
      </c>
      <c r="LN23" s="345">
        <v>0</v>
      </c>
      <c r="LO23" s="345">
        <v>291536</v>
      </c>
      <c r="LP23" s="345">
        <v>1818498</v>
      </c>
      <c r="LQ23" s="345">
        <v>4874738</v>
      </c>
      <c r="LR23" s="345">
        <v>1779512</v>
      </c>
      <c r="LS23" s="349">
        <v>8764284</v>
      </c>
      <c r="LT23" s="347">
        <v>8764284</v>
      </c>
      <c r="LU23" s="348">
        <v>0</v>
      </c>
      <c r="LV23" s="345">
        <v>0</v>
      </c>
      <c r="LW23" s="349">
        <v>0</v>
      </c>
      <c r="LX23" s="413">
        <v>0</v>
      </c>
      <c r="LY23" s="345">
        <v>931570</v>
      </c>
      <c r="LZ23" s="345">
        <v>2149451</v>
      </c>
      <c r="MA23" s="345">
        <v>3718323</v>
      </c>
      <c r="MB23" s="345">
        <v>5383253</v>
      </c>
      <c r="MC23" s="345">
        <v>10476952</v>
      </c>
      <c r="MD23" s="349">
        <v>22659549</v>
      </c>
      <c r="ME23" s="350">
        <v>22659549</v>
      </c>
      <c r="MF23" s="348">
        <v>0</v>
      </c>
      <c r="MG23" s="345">
        <v>0</v>
      </c>
      <c r="MH23" s="349">
        <v>0</v>
      </c>
      <c r="MI23" s="413">
        <v>0</v>
      </c>
      <c r="MJ23" s="345">
        <v>7360403</v>
      </c>
      <c r="MK23" s="345">
        <v>23588256</v>
      </c>
      <c r="ML23" s="345">
        <v>87910468</v>
      </c>
      <c r="MM23" s="345">
        <v>159226867</v>
      </c>
      <c r="MN23" s="345">
        <v>108422852</v>
      </c>
      <c r="MO23" s="349">
        <v>386508846</v>
      </c>
      <c r="MP23" s="354">
        <v>386508846</v>
      </c>
      <c r="MQ23" s="348">
        <v>0</v>
      </c>
      <c r="MR23" s="345">
        <v>0</v>
      </c>
      <c r="MS23" s="349">
        <v>0</v>
      </c>
      <c r="MT23" s="413">
        <v>0</v>
      </c>
      <c r="MU23" s="345">
        <v>1219797</v>
      </c>
      <c r="MV23" s="345">
        <v>3302954</v>
      </c>
      <c r="MW23" s="345">
        <v>54441568</v>
      </c>
      <c r="MX23" s="345">
        <v>118690407</v>
      </c>
      <c r="MY23" s="345">
        <v>77640834</v>
      </c>
      <c r="MZ23" s="349">
        <v>255295560</v>
      </c>
      <c r="NA23" s="354">
        <v>255295560</v>
      </c>
      <c r="NB23" s="348">
        <v>0</v>
      </c>
      <c r="NC23" s="345">
        <v>0</v>
      </c>
      <c r="ND23" s="349">
        <v>0</v>
      </c>
      <c r="NE23" s="413">
        <v>0</v>
      </c>
      <c r="NF23" s="345">
        <v>6140606</v>
      </c>
      <c r="NG23" s="345">
        <v>20197534</v>
      </c>
      <c r="NH23" s="345">
        <v>33073311</v>
      </c>
      <c r="NI23" s="345">
        <v>35462942</v>
      </c>
      <c r="NJ23" s="345">
        <v>22682944</v>
      </c>
      <c r="NK23" s="349">
        <v>117557337</v>
      </c>
      <c r="NL23" s="347">
        <v>117557337</v>
      </c>
      <c r="NM23" s="348">
        <v>0</v>
      </c>
      <c r="NN23" s="345">
        <v>0</v>
      </c>
      <c r="NO23" s="349">
        <v>0</v>
      </c>
      <c r="NP23" s="413">
        <v>0</v>
      </c>
      <c r="NQ23" s="345">
        <v>0</v>
      </c>
      <c r="NR23" s="345">
        <v>0</v>
      </c>
      <c r="NS23" s="345">
        <v>0</v>
      </c>
      <c r="NT23" s="345">
        <v>0</v>
      </c>
      <c r="NU23" s="345">
        <v>0</v>
      </c>
      <c r="NV23" s="349">
        <v>0</v>
      </c>
      <c r="NW23" s="350">
        <v>0</v>
      </c>
      <c r="NX23" s="348">
        <v>0</v>
      </c>
      <c r="NY23" s="345">
        <v>0</v>
      </c>
      <c r="NZ23" s="349">
        <v>0</v>
      </c>
      <c r="OA23" s="413">
        <v>0</v>
      </c>
      <c r="OB23" s="345">
        <v>0</v>
      </c>
      <c r="OC23" s="345">
        <v>87768</v>
      </c>
      <c r="OD23" s="345">
        <v>395589</v>
      </c>
      <c r="OE23" s="345">
        <v>5073518</v>
      </c>
      <c r="OF23" s="345">
        <v>8099074</v>
      </c>
      <c r="OG23" s="349">
        <v>13655949</v>
      </c>
      <c r="OH23" s="350">
        <v>13655949</v>
      </c>
      <c r="OI23" s="348">
        <v>9588697</v>
      </c>
      <c r="OJ23" s="345">
        <v>21926980</v>
      </c>
      <c r="OK23" s="346">
        <v>31515677</v>
      </c>
      <c r="OL23" s="351">
        <v>0</v>
      </c>
      <c r="OM23" s="345">
        <v>196336278</v>
      </c>
      <c r="ON23" s="345">
        <v>255852222</v>
      </c>
      <c r="OO23" s="345">
        <v>321747686</v>
      </c>
      <c r="OP23" s="345">
        <v>355713651</v>
      </c>
      <c r="OQ23" s="345">
        <v>251544419</v>
      </c>
      <c r="OR23" s="349">
        <v>1381194256</v>
      </c>
      <c r="OS23" s="354">
        <v>1412709933</v>
      </c>
    </row>
    <row r="24" spans="2:409" s="70" customFormat="1" ht="21" customHeight="1" x14ac:dyDescent="0.2">
      <c r="B24" s="410" t="s">
        <v>19</v>
      </c>
      <c r="C24" s="326">
        <v>6450118</v>
      </c>
      <c r="D24" s="327">
        <v>11272149</v>
      </c>
      <c r="E24" s="328">
        <v>17722267</v>
      </c>
      <c r="F24" s="329">
        <v>0</v>
      </c>
      <c r="G24" s="327">
        <v>69530654</v>
      </c>
      <c r="H24" s="327">
        <v>72491426</v>
      </c>
      <c r="I24" s="327">
        <v>66912884</v>
      </c>
      <c r="J24" s="327">
        <v>50856912</v>
      </c>
      <c r="K24" s="327">
        <v>42108571</v>
      </c>
      <c r="L24" s="329">
        <v>301900447</v>
      </c>
      <c r="M24" s="330">
        <v>319622714</v>
      </c>
      <c r="N24" s="326">
        <v>1571472</v>
      </c>
      <c r="O24" s="327">
        <v>2429132</v>
      </c>
      <c r="P24" s="328">
        <v>4000604</v>
      </c>
      <c r="Q24" s="326">
        <v>0</v>
      </c>
      <c r="R24" s="327">
        <v>18740347</v>
      </c>
      <c r="S24" s="327">
        <v>18230230</v>
      </c>
      <c r="T24" s="327">
        <v>20589566</v>
      </c>
      <c r="U24" s="327">
        <v>18928003</v>
      </c>
      <c r="V24" s="327">
        <v>16047916</v>
      </c>
      <c r="W24" s="328">
        <v>92536062</v>
      </c>
      <c r="X24" s="330">
        <v>96536666</v>
      </c>
      <c r="Y24" s="326">
        <v>0</v>
      </c>
      <c r="Z24" s="327">
        <v>0</v>
      </c>
      <c r="AA24" s="328">
        <v>0</v>
      </c>
      <c r="AB24" s="326">
        <v>0</v>
      </c>
      <c r="AC24" s="327">
        <v>6877354</v>
      </c>
      <c r="AD24" s="327">
        <v>8567855</v>
      </c>
      <c r="AE24" s="327">
        <v>11041496</v>
      </c>
      <c r="AF24" s="327">
        <v>10734447</v>
      </c>
      <c r="AG24" s="327">
        <v>8173204</v>
      </c>
      <c r="AH24" s="328">
        <v>45394356</v>
      </c>
      <c r="AI24" s="330">
        <v>45394356</v>
      </c>
      <c r="AJ24" s="326">
        <v>0</v>
      </c>
      <c r="AK24" s="327">
        <v>0</v>
      </c>
      <c r="AL24" s="328">
        <v>0</v>
      </c>
      <c r="AM24" s="326">
        <v>0</v>
      </c>
      <c r="AN24" s="327">
        <v>194273</v>
      </c>
      <c r="AO24" s="327">
        <v>166653</v>
      </c>
      <c r="AP24" s="327">
        <v>867165</v>
      </c>
      <c r="AQ24" s="327">
        <v>1075923</v>
      </c>
      <c r="AR24" s="327">
        <v>1764395</v>
      </c>
      <c r="AS24" s="328">
        <v>4068409</v>
      </c>
      <c r="AT24" s="330">
        <v>4068409</v>
      </c>
      <c r="AU24" s="326">
        <v>861484</v>
      </c>
      <c r="AV24" s="327">
        <v>1663315</v>
      </c>
      <c r="AW24" s="328">
        <v>2524799</v>
      </c>
      <c r="AX24" s="326">
        <v>0</v>
      </c>
      <c r="AY24" s="327">
        <v>8031997</v>
      </c>
      <c r="AZ24" s="327">
        <v>5872428</v>
      </c>
      <c r="BA24" s="327">
        <v>5045750</v>
      </c>
      <c r="BB24" s="327">
        <v>3927354</v>
      </c>
      <c r="BC24" s="327">
        <v>3701512</v>
      </c>
      <c r="BD24" s="328">
        <v>26579041</v>
      </c>
      <c r="BE24" s="330">
        <v>29103840</v>
      </c>
      <c r="BF24" s="326">
        <v>116753</v>
      </c>
      <c r="BG24" s="327">
        <v>232019</v>
      </c>
      <c r="BH24" s="331">
        <v>348772</v>
      </c>
      <c r="BI24" s="332">
        <v>0</v>
      </c>
      <c r="BJ24" s="327">
        <v>662639</v>
      </c>
      <c r="BK24" s="327">
        <v>268178</v>
      </c>
      <c r="BL24" s="327">
        <v>595214</v>
      </c>
      <c r="BM24" s="327">
        <v>342236</v>
      </c>
      <c r="BN24" s="327">
        <v>80692</v>
      </c>
      <c r="BO24" s="328">
        <v>1948959</v>
      </c>
      <c r="BP24" s="330">
        <v>2297731</v>
      </c>
      <c r="BQ24" s="326">
        <v>593235</v>
      </c>
      <c r="BR24" s="327">
        <v>533798</v>
      </c>
      <c r="BS24" s="328">
        <v>1127033</v>
      </c>
      <c r="BT24" s="326">
        <v>0</v>
      </c>
      <c r="BU24" s="327">
        <v>2974084</v>
      </c>
      <c r="BV24" s="327">
        <v>3355116</v>
      </c>
      <c r="BW24" s="327">
        <v>3039941</v>
      </c>
      <c r="BX24" s="327">
        <v>2848043</v>
      </c>
      <c r="BY24" s="327">
        <v>2328113</v>
      </c>
      <c r="BZ24" s="328">
        <v>14545297</v>
      </c>
      <c r="CA24" s="330">
        <v>15672330</v>
      </c>
      <c r="CB24" s="326">
        <v>1074006</v>
      </c>
      <c r="CC24" s="327">
        <v>3264478</v>
      </c>
      <c r="CD24" s="328">
        <v>4338484</v>
      </c>
      <c r="CE24" s="326">
        <v>0</v>
      </c>
      <c r="CF24" s="327">
        <v>21189287</v>
      </c>
      <c r="CG24" s="327">
        <v>23932340</v>
      </c>
      <c r="CH24" s="327">
        <v>17553508</v>
      </c>
      <c r="CI24" s="327">
        <v>8921425</v>
      </c>
      <c r="CJ24" s="327">
        <v>7705802</v>
      </c>
      <c r="CK24" s="328">
        <v>79302362</v>
      </c>
      <c r="CL24" s="330">
        <v>83640846</v>
      </c>
      <c r="CM24" s="326">
        <v>0</v>
      </c>
      <c r="CN24" s="327">
        <v>0</v>
      </c>
      <c r="CO24" s="328">
        <v>0</v>
      </c>
      <c r="CP24" s="332">
        <v>0</v>
      </c>
      <c r="CQ24" s="327">
        <v>14874129</v>
      </c>
      <c r="CR24" s="327">
        <v>17073514</v>
      </c>
      <c r="CS24" s="327">
        <v>12877049</v>
      </c>
      <c r="CT24" s="327">
        <v>6027954</v>
      </c>
      <c r="CU24" s="327">
        <v>6785471</v>
      </c>
      <c r="CV24" s="328">
        <v>57638117</v>
      </c>
      <c r="CW24" s="330">
        <v>57638117</v>
      </c>
      <c r="CX24" s="326">
        <v>1074006</v>
      </c>
      <c r="CY24" s="327">
        <v>3264478</v>
      </c>
      <c r="CZ24" s="328">
        <v>4338484</v>
      </c>
      <c r="DA24" s="326">
        <v>0</v>
      </c>
      <c r="DB24" s="327">
        <v>6315158</v>
      </c>
      <c r="DC24" s="327">
        <v>6858826</v>
      </c>
      <c r="DD24" s="327">
        <v>4676459</v>
      </c>
      <c r="DE24" s="327">
        <v>2893471</v>
      </c>
      <c r="DF24" s="327">
        <v>920331</v>
      </c>
      <c r="DG24" s="328">
        <v>21664245</v>
      </c>
      <c r="DH24" s="330">
        <v>26002729</v>
      </c>
      <c r="DI24" s="326">
        <v>24106</v>
      </c>
      <c r="DJ24" s="327">
        <v>160749</v>
      </c>
      <c r="DK24" s="331">
        <v>184855</v>
      </c>
      <c r="DL24" s="332">
        <v>0</v>
      </c>
      <c r="DM24" s="327">
        <v>2284397</v>
      </c>
      <c r="DN24" s="327">
        <v>2765444</v>
      </c>
      <c r="DO24" s="327">
        <v>6405768</v>
      </c>
      <c r="DP24" s="327">
        <v>3121262</v>
      </c>
      <c r="DQ24" s="327">
        <v>2276181</v>
      </c>
      <c r="DR24" s="328">
        <v>16853052</v>
      </c>
      <c r="DS24" s="330">
        <v>17037907</v>
      </c>
      <c r="DT24" s="326">
        <v>24106</v>
      </c>
      <c r="DU24" s="327">
        <v>160749</v>
      </c>
      <c r="DV24" s="328">
        <v>184855</v>
      </c>
      <c r="DW24" s="326">
        <v>0</v>
      </c>
      <c r="DX24" s="327">
        <v>1991268</v>
      </c>
      <c r="DY24" s="327">
        <v>2356084</v>
      </c>
      <c r="DZ24" s="327">
        <v>5422080</v>
      </c>
      <c r="EA24" s="327">
        <v>2086496</v>
      </c>
      <c r="EB24" s="327">
        <v>1890908</v>
      </c>
      <c r="EC24" s="328">
        <v>13746836</v>
      </c>
      <c r="ED24" s="330">
        <v>13931691</v>
      </c>
      <c r="EE24" s="326">
        <v>0</v>
      </c>
      <c r="EF24" s="331">
        <v>0</v>
      </c>
      <c r="EG24" s="328">
        <v>0</v>
      </c>
      <c r="EH24" s="326">
        <v>0</v>
      </c>
      <c r="EI24" s="327">
        <v>293129</v>
      </c>
      <c r="EJ24" s="327">
        <v>409360</v>
      </c>
      <c r="EK24" s="327">
        <v>983688</v>
      </c>
      <c r="EL24" s="327">
        <v>1034766</v>
      </c>
      <c r="EM24" s="327">
        <v>385273</v>
      </c>
      <c r="EN24" s="331">
        <v>3106216</v>
      </c>
      <c r="EO24" s="330">
        <v>3106216</v>
      </c>
      <c r="EP24" s="326">
        <v>0</v>
      </c>
      <c r="EQ24" s="327">
        <v>0</v>
      </c>
      <c r="ER24" s="331">
        <v>0</v>
      </c>
      <c r="ES24" s="332">
        <v>0</v>
      </c>
      <c r="ET24" s="327">
        <v>0</v>
      </c>
      <c r="EU24" s="327">
        <v>0</v>
      </c>
      <c r="EV24" s="327">
        <v>0</v>
      </c>
      <c r="EW24" s="327">
        <v>0</v>
      </c>
      <c r="EX24" s="327">
        <v>0</v>
      </c>
      <c r="EY24" s="328">
        <v>0</v>
      </c>
      <c r="EZ24" s="330">
        <v>0</v>
      </c>
      <c r="FA24" s="326">
        <v>0</v>
      </c>
      <c r="FB24" s="327">
        <v>0</v>
      </c>
      <c r="FC24" s="331">
        <v>0</v>
      </c>
      <c r="FD24" s="332">
        <v>0</v>
      </c>
      <c r="FE24" s="327">
        <v>0</v>
      </c>
      <c r="FF24" s="327">
        <v>0</v>
      </c>
      <c r="FG24" s="327">
        <v>0</v>
      </c>
      <c r="FH24" s="327">
        <v>0</v>
      </c>
      <c r="FI24" s="327">
        <v>0</v>
      </c>
      <c r="FJ24" s="328">
        <v>0</v>
      </c>
      <c r="FK24" s="330">
        <v>0</v>
      </c>
      <c r="FL24" s="326">
        <v>1566652</v>
      </c>
      <c r="FM24" s="327">
        <v>2199458</v>
      </c>
      <c r="FN24" s="328">
        <v>3766110</v>
      </c>
      <c r="FO24" s="326">
        <v>0</v>
      </c>
      <c r="FP24" s="327">
        <v>4896805</v>
      </c>
      <c r="FQ24" s="327">
        <v>6257877</v>
      </c>
      <c r="FR24" s="327">
        <v>5279517</v>
      </c>
      <c r="FS24" s="327">
        <v>3819577</v>
      </c>
      <c r="FT24" s="327">
        <v>3347188</v>
      </c>
      <c r="FU24" s="328">
        <v>23600964</v>
      </c>
      <c r="FV24" s="330">
        <v>27367074</v>
      </c>
      <c r="FW24" s="333">
        <v>1020230</v>
      </c>
      <c r="FX24" s="327">
        <v>1728872</v>
      </c>
      <c r="FY24" s="331">
        <v>2749102</v>
      </c>
      <c r="FZ24" s="332">
        <v>0</v>
      </c>
      <c r="GA24" s="327">
        <v>4082317</v>
      </c>
      <c r="GB24" s="327">
        <v>6022656</v>
      </c>
      <c r="GC24" s="327">
        <v>5065652</v>
      </c>
      <c r="GD24" s="327">
        <v>3591769</v>
      </c>
      <c r="GE24" s="327">
        <v>3220609</v>
      </c>
      <c r="GF24" s="328">
        <v>21983003</v>
      </c>
      <c r="GG24" s="334">
        <v>24732105</v>
      </c>
      <c r="GH24" s="333">
        <v>208047</v>
      </c>
      <c r="GI24" s="327">
        <v>252657</v>
      </c>
      <c r="GJ24" s="331">
        <v>460704</v>
      </c>
      <c r="GK24" s="332">
        <v>0</v>
      </c>
      <c r="GL24" s="327">
        <v>475321</v>
      </c>
      <c r="GM24" s="327">
        <v>218391</v>
      </c>
      <c r="GN24" s="327">
        <v>84510</v>
      </c>
      <c r="GO24" s="327">
        <v>227808</v>
      </c>
      <c r="GP24" s="327">
        <v>28080</v>
      </c>
      <c r="GQ24" s="328">
        <v>1034110</v>
      </c>
      <c r="GR24" s="330">
        <v>1494814</v>
      </c>
      <c r="GS24" s="326">
        <v>338375</v>
      </c>
      <c r="GT24" s="327">
        <v>217929</v>
      </c>
      <c r="GU24" s="328">
        <v>556304</v>
      </c>
      <c r="GV24" s="326">
        <v>0</v>
      </c>
      <c r="GW24" s="327">
        <v>339167</v>
      </c>
      <c r="GX24" s="327">
        <v>16830</v>
      </c>
      <c r="GY24" s="327">
        <v>129355</v>
      </c>
      <c r="GZ24" s="327">
        <v>0</v>
      </c>
      <c r="HA24" s="327">
        <v>98499</v>
      </c>
      <c r="HB24" s="331">
        <v>583851</v>
      </c>
      <c r="HC24" s="330">
        <v>1140155</v>
      </c>
      <c r="HD24" s="326">
        <v>1045069</v>
      </c>
      <c r="HE24" s="327">
        <v>1622748</v>
      </c>
      <c r="HF24" s="331">
        <v>2667817</v>
      </c>
      <c r="HG24" s="332">
        <v>0</v>
      </c>
      <c r="HH24" s="327">
        <v>10518553</v>
      </c>
      <c r="HI24" s="327">
        <v>12821989</v>
      </c>
      <c r="HJ24" s="327">
        <v>11139944</v>
      </c>
      <c r="HK24" s="327">
        <v>12834409</v>
      </c>
      <c r="HL24" s="327">
        <v>10583686</v>
      </c>
      <c r="HM24" s="328">
        <v>57898581</v>
      </c>
      <c r="HN24" s="329">
        <v>60566398</v>
      </c>
      <c r="HO24" s="333">
        <v>1168813</v>
      </c>
      <c r="HP24" s="327">
        <v>1595584</v>
      </c>
      <c r="HQ24" s="328">
        <v>2764397</v>
      </c>
      <c r="HR24" s="326">
        <v>0</v>
      </c>
      <c r="HS24" s="327">
        <v>11901265</v>
      </c>
      <c r="HT24" s="327">
        <v>8483546</v>
      </c>
      <c r="HU24" s="327">
        <v>5944581</v>
      </c>
      <c r="HV24" s="327">
        <v>3232236</v>
      </c>
      <c r="HW24" s="327">
        <v>2147798</v>
      </c>
      <c r="HX24" s="331">
        <v>31709426</v>
      </c>
      <c r="HY24" s="330">
        <v>34473823</v>
      </c>
      <c r="HZ24" s="358">
        <v>12908</v>
      </c>
      <c r="IA24" s="356">
        <v>134466</v>
      </c>
      <c r="IB24" s="358">
        <v>147374</v>
      </c>
      <c r="IC24" s="355">
        <v>0</v>
      </c>
      <c r="ID24" s="356">
        <v>15545398</v>
      </c>
      <c r="IE24" s="357">
        <v>22179587</v>
      </c>
      <c r="IF24" s="358">
        <v>22208810</v>
      </c>
      <c r="IG24" s="356">
        <v>16150188</v>
      </c>
      <c r="IH24" s="358">
        <v>14347292</v>
      </c>
      <c r="II24" s="359">
        <v>90431275</v>
      </c>
      <c r="IJ24" s="358">
        <v>90578649</v>
      </c>
      <c r="IK24" s="342">
        <v>0</v>
      </c>
      <c r="IL24" s="343">
        <v>0</v>
      </c>
      <c r="IM24" s="344">
        <v>0</v>
      </c>
      <c r="IN24" s="404">
        <v>0</v>
      </c>
      <c r="IO24" s="345">
        <v>894523</v>
      </c>
      <c r="IP24" s="345">
        <v>1312406</v>
      </c>
      <c r="IQ24" s="345">
        <v>1505224</v>
      </c>
      <c r="IR24" s="345">
        <v>1021406</v>
      </c>
      <c r="IS24" s="345">
        <v>965530</v>
      </c>
      <c r="IT24" s="346">
        <v>5699089</v>
      </c>
      <c r="IU24" s="347">
        <v>5699089</v>
      </c>
      <c r="IV24" s="348">
        <v>0</v>
      </c>
      <c r="IW24" s="345">
        <v>0</v>
      </c>
      <c r="IX24" s="349">
        <v>0</v>
      </c>
      <c r="IY24" s="413">
        <v>0</v>
      </c>
      <c r="IZ24" s="345">
        <v>11661</v>
      </c>
      <c r="JA24" s="345">
        <v>9069</v>
      </c>
      <c r="JB24" s="345">
        <v>34983</v>
      </c>
      <c r="JC24" s="345">
        <v>96295</v>
      </c>
      <c r="JD24" s="345">
        <v>81816</v>
      </c>
      <c r="JE24" s="349">
        <v>233824</v>
      </c>
      <c r="JF24" s="350">
        <v>233824</v>
      </c>
      <c r="JG24" s="348">
        <v>0</v>
      </c>
      <c r="JH24" s="345">
        <v>0</v>
      </c>
      <c r="JI24" s="346">
        <v>0</v>
      </c>
      <c r="JJ24" s="351">
        <v>0</v>
      </c>
      <c r="JK24" s="345">
        <v>5732739</v>
      </c>
      <c r="JL24" s="345">
        <v>5768986</v>
      </c>
      <c r="JM24" s="345">
        <v>3738939</v>
      </c>
      <c r="JN24" s="345">
        <v>2066941</v>
      </c>
      <c r="JO24" s="345">
        <v>1379187</v>
      </c>
      <c r="JP24" s="349">
        <v>18686792</v>
      </c>
      <c r="JQ24" s="347">
        <v>18686792</v>
      </c>
      <c r="JR24" s="348">
        <v>12908</v>
      </c>
      <c r="JS24" s="345">
        <v>0</v>
      </c>
      <c r="JT24" s="346">
        <v>12908</v>
      </c>
      <c r="JU24" s="351">
        <v>0</v>
      </c>
      <c r="JV24" s="345">
        <v>1489377</v>
      </c>
      <c r="JW24" s="345">
        <v>1590160</v>
      </c>
      <c r="JX24" s="345">
        <v>2288924</v>
      </c>
      <c r="JY24" s="345">
        <v>879792</v>
      </c>
      <c r="JZ24" s="345">
        <v>585959</v>
      </c>
      <c r="KA24" s="349">
        <v>6834212</v>
      </c>
      <c r="KB24" s="347">
        <v>6847120</v>
      </c>
      <c r="KC24" s="352">
        <v>0</v>
      </c>
      <c r="KD24" s="353">
        <v>134466</v>
      </c>
      <c r="KE24" s="349">
        <v>134466</v>
      </c>
      <c r="KF24" s="351">
        <v>0</v>
      </c>
      <c r="KG24" s="345">
        <v>3579325</v>
      </c>
      <c r="KH24" s="345">
        <v>6524592</v>
      </c>
      <c r="KI24" s="345">
        <v>7202319</v>
      </c>
      <c r="KJ24" s="345">
        <v>5472732</v>
      </c>
      <c r="KK24" s="345">
        <v>1704710</v>
      </c>
      <c r="KL24" s="349">
        <v>24483678</v>
      </c>
      <c r="KM24" s="354">
        <v>24618144</v>
      </c>
      <c r="KN24" s="342">
        <v>0</v>
      </c>
      <c r="KO24" s="343">
        <v>0</v>
      </c>
      <c r="KP24" s="344">
        <v>0</v>
      </c>
      <c r="KQ24" s="413">
        <v>0</v>
      </c>
      <c r="KR24" s="345">
        <v>3837773</v>
      </c>
      <c r="KS24" s="345">
        <v>6715902</v>
      </c>
      <c r="KT24" s="345">
        <v>6788925</v>
      </c>
      <c r="KU24" s="345">
        <v>5490536</v>
      </c>
      <c r="KV24" s="345">
        <v>5182213</v>
      </c>
      <c r="KW24" s="349">
        <v>28015349</v>
      </c>
      <c r="KX24" s="347">
        <v>28015349</v>
      </c>
      <c r="KY24" s="348">
        <v>0</v>
      </c>
      <c r="KZ24" s="345">
        <v>0</v>
      </c>
      <c r="LA24" s="349">
        <v>0</v>
      </c>
      <c r="LB24" s="413">
        <v>0</v>
      </c>
      <c r="LC24" s="345">
        <v>0</v>
      </c>
      <c r="LD24" s="345">
        <v>0</v>
      </c>
      <c r="LE24" s="345">
        <v>0</v>
      </c>
      <c r="LF24" s="345">
        <v>0</v>
      </c>
      <c r="LG24" s="345">
        <v>0</v>
      </c>
      <c r="LH24" s="349">
        <v>0</v>
      </c>
      <c r="LI24" s="350">
        <v>0</v>
      </c>
      <c r="LJ24" s="348">
        <v>0</v>
      </c>
      <c r="LK24" s="345">
        <v>0</v>
      </c>
      <c r="LL24" s="349">
        <v>0</v>
      </c>
      <c r="LM24" s="413">
        <v>0</v>
      </c>
      <c r="LN24" s="345">
        <v>0</v>
      </c>
      <c r="LO24" s="345">
        <v>0</v>
      </c>
      <c r="LP24" s="345">
        <v>0</v>
      </c>
      <c r="LQ24" s="345">
        <v>0</v>
      </c>
      <c r="LR24" s="345">
        <v>0</v>
      </c>
      <c r="LS24" s="349">
        <v>0</v>
      </c>
      <c r="LT24" s="347">
        <v>0</v>
      </c>
      <c r="LU24" s="348">
        <v>0</v>
      </c>
      <c r="LV24" s="345">
        <v>0</v>
      </c>
      <c r="LW24" s="349">
        <v>0</v>
      </c>
      <c r="LX24" s="413">
        <v>0</v>
      </c>
      <c r="LY24" s="345">
        <v>0</v>
      </c>
      <c r="LZ24" s="345">
        <v>258472</v>
      </c>
      <c r="MA24" s="345">
        <v>649496</v>
      </c>
      <c r="MB24" s="345">
        <v>1122486</v>
      </c>
      <c r="MC24" s="345">
        <v>4447877</v>
      </c>
      <c r="MD24" s="349">
        <v>6478331</v>
      </c>
      <c r="ME24" s="350">
        <v>6478331</v>
      </c>
      <c r="MF24" s="348">
        <v>0</v>
      </c>
      <c r="MG24" s="345">
        <v>0</v>
      </c>
      <c r="MH24" s="349">
        <v>0</v>
      </c>
      <c r="MI24" s="413">
        <v>0</v>
      </c>
      <c r="MJ24" s="345">
        <v>7569173</v>
      </c>
      <c r="MK24" s="345">
        <v>15380738</v>
      </c>
      <c r="ML24" s="345">
        <v>60829652</v>
      </c>
      <c r="MM24" s="345">
        <v>56335543</v>
      </c>
      <c r="MN24" s="345">
        <v>46727585</v>
      </c>
      <c r="MO24" s="349">
        <v>186842691</v>
      </c>
      <c r="MP24" s="354">
        <v>186842691</v>
      </c>
      <c r="MQ24" s="348">
        <v>0</v>
      </c>
      <c r="MR24" s="345">
        <v>0</v>
      </c>
      <c r="MS24" s="349">
        <v>0</v>
      </c>
      <c r="MT24" s="413">
        <v>0</v>
      </c>
      <c r="MU24" s="345">
        <v>0</v>
      </c>
      <c r="MV24" s="345">
        <v>1595778</v>
      </c>
      <c r="MW24" s="345">
        <v>35126334</v>
      </c>
      <c r="MX24" s="345">
        <v>38548331</v>
      </c>
      <c r="MY24" s="345">
        <v>36401945</v>
      </c>
      <c r="MZ24" s="349">
        <v>111672388</v>
      </c>
      <c r="NA24" s="354">
        <v>111672388</v>
      </c>
      <c r="NB24" s="348">
        <v>0</v>
      </c>
      <c r="NC24" s="345">
        <v>0</v>
      </c>
      <c r="ND24" s="349">
        <v>0</v>
      </c>
      <c r="NE24" s="413">
        <v>0</v>
      </c>
      <c r="NF24" s="345">
        <v>7569173</v>
      </c>
      <c r="NG24" s="345">
        <v>13784960</v>
      </c>
      <c r="NH24" s="345">
        <v>25703318</v>
      </c>
      <c r="NI24" s="345">
        <v>16562620</v>
      </c>
      <c r="NJ24" s="345">
        <v>8014082</v>
      </c>
      <c r="NK24" s="349">
        <v>71634153</v>
      </c>
      <c r="NL24" s="347">
        <v>71634153</v>
      </c>
      <c r="NM24" s="348">
        <v>0</v>
      </c>
      <c r="NN24" s="345">
        <v>0</v>
      </c>
      <c r="NO24" s="349">
        <v>0</v>
      </c>
      <c r="NP24" s="413">
        <v>0</v>
      </c>
      <c r="NQ24" s="345">
        <v>0</v>
      </c>
      <c r="NR24" s="345">
        <v>0</v>
      </c>
      <c r="NS24" s="345">
        <v>0</v>
      </c>
      <c r="NT24" s="345">
        <v>0</v>
      </c>
      <c r="NU24" s="345">
        <v>0</v>
      </c>
      <c r="NV24" s="349">
        <v>0</v>
      </c>
      <c r="NW24" s="350">
        <v>0</v>
      </c>
      <c r="NX24" s="348">
        <v>0</v>
      </c>
      <c r="NY24" s="345">
        <v>0</v>
      </c>
      <c r="NZ24" s="349">
        <v>0</v>
      </c>
      <c r="OA24" s="413">
        <v>0</v>
      </c>
      <c r="OB24" s="345">
        <v>0</v>
      </c>
      <c r="OC24" s="345">
        <v>0</v>
      </c>
      <c r="OD24" s="345">
        <v>0</v>
      </c>
      <c r="OE24" s="345">
        <v>1224592</v>
      </c>
      <c r="OF24" s="345">
        <v>2311558</v>
      </c>
      <c r="OG24" s="349">
        <v>3536150</v>
      </c>
      <c r="OH24" s="350">
        <v>3536150</v>
      </c>
      <c r="OI24" s="348">
        <v>6463026</v>
      </c>
      <c r="OJ24" s="345">
        <v>11406615</v>
      </c>
      <c r="OK24" s="346">
        <v>17869641</v>
      </c>
      <c r="OL24" s="351">
        <v>0</v>
      </c>
      <c r="OM24" s="345">
        <v>92645225</v>
      </c>
      <c r="ON24" s="345">
        <v>110051751</v>
      </c>
      <c r="OO24" s="345">
        <v>149951346</v>
      </c>
      <c r="OP24" s="345">
        <v>123342643</v>
      </c>
      <c r="OQ24" s="345">
        <v>103183448</v>
      </c>
      <c r="OR24" s="349">
        <v>579174413</v>
      </c>
      <c r="OS24" s="354">
        <v>597044054</v>
      </c>
    </row>
    <row r="25" spans="2:409" s="70" customFormat="1" ht="21" customHeight="1" x14ac:dyDescent="0.2">
      <c r="B25" s="410" t="s">
        <v>20</v>
      </c>
      <c r="C25" s="326">
        <v>5714504</v>
      </c>
      <c r="D25" s="327">
        <v>13211288</v>
      </c>
      <c r="E25" s="328">
        <v>18925792</v>
      </c>
      <c r="F25" s="326">
        <v>0</v>
      </c>
      <c r="G25" s="327">
        <v>102241136</v>
      </c>
      <c r="H25" s="327">
        <v>88253356</v>
      </c>
      <c r="I25" s="327">
        <v>85377660</v>
      </c>
      <c r="J25" s="327">
        <v>77964066</v>
      </c>
      <c r="K25" s="327">
        <v>51682968</v>
      </c>
      <c r="L25" s="367">
        <v>405519186</v>
      </c>
      <c r="M25" s="330">
        <v>424444978</v>
      </c>
      <c r="N25" s="326">
        <v>1652763</v>
      </c>
      <c r="O25" s="327">
        <v>4671412</v>
      </c>
      <c r="P25" s="328">
        <v>6324175</v>
      </c>
      <c r="Q25" s="326">
        <v>0</v>
      </c>
      <c r="R25" s="327">
        <v>29409285</v>
      </c>
      <c r="S25" s="327">
        <v>29049062</v>
      </c>
      <c r="T25" s="327">
        <v>27713595</v>
      </c>
      <c r="U25" s="327">
        <v>28252464</v>
      </c>
      <c r="V25" s="327">
        <v>24968749</v>
      </c>
      <c r="W25" s="328">
        <v>139393155</v>
      </c>
      <c r="X25" s="330">
        <v>145717330</v>
      </c>
      <c r="Y25" s="326">
        <v>0</v>
      </c>
      <c r="Z25" s="327">
        <v>0</v>
      </c>
      <c r="AA25" s="328">
        <v>0</v>
      </c>
      <c r="AB25" s="326">
        <v>0</v>
      </c>
      <c r="AC25" s="327">
        <v>11405722</v>
      </c>
      <c r="AD25" s="327">
        <v>13849633</v>
      </c>
      <c r="AE25" s="327">
        <v>14686445</v>
      </c>
      <c r="AF25" s="327">
        <v>15615478</v>
      </c>
      <c r="AG25" s="327">
        <v>16264518</v>
      </c>
      <c r="AH25" s="328">
        <v>71821796</v>
      </c>
      <c r="AI25" s="330">
        <v>71821796</v>
      </c>
      <c r="AJ25" s="326">
        <v>0</v>
      </c>
      <c r="AK25" s="327">
        <v>0</v>
      </c>
      <c r="AL25" s="328">
        <v>0</v>
      </c>
      <c r="AM25" s="326">
        <v>0</v>
      </c>
      <c r="AN25" s="327">
        <v>121542</v>
      </c>
      <c r="AO25" s="327">
        <v>297559</v>
      </c>
      <c r="AP25" s="327">
        <v>677246</v>
      </c>
      <c r="AQ25" s="327">
        <v>1615194</v>
      </c>
      <c r="AR25" s="327">
        <v>2128160</v>
      </c>
      <c r="AS25" s="328">
        <v>4839701</v>
      </c>
      <c r="AT25" s="330">
        <v>4839701</v>
      </c>
      <c r="AU25" s="326">
        <v>1010847</v>
      </c>
      <c r="AV25" s="327">
        <v>3032995</v>
      </c>
      <c r="AW25" s="328">
        <v>4043842</v>
      </c>
      <c r="AX25" s="326">
        <v>0</v>
      </c>
      <c r="AY25" s="327">
        <v>11365347</v>
      </c>
      <c r="AZ25" s="327">
        <v>9139632</v>
      </c>
      <c r="BA25" s="327">
        <v>6225029</v>
      </c>
      <c r="BB25" s="327">
        <v>5759356</v>
      </c>
      <c r="BC25" s="327">
        <v>3447190</v>
      </c>
      <c r="BD25" s="328">
        <v>35936554</v>
      </c>
      <c r="BE25" s="330">
        <v>39980396</v>
      </c>
      <c r="BF25" s="326">
        <v>320517</v>
      </c>
      <c r="BG25" s="327">
        <v>1046961</v>
      </c>
      <c r="BH25" s="331">
        <v>1367478</v>
      </c>
      <c r="BI25" s="332">
        <v>0</v>
      </c>
      <c r="BJ25" s="327">
        <v>2485821</v>
      </c>
      <c r="BK25" s="327">
        <v>1988993</v>
      </c>
      <c r="BL25" s="327">
        <v>1745150</v>
      </c>
      <c r="BM25" s="327">
        <v>1480553</v>
      </c>
      <c r="BN25" s="327">
        <v>332041</v>
      </c>
      <c r="BO25" s="328">
        <v>8032558</v>
      </c>
      <c r="BP25" s="330">
        <v>9400036</v>
      </c>
      <c r="BQ25" s="326">
        <v>321399</v>
      </c>
      <c r="BR25" s="327">
        <v>591456</v>
      </c>
      <c r="BS25" s="328">
        <v>912855</v>
      </c>
      <c r="BT25" s="326">
        <v>0</v>
      </c>
      <c r="BU25" s="327">
        <v>4030853</v>
      </c>
      <c r="BV25" s="327">
        <v>3773245</v>
      </c>
      <c r="BW25" s="327">
        <v>4379725</v>
      </c>
      <c r="BX25" s="327">
        <v>3781883</v>
      </c>
      <c r="BY25" s="327">
        <v>2796840</v>
      </c>
      <c r="BZ25" s="328">
        <v>18762546</v>
      </c>
      <c r="CA25" s="330">
        <v>19675401</v>
      </c>
      <c r="CB25" s="326">
        <v>350556</v>
      </c>
      <c r="CC25" s="327">
        <v>1564844</v>
      </c>
      <c r="CD25" s="328">
        <v>1915400</v>
      </c>
      <c r="CE25" s="326">
        <v>0</v>
      </c>
      <c r="CF25" s="327">
        <v>27422118</v>
      </c>
      <c r="CG25" s="327">
        <v>24429374</v>
      </c>
      <c r="CH25" s="327">
        <v>18855409</v>
      </c>
      <c r="CI25" s="327">
        <v>14152989</v>
      </c>
      <c r="CJ25" s="327">
        <v>4591489</v>
      </c>
      <c r="CK25" s="328">
        <v>89451379</v>
      </c>
      <c r="CL25" s="330">
        <v>91366779</v>
      </c>
      <c r="CM25" s="326">
        <v>0</v>
      </c>
      <c r="CN25" s="327">
        <v>0</v>
      </c>
      <c r="CO25" s="328">
        <v>0</v>
      </c>
      <c r="CP25" s="332">
        <v>0</v>
      </c>
      <c r="CQ25" s="327">
        <v>20760072</v>
      </c>
      <c r="CR25" s="327">
        <v>18387840</v>
      </c>
      <c r="CS25" s="327">
        <v>15514980</v>
      </c>
      <c r="CT25" s="327">
        <v>10354299</v>
      </c>
      <c r="CU25" s="327">
        <v>3150354</v>
      </c>
      <c r="CV25" s="328">
        <v>68167545</v>
      </c>
      <c r="CW25" s="330">
        <v>68167545</v>
      </c>
      <c r="CX25" s="326">
        <v>350556</v>
      </c>
      <c r="CY25" s="327">
        <v>1564844</v>
      </c>
      <c r="CZ25" s="328">
        <v>1915400</v>
      </c>
      <c r="DA25" s="326">
        <v>0</v>
      </c>
      <c r="DB25" s="327">
        <v>6662046</v>
      </c>
      <c r="DC25" s="327">
        <v>6041534</v>
      </c>
      <c r="DD25" s="327">
        <v>3340429</v>
      </c>
      <c r="DE25" s="327">
        <v>3798690</v>
      </c>
      <c r="DF25" s="327">
        <v>1441135</v>
      </c>
      <c r="DG25" s="328">
        <v>21283834</v>
      </c>
      <c r="DH25" s="330">
        <v>23199234</v>
      </c>
      <c r="DI25" s="326">
        <v>0</v>
      </c>
      <c r="DJ25" s="327">
        <v>39479</v>
      </c>
      <c r="DK25" s="331">
        <v>39479</v>
      </c>
      <c r="DL25" s="332">
        <v>0</v>
      </c>
      <c r="DM25" s="327">
        <v>3377703</v>
      </c>
      <c r="DN25" s="327">
        <v>3902667</v>
      </c>
      <c r="DO25" s="327">
        <v>10704958</v>
      </c>
      <c r="DP25" s="327">
        <v>6520468</v>
      </c>
      <c r="DQ25" s="327">
        <v>4708864</v>
      </c>
      <c r="DR25" s="328">
        <v>29214660</v>
      </c>
      <c r="DS25" s="330">
        <v>29254139</v>
      </c>
      <c r="DT25" s="326">
        <v>0</v>
      </c>
      <c r="DU25" s="327">
        <v>39479</v>
      </c>
      <c r="DV25" s="328">
        <v>39479</v>
      </c>
      <c r="DW25" s="326">
        <v>0</v>
      </c>
      <c r="DX25" s="327">
        <v>2730489</v>
      </c>
      <c r="DY25" s="327">
        <v>3831315</v>
      </c>
      <c r="DZ25" s="327">
        <v>10273364</v>
      </c>
      <c r="EA25" s="327">
        <v>6050312</v>
      </c>
      <c r="EB25" s="327">
        <v>4096860</v>
      </c>
      <c r="EC25" s="328">
        <v>26982340</v>
      </c>
      <c r="ED25" s="330">
        <v>27021819</v>
      </c>
      <c r="EE25" s="326">
        <v>0</v>
      </c>
      <c r="EF25" s="331">
        <v>0</v>
      </c>
      <c r="EG25" s="328">
        <v>0</v>
      </c>
      <c r="EH25" s="326">
        <v>0</v>
      </c>
      <c r="EI25" s="327">
        <v>647214</v>
      </c>
      <c r="EJ25" s="327">
        <v>71352</v>
      </c>
      <c r="EK25" s="327">
        <v>431594</v>
      </c>
      <c r="EL25" s="327">
        <v>470156</v>
      </c>
      <c r="EM25" s="327">
        <v>612004</v>
      </c>
      <c r="EN25" s="331">
        <v>2232320</v>
      </c>
      <c r="EO25" s="330">
        <v>2232320</v>
      </c>
      <c r="EP25" s="326">
        <v>0</v>
      </c>
      <c r="EQ25" s="327">
        <v>0</v>
      </c>
      <c r="ER25" s="331">
        <v>0</v>
      </c>
      <c r="ES25" s="332">
        <v>0</v>
      </c>
      <c r="ET25" s="327">
        <v>0</v>
      </c>
      <c r="EU25" s="327">
        <v>0</v>
      </c>
      <c r="EV25" s="327">
        <v>0</v>
      </c>
      <c r="EW25" s="327">
        <v>0</v>
      </c>
      <c r="EX25" s="327">
        <v>0</v>
      </c>
      <c r="EY25" s="328">
        <v>0</v>
      </c>
      <c r="EZ25" s="330">
        <v>0</v>
      </c>
      <c r="FA25" s="326">
        <v>0</v>
      </c>
      <c r="FB25" s="327">
        <v>0</v>
      </c>
      <c r="FC25" s="331">
        <v>0</v>
      </c>
      <c r="FD25" s="332">
        <v>0</v>
      </c>
      <c r="FE25" s="327">
        <v>0</v>
      </c>
      <c r="FF25" s="327">
        <v>0</v>
      </c>
      <c r="FG25" s="327">
        <v>0</v>
      </c>
      <c r="FH25" s="327">
        <v>0</v>
      </c>
      <c r="FI25" s="327">
        <v>0</v>
      </c>
      <c r="FJ25" s="328">
        <v>0</v>
      </c>
      <c r="FK25" s="330">
        <v>0</v>
      </c>
      <c r="FL25" s="326">
        <v>1797052</v>
      </c>
      <c r="FM25" s="327">
        <v>3491031</v>
      </c>
      <c r="FN25" s="328">
        <v>5288083</v>
      </c>
      <c r="FO25" s="326">
        <v>0</v>
      </c>
      <c r="FP25" s="327">
        <v>7572634</v>
      </c>
      <c r="FQ25" s="327">
        <v>7536562</v>
      </c>
      <c r="FR25" s="327">
        <v>6537856</v>
      </c>
      <c r="FS25" s="327">
        <v>5660677</v>
      </c>
      <c r="FT25" s="327">
        <v>3189281</v>
      </c>
      <c r="FU25" s="328">
        <v>30497010</v>
      </c>
      <c r="FV25" s="330">
        <v>35785093</v>
      </c>
      <c r="FW25" s="333">
        <v>939450</v>
      </c>
      <c r="FX25" s="327">
        <v>2433605</v>
      </c>
      <c r="FY25" s="331">
        <v>3373055</v>
      </c>
      <c r="FZ25" s="332">
        <v>0</v>
      </c>
      <c r="GA25" s="327">
        <v>6061024</v>
      </c>
      <c r="GB25" s="327">
        <v>6906152</v>
      </c>
      <c r="GC25" s="327">
        <v>6102508</v>
      </c>
      <c r="GD25" s="327">
        <v>5230953</v>
      </c>
      <c r="GE25" s="327">
        <v>3080639</v>
      </c>
      <c r="GF25" s="328">
        <v>27381276</v>
      </c>
      <c r="GG25" s="334">
        <v>30754331</v>
      </c>
      <c r="GH25" s="333">
        <v>148302</v>
      </c>
      <c r="GI25" s="327">
        <v>211246</v>
      </c>
      <c r="GJ25" s="331">
        <v>359548</v>
      </c>
      <c r="GK25" s="332">
        <v>0</v>
      </c>
      <c r="GL25" s="327">
        <v>388549</v>
      </c>
      <c r="GM25" s="327">
        <v>317574</v>
      </c>
      <c r="GN25" s="327">
        <v>144558</v>
      </c>
      <c r="GO25" s="327">
        <v>136999</v>
      </c>
      <c r="GP25" s="327">
        <v>108642</v>
      </c>
      <c r="GQ25" s="328">
        <v>1096322</v>
      </c>
      <c r="GR25" s="330">
        <v>1455870</v>
      </c>
      <c r="GS25" s="326">
        <v>709300</v>
      </c>
      <c r="GT25" s="327">
        <v>846180</v>
      </c>
      <c r="GU25" s="328">
        <v>1555480</v>
      </c>
      <c r="GV25" s="326">
        <v>0</v>
      </c>
      <c r="GW25" s="327">
        <v>1123061</v>
      </c>
      <c r="GX25" s="327">
        <v>312836</v>
      </c>
      <c r="GY25" s="327">
        <v>290790</v>
      </c>
      <c r="GZ25" s="327">
        <v>292725</v>
      </c>
      <c r="HA25" s="327">
        <v>0</v>
      </c>
      <c r="HB25" s="331">
        <v>2019412</v>
      </c>
      <c r="HC25" s="330">
        <v>3574892</v>
      </c>
      <c r="HD25" s="326">
        <v>792957</v>
      </c>
      <c r="HE25" s="327">
        <v>1331715</v>
      </c>
      <c r="HF25" s="331">
        <v>2124672</v>
      </c>
      <c r="HG25" s="332">
        <v>0</v>
      </c>
      <c r="HH25" s="327">
        <v>17383127</v>
      </c>
      <c r="HI25" s="327">
        <v>12743775</v>
      </c>
      <c r="HJ25" s="327">
        <v>13847337</v>
      </c>
      <c r="HK25" s="327">
        <v>17962063</v>
      </c>
      <c r="HL25" s="327">
        <v>11691713</v>
      </c>
      <c r="HM25" s="328">
        <v>73628015</v>
      </c>
      <c r="HN25" s="329">
        <v>75752687</v>
      </c>
      <c r="HO25" s="333">
        <v>1121176</v>
      </c>
      <c r="HP25" s="327">
        <v>2112807</v>
      </c>
      <c r="HQ25" s="328">
        <v>3233983</v>
      </c>
      <c r="HR25" s="326">
        <v>0</v>
      </c>
      <c r="HS25" s="327">
        <v>17076269</v>
      </c>
      <c r="HT25" s="327">
        <v>10591916</v>
      </c>
      <c r="HU25" s="327">
        <v>7718505</v>
      </c>
      <c r="HV25" s="327">
        <v>5415405</v>
      </c>
      <c r="HW25" s="327">
        <v>2532872</v>
      </c>
      <c r="HX25" s="331">
        <v>43334967</v>
      </c>
      <c r="HY25" s="330">
        <v>46568950</v>
      </c>
      <c r="HZ25" s="335">
        <v>51126</v>
      </c>
      <c r="IA25" s="336">
        <v>0</v>
      </c>
      <c r="IB25" s="337">
        <v>51126</v>
      </c>
      <c r="IC25" s="338">
        <v>0</v>
      </c>
      <c r="ID25" s="336">
        <v>15974014</v>
      </c>
      <c r="IE25" s="339">
        <v>17434504</v>
      </c>
      <c r="IF25" s="337">
        <v>26141115</v>
      </c>
      <c r="IG25" s="336">
        <v>8543667</v>
      </c>
      <c r="IH25" s="337">
        <v>6944843</v>
      </c>
      <c r="II25" s="340">
        <v>75038143</v>
      </c>
      <c r="IJ25" s="341">
        <v>75089269</v>
      </c>
      <c r="IK25" s="342">
        <v>0</v>
      </c>
      <c r="IL25" s="343">
        <v>0</v>
      </c>
      <c r="IM25" s="344">
        <v>0</v>
      </c>
      <c r="IN25" s="404">
        <v>0</v>
      </c>
      <c r="IO25" s="345">
        <v>190218</v>
      </c>
      <c r="IP25" s="345">
        <v>0</v>
      </c>
      <c r="IQ25" s="345">
        <v>0</v>
      </c>
      <c r="IR25" s="345">
        <v>0</v>
      </c>
      <c r="IS25" s="345">
        <v>309186</v>
      </c>
      <c r="IT25" s="346">
        <v>499404</v>
      </c>
      <c r="IU25" s="347">
        <v>499404</v>
      </c>
      <c r="IV25" s="348">
        <v>0</v>
      </c>
      <c r="IW25" s="345">
        <v>0</v>
      </c>
      <c r="IX25" s="349">
        <v>0</v>
      </c>
      <c r="IY25" s="413">
        <v>0</v>
      </c>
      <c r="IZ25" s="345">
        <v>0</v>
      </c>
      <c r="JA25" s="345">
        <v>0</v>
      </c>
      <c r="JB25" s="345">
        <v>0</v>
      </c>
      <c r="JC25" s="345">
        <v>0</v>
      </c>
      <c r="JD25" s="345">
        <v>0</v>
      </c>
      <c r="JE25" s="349">
        <v>0</v>
      </c>
      <c r="JF25" s="350">
        <v>0</v>
      </c>
      <c r="JG25" s="348">
        <v>0</v>
      </c>
      <c r="JH25" s="345">
        <v>0</v>
      </c>
      <c r="JI25" s="346">
        <v>0</v>
      </c>
      <c r="JJ25" s="351">
        <v>0</v>
      </c>
      <c r="JK25" s="345">
        <v>8460043</v>
      </c>
      <c r="JL25" s="345">
        <v>6635633</v>
      </c>
      <c r="JM25" s="345">
        <v>5680071</v>
      </c>
      <c r="JN25" s="345">
        <v>1680906</v>
      </c>
      <c r="JO25" s="345">
        <v>766929</v>
      </c>
      <c r="JP25" s="349">
        <v>23223582</v>
      </c>
      <c r="JQ25" s="347">
        <v>23223582</v>
      </c>
      <c r="JR25" s="348">
        <v>0</v>
      </c>
      <c r="JS25" s="345">
        <v>0</v>
      </c>
      <c r="JT25" s="346">
        <v>0</v>
      </c>
      <c r="JU25" s="351">
        <v>0</v>
      </c>
      <c r="JV25" s="345">
        <v>0</v>
      </c>
      <c r="JW25" s="345">
        <v>52660</v>
      </c>
      <c r="JX25" s="345">
        <v>868781</v>
      </c>
      <c r="JY25" s="345">
        <v>444342</v>
      </c>
      <c r="JZ25" s="345">
        <v>241836</v>
      </c>
      <c r="KA25" s="349">
        <v>1607619</v>
      </c>
      <c r="KB25" s="347">
        <v>1607619</v>
      </c>
      <c r="KC25" s="352">
        <v>51126</v>
      </c>
      <c r="KD25" s="353">
        <v>0</v>
      </c>
      <c r="KE25" s="349">
        <v>51126</v>
      </c>
      <c r="KF25" s="351">
        <v>0</v>
      </c>
      <c r="KG25" s="345">
        <v>2552834</v>
      </c>
      <c r="KH25" s="345">
        <v>2561258</v>
      </c>
      <c r="KI25" s="345">
        <v>4312332</v>
      </c>
      <c r="KJ25" s="345">
        <v>1288336</v>
      </c>
      <c r="KK25" s="345">
        <v>333678</v>
      </c>
      <c r="KL25" s="349">
        <v>11048438</v>
      </c>
      <c r="KM25" s="354">
        <v>11099564</v>
      </c>
      <c r="KN25" s="342">
        <v>0</v>
      </c>
      <c r="KO25" s="343">
        <v>0</v>
      </c>
      <c r="KP25" s="344">
        <v>0</v>
      </c>
      <c r="KQ25" s="413">
        <v>0</v>
      </c>
      <c r="KR25" s="345">
        <v>4770919</v>
      </c>
      <c r="KS25" s="345">
        <v>8184953</v>
      </c>
      <c r="KT25" s="345">
        <v>15279931</v>
      </c>
      <c r="KU25" s="345">
        <v>5130083</v>
      </c>
      <c r="KV25" s="345">
        <v>5293214</v>
      </c>
      <c r="KW25" s="349">
        <v>38659100</v>
      </c>
      <c r="KX25" s="347">
        <v>38659100</v>
      </c>
      <c r="KY25" s="348">
        <v>0</v>
      </c>
      <c r="KZ25" s="345">
        <v>0</v>
      </c>
      <c r="LA25" s="349">
        <v>0</v>
      </c>
      <c r="LB25" s="413">
        <v>0</v>
      </c>
      <c r="LC25" s="345">
        <v>0</v>
      </c>
      <c r="LD25" s="345">
        <v>0</v>
      </c>
      <c r="LE25" s="345">
        <v>0</v>
      </c>
      <c r="LF25" s="345">
        <v>0</v>
      </c>
      <c r="LG25" s="345">
        <v>0</v>
      </c>
      <c r="LH25" s="349">
        <v>0</v>
      </c>
      <c r="LI25" s="350">
        <v>0</v>
      </c>
      <c r="LJ25" s="348">
        <v>0</v>
      </c>
      <c r="LK25" s="345">
        <v>0</v>
      </c>
      <c r="LL25" s="349">
        <v>0</v>
      </c>
      <c r="LM25" s="413">
        <v>0</v>
      </c>
      <c r="LN25" s="345">
        <v>0</v>
      </c>
      <c r="LO25" s="345">
        <v>0</v>
      </c>
      <c r="LP25" s="345">
        <v>0</v>
      </c>
      <c r="LQ25" s="345">
        <v>0</v>
      </c>
      <c r="LR25" s="345">
        <v>0</v>
      </c>
      <c r="LS25" s="349">
        <v>0</v>
      </c>
      <c r="LT25" s="347">
        <v>0</v>
      </c>
      <c r="LU25" s="348">
        <v>0</v>
      </c>
      <c r="LV25" s="345">
        <v>0</v>
      </c>
      <c r="LW25" s="349">
        <v>0</v>
      </c>
      <c r="LX25" s="413">
        <v>0</v>
      </c>
      <c r="LY25" s="345">
        <v>0</v>
      </c>
      <c r="LZ25" s="345">
        <v>0</v>
      </c>
      <c r="MA25" s="345">
        <v>0</v>
      </c>
      <c r="MB25" s="345">
        <v>0</v>
      </c>
      <c r="MC25" s="345">
        <v>0</v>
      </c>
      <c r="MD25" s="349">
        <v>0</v>
      </c>
      <c r="ME25" s="350">
        <v>0</v>
      </c>
      <c r="MF25" s="348">
        <v>0</v>
      </c>
      <c r="MG25" s="345">
        <v>0</v>
      </c>
      <c r="MH25" s="349">
        <v>0</v>
      </c>
      <c r="MI25" s="413">
        <v>0</v>
      </c>
      <c r="MJ25" s="345">
        <v>4525838</v>
      </c>
      <c r="MK25" s="345">
        <v>15580676</v>
      </c>
      <c r="ML25" s="345">
        <v>52144365</v>
      </c>
      <c r="MM25" s="345">
        <v>88622885</v>
      </c>
      <c r="MN25" s="345">
        <v>43946092</v>
      </c>
      <c r="MO25" s="349">
        <v>204819856</v>
      </c>
      <c r="MP25" s="354">
        <v>204819856</v>
      </c>
      <c r="MQ25" s="348">
        <v>0</v>
      </c>
      <c r="MR25" s="345">
        <v>0</v>
      </c>
      <c r="MS25" s="349">
        <v>0</v>
      </c>
      <c r="MT25" s="413">
        <v>0</v>
      </c>
      <c r="MU25" s="345">
        <v>1376623</v>
      </c>
      <c r="MV25" s="345">
        <v>5696007</v>
      </c>
      <c r="MW25" s="345">
        <v>40633385</v>
      </c>
      <c r="MX25" s="345">
        <v>69936142</v>
      </c>
      <c r="MY25" s="345">
        <v>34266727</v>
      </c>
      <c r="MZ25" s="349">
        <v>151908884</v>
      </c>
      <c r="NA25" s="354">
        <v>151908884</v>
      </c>
      <c r="NB25" s="348">
        <v>0</v>
      </c>
      <c r="NC25" s="345">
        <v>0</v>
      </c>
      <c r="ND25" s="349">
        <v>0</v>
      </c>
      <c r="NE25" s="413">
        <v>0</v>
      </c>
      <c r="NF25" s="345">
        <v>3149215</v>
      </c>
      <c r="NG25" s="345">
        <v>9884669</v>
      </c>
      <c r="NH25" s="345">
        <v>11510980</v>
      </c>
      <c r="NI25" s="345">
        <v>17866664</v>
      </c>
      <c r="NJ25" s="345">
        <v>7527066</v>
      </c>
      <c r="NK25" s="349">
        <v>49938594</v>
      </c>
      <c r="NL25" s="347">
        <v>49938594</v>
      </c>
      <c r="NM25" s="348">
        <v>0</v>
      </c>
      <c r="NN25" s="345">
        <v>0</v>
      </c>
      <c r="NO25" s="349">
        <v>0</v>
      </c>
      <c r="NP25" s="413">
        <v>0</v>
      </c>
      <c r="NQ25" s="345">
        <v>0</v>
      </c>
      <c r="NR25" s="345">
        <v>0</v>
      </c>
      <c r="NS25" s="345">
        <v>0</v>
      </c>
      <c r="NT25" s="345">
        <v>0</v>
      </c>
      <c r="NU25" s="345">
        <v>0</v>
      </c>
      <c r="NV25" s="349">
        <v>0</v>
      </c>
      <c r="NW25" s="350">
        <v>0</v>
      </c>
      <c r="NX25" s="348">
        <v>0</v>
      </c>
      <c r="NY25" s="345">
        <v>0</v>
      </c>
      <c r="NZ25" s="349">
        <v>0</v>
      </c>
      <c r="OA25" s="413">
        <v>0</v>
      </c>
      <c r="OB25" s="345">
        <v>0</v>
      </c>
      <c r="OC25" s="345">
        <v>0</v>
      </c>
      <c r="OD25" s="345">
        <v>0</v>
      </c>
      <c r="OE25" s="345">
        <v>820079</v>
      </c>
      <c r="OF25" s="345">
        <v>2152299</v>
      </c>
      <c r="OG25" s="349">
        <v>2972378</v>
      </c>
      <c r="OH25" s="350">
        <v>2972378</v>
      </c>
      <c r="OI25" s="348">
        <v>5765630</v>
      </c>
      <c r="OJ25" s="345">
        <v>13211288</v>
      </c>
      <c r="OK25" s="346">
        <v>18976918</v>
      </c>
      <c r="OL25" s="351">
        <v>0</v>
      </c>
      <c r="OM25" s="345">
        <v>122740988</v>
      </c>
      <c r="ON25" s="345">
        <v>121268536</v>
      </c>
      <c r="OO25" s="345">
        <v>163663140</v>
      </c>
      <c r="OP25" s="345">
        <v>175130618</v>
      </c>
      <c r="OQ25" s="345">
        <v>102573903</v>
      </c>
      <c r="OR25" s="349">
        <v>685377185</v>
      </c>
      <c r="OS25" s="354">
        <v>704354103</v>
      </c>
    </row>
    <row r="26" spans="2:409" s="70" customFormat="1" ht="21" customHeight="1" x14ac:dyDescent="0.2">
      <c r="B26" s="410" t="s">
        <v>21</v>
      </c>
      <c r="C26" s="326">
        <v>8425440</v>
      </c>
      <c r="D26" s="327">
        <v>14650609</v>
      </c>
      <c r="E26" s="328">
        <v>23076049</v>
      </c>
      <c r="F26" s="329">
        <v>0</v>
      </c>
      <c r="G26" s="327">
        <v>85211616</v>
      </c>
      <c r="H26" s="327">
        <v>113169073</v>
      </c>
      <c r="I26" s="327">
        <v>102075198</v>
      </c>
      <c r="J26" s="327">
        <v>80416873</v>
      </c>
      <c r="K26" s="327">
        <v>66630809</v>
      </c>
      <c r="L26" s="367">
        <v>447503569</v>
      </c>
      <c r="M26" s="330">
        <v>470579618</v>
      </c>
      <c r="N26" s="326">
        <v>2879034</v>
      </c>
      <c r="O26" s="327">
        <v>5146875</v>
      </c>
      <c r="P26" s="328">
        <v>8025909</v>
      </c>
      <c r="Q26" s="326">
        <v>0</v>
      </c>
      <c r="R26" s="327">
        <v>26227890</v>
      </c>
      <c r="S26" s="327">
        <v>41310931</v>
      </c>
      <c r="T26" s="327">
        <v>38153652</v>
      </c>
      <c r="U26" s="327">
        <v>33913386</v>
      </c>
      <c r="V26" s="327">
        <v>34662760</v>
      </c>
      <c r="W26" s="328">
        <v>174268619</v>
      </c>
      <c r="X26" s="330">
        <v>182294528</v>
      </c>
      <c r="Y26" s="326">
        <v>0</v>
      </c>
      <c r="Z26" s="327">
        <v>0</v>
      </c>
      <c r="AA26" s="328">
        <v>0</v>
      </c>
      <c r="AB26" s="326">
        <v>0</v>
      </c>
      <c r="AC26" s="327">
        <v>11440388</v>
      </c>
      <c r="AD26" s="327">
        <v>21235362</v>
      </c>
      <c r="AE26" s="327">
        <v>22662198</v>
      </c>
      <c r="AF26" s="327">
        <v>21186007</v>
      </c>
      <c r="AG26" s="327">
        <v>23075696</v>
      </c>
      <c r="AH26" s="328">
        <v>99599651</v>
      </c>
      <c r="AI26" s="330">
        <v>99599651</v>
      </c>
      <c r="AJ26" s="326">
        <v>0</v>
      </c>
      <c r="AK26" s="327">
        <v>0</v>
      </c>
      <c r="AL26" s="328">
        <v>0</v>
      </c>
      <c r="AM26" s="326">
        <v>0</v>
      </c>
      <c r="AN26" s="327">
        <v>42672</v>
      </c>
      <c r="AO26" s="327">
        <v>228225</v>
      </c>
      <c r="AP26" s="327">
        <v>645759</v>
      </c>
      <c r="AQ26" s="327">
        <v>1639821</v>
      </c>
      <c r="AR26" s="327">
        <v>2819980</v>
      </c>
      <c r="AS26" s="328">
        <v>5376457</v>
      </c>
      <c r="AT26" s="330">
        <v>5376457</v>
      </c>
      <c r="AU26" s="326">
        <v>1619151</v>
      </c>
      <c r="AV26" s="327">
        <v>3428798</v>
      </c>
      <c r="AW26" s="328">
        <v>5047949</v>
      </c>
      <c r="AX26" s="326">
        <v>0</v>
      </c>
      <c r="AY26" s="327">
        <v>9339828</v>
      </c>
      <c r="AZ26" s="327">
        <v>11883266</v>
      </c>
      <c r="BA26" s="327">
        <v>8678251</v>
      </c>
      <c r="BB26" s="327">
        <v>6410675</v>
      </c>
      <c r="BC26" s="327">
        <v>5004654</v>
      </c>
      <c r="BD26" s="328">
        <v>41316674</v>
      </c>
      <c r="BE26" s="330">
        <v>46364623</v>
      </c>
      <c r="BF26" s="326">
        <v>504408</v>
      </c>
      <c r="BG26" s="327">
        <v>1097757</v>
      </c>
      <c r="BH26" s="331">
        <v>1602165</v>
      </c>
      <c r="BI26" s="332">
        <v>0</v>
      </c>
      <c r="BJ26" s="327">
        <v>909562</v>
      </c>
      <c r="BK26" s="327">
        <v>1797361</v>
      </c>
      <c r="BL26" s="327">
        <v>1007959</v>
      </c>
      <c r="BM26" s="327">
        <v>282135</v>
      </c>
      <c r="BN26" s="327">
        <v>200883</v>
      </c>
      <c r="BO26" s="328">
        <v>4197900</v>
      </c>
      <c r="BP26" s="330">
        <v>5800065</v>
      </c>
      <c r="BQ26" s="326">
        <v>755475</v>
      </c>
      <c r="BR26" s="327">
        <v>620320</v>
      </c>
      <c r="BS26" s="328">
        <v>1375795</v>
      </c>
      <c r="BT26" s="326">
        <v>0</v>
      </c>
      <c r="BU26" s="327">
        <v>4495440</v>
      </c>
      <c r="BV26" s="327">
        <v>6166717</v>
      </c>
      <c r="BW26" s="327">
        <v>5159485</v>
      </c>
      <c r="BX26" s="327">
        <v>4394748</v>
      </c>
      <c r="BY26" s="327">
        <v>3561547</v>
      </c>
      <c r="BZ26" s="328">
        <v>23777937</v>
      </c>
      <c r="CA26" s="330">
        <v>25153732</v>
      </c>
      <c r="CB26" s="326">
        <v>771832</v>
      </c>
      <c r="CC26" s="327">
        <v>1754859</v>
      </c>
      <c r="CD26" s="328">
        <v>2526691</v>
      </c>
      <c r="CE26" s="326">
        <v>0</v>
      </c>
      <c r="CF26" s="327">
        <v>23488047</v>
      </c>
      <c r="CG26" s="327">
        <v>29603363</v>
      </c>
      <c r="CH26" s="327">
        <v>24325505</v>
      </c>
      <c r="CI26" s="327">
        <v>12893685</v>
      </c>
      <c r="CJ26" s="327">
        <v>6413964</v>
      </c>
      <c r="CK26" s="328">
        <v>96724564</v>
      </c>
      <c r="CL26" s="330">
        <v>99251255</v>
      </c>
      <c r="CM26" s="326">
        <v>0</v>
      </c>
      <c r="CN26" s="327">
        <v>0</v>
      </c>
      <c r="CO26" s="328">
        <v>0</v>
      </c>
      <c r="CP26" s="332">
        <v>0</v>
      </c>
      <c r="CQ26" s="327">
        <v>20225677</v>
      </c>
      <c r="CR26" s="327">
        <v>25377049</v>
      </c>
      <c r="CS26" s="327">
        <v>21477432</v>
      </c>
      <c r="CT26" s="327">
        <v>11266101</v>
      </c>
      <c r="CU26" s="327">
        <v>5657480</v>
      </c>
      <c r="CV26" s="328">
        <v>84003739</v>
      </c>
      <c r="CW26" s="330">
        <v>84003739</v>
      </c>
      <c r="CX26" s="326">
        <v>771832</v>
      </c>
      <c r="CY26" s="327">
        <v>1754859</v>
      </c>
      <c r="CZ26" s="328">
        <v>2526691</v>
      </c>
      <c r="DA26" s="326">
        <v>0</v>
      </c>
      <c r="DB26" s="327">
        <v>3262370</v>
      </c>
      <c r="DC26" s="327">
        <v>4226314</v>
      </c>
      <c r="DD26" s="327">
        <v>2848073</v>
      </c>
      <c r="DE26" s="327">
        <v>1627584</v>
      </c>
      <c r="DF26" s="327">
        <v>756484</v>
      </c>
      <c r="DG26" s="328">
        <v>12720825</v>
      </c>
      <c r="DH26" s="330">
        <v>15247516</v>
      </c>
      <c r="DI26" s="326">
        <v>21087</v>
      </c>
      <c r="DJ26" s="327">
        <v>508196</v>
      </c>
      <c r="DK26" s="331">
        <v>529283</v>
      </c>
      <c r="DL26" s="332">
        <v>0</v>
      </c>
      <c r="DM26" s="327">
        <v>1534889</v>
      </c>
      <c r="DN26" s="327">
        <v>4407336</v>
      </c>
      <c r="DO26" s="327">
        <v>9014464</v>
      </c>
      <c r="DP26" s="327">
        <v>6271444</v>
      </c>
      <c r="DQ26" s="327">
        <v>7278510</v>
      </c>
      <c r="DR26" s="328">
        <v>28506643</v>
      </c>
      <c r="DS26" s="330">
        <v>29035926</v>
      </c>
      <c r="DT26" s="326">
        <v>21087</v>
      </c>
      <c r="DU26" s="327">
        <v>403049</v>
      </c>
      <c r="DV26" s="328">
        <v>424136</v>
      </c>
      <c r="DW26" s="326">
        <v>0</v>
      </c>
      <c r="DX26" s="327">
        <v>1500482</v>
      </c>
      <c r="DY26" s="327">
        <v>4236456</v>
      </c>
      <c r="DZ26" s="327">
        <v>8498782</v>
      </c>
      <c r="EA26" s="327">
        <v>6008004</v>
      </c>
      <c r="EB26" s="327">
        <v>6870759</v>
      </c>
      <c r="EC26" s="328">
        <v>27114483</v>
      </c>
      <c r="ED26" s="330">
        <v>27538619</v>
      </c>
      <c r="EE26" s="326">
        <v>0</v>
      </c>
      <c r="EF26" s="331">
        <v>105147</v>
      </c>
      <c r="EG26" s="328">
        <v>105147</v>
      </c>
      <c r="EH26" s="326">
        <v>0</v>
      </c>
      <c r="EI26" s="327">
        <v>34407</v>
      </c>
      <c r="EJ26" s="327">
        <v>170880</v>
      </c>
      <c r="EK26" s="327">
        <v>515682</v>
      </c>
      <c r="EL26" s="327">
        <v>263440</v>
      </c>
      <c r="EM26" s="327">
        <v>407751</v>
      </c>
      <c r="EN26" s="331">
        <v>1392160</v>
      </c>
      <c r="EO26" s="330">
        <v>1497307</v>
      </c>
      <c r="EP26" s="326">
        <v>0</v>
      </c>
      <c r="EQ26" s="327">
        <v>0</v>
      </c>
      <c r="ER26" s="331">
        <v>0</v>
      </c>
      <c r="ES26" s="332">
        <v>0</v>
      </c>
      <c r="ET26" s="327">
        <v>0</v>
      </c>
      <c r="EU26" s="327">
        <v>0</v>
      </c>
      <c r="EV26" s="327">
        <v>0</v>
      </c>
      <c r="EW26" s="327">
        <v>0</v>
      </c>
      <c r="EX26" s="327">
        <v>0</v>
      </c>
      <c r="EY26" s="328">
        <v>0</v>
      </c>
      <c r="EZ26" s="330">
        <v>0</v>
      </c>
      <c r="FA26" s="326">
        <v>0</v>
      </c>
      <c r="FB26" s="327">
        <v>0</v>
      </c>
      <c r="FC26" s="331">
        <v>0</v>
      </c>
      <c r="FD26" s="332">
        <v>0</v>
      </c>
      <c r="FE26" s="327">
        <v>0</v>
      </c>
      <c r="FF26" s="327">
        <v>0</v>
      </c>
      <c r="FG26" s="327">
        <v>0</v>
      </c>
      <c r="FH26" s="327">
        <v>0</v>
      </c>
      <c r="FI26" s="327">
        <v>0</v>
      </c>
      <c r="FJ26" s="328">
        <v>0</v>
      </c>
      <c r="FK26" s="330">
        <v>0</v>
      </c>
      <c r="FL26" s="326">
        <v>1940960</v>
      </c>
      <c r="FM26" s="327">
        <v>3462133</v>
      </c>
      <c r="FN26" s="328">
        <v>5403093</v>
      </c>
      <c r="FO26" s="326">
        <v>0</v>
      </c>
      <c r="FP26" s="327">
        <v>4583444</v>
      </c>
      <c r="FQ26" s="327">
        <v>10496646</v>
      </c>
      <c r="FR26" s="327">
        <v>7847501</v>
      </c>
      <c r="FS26" s="327">
        <v>5480672</v>
      </c>
      <c r="FT26" s="327">
        <v>3983406</v>
      </c>
      <c r="FU26" s="328">
        <v>32391669</v>
      </c>
      <c r="FV26" s="330">
        <v>37794762</v>
      </c>
      <c r="FW26" s="333">
        <v>1321934</v>
      </c>
      <c r="FX26" s="327">
        <v>2732526</v>
      </c>
      <c r="FY26" s="331">
        <v>4054460</v>
      </c>
      <c r="FZ26" s="332">
        <v>0</v>
      </c>
      <c r="GA26" s="327">
        <v>3485972</v>
      </c>
      <c r="GB26" s="327">
        <v>10011426</v>
      </c>
      <c r="GC26" s="327">
        <v>7466352</v>
      </c>
      <c r="GD26" s="327">
        <v>5274890</v>
      </c>
      <c r="GE26" s="327">
        <v>3924726</v>
      </c>
      <c r="GF26" s="328">
        <v>30163366</v>
      </c>
      <c r="GG26" s="334">
        <v>34217826</v>
      </c>
      <c r="GH26" s="333">
        <v>243006</v>
      </c>
      <c r="GI26" s="327">
        <v>135067</v>
      </c>
      <c r="GJ26" s="331">
        <v>378073</v>
      </c>
      <c r="GK26" s="332">
        <v>0</v>
      </c>
      <c r="GL26" s="327">
        <v>41922</v>
      </c>
      <c r="GM26" s="327">
        <v>151120</v>
      </c>
      <c r="GN26" s="327">
        <v>105164</v>
      </c>
      <c r="GO26" s="327">
        <v>131082</v>
      </c>
      <c r="GP26" s="327">
        <v>58680</v>
      </c>
      <c r="GQ26" s="328">
        <v>487968</v>
      </c>
      <c r="GR26" s="330">
        <v>866041</v>
      </c>
      <c r="GS26" s="326">
        <v>376020</v>
      </c>
      <c r="GT26" s="327">
        <v>594540</v>
      </c>
      <c r="GU26" s="328">
        <v>970560</v>
      </c>
      <c r="GV26" s="326">
        <v>0</v>
      </c>
      <c r="GW26" s="327">
        <v>1055550</v>
      </c>
      <c r="GX26" s="327">
        <v>334100</v>
      </c>
      <c r="GY26" s="327">
        <v>275985</v>
      </c>
      <c r="GZ26" s="327">
        <v>74700</v>
      </c>
      <c r="HA26" s="327">
        <v>0</v>
      </c>
      <c r="HB26" s="331">
        <v>1740335</v>
      </c>
      <c r="HC26" s="330">
        <v>2710895</v>
      </c>
      <c r="HD26" s="326">
        <v>1058622</v>
      </c>
      <c r="HE26" s="327">
        <v>1336027</v>
      </c>
      <c r="HF26" s="331">
        <v>2394649</v>
      </c>
      <c r="HG26" s="332">
        <v>0</v>
      </c>
      <c r="HH26" s="327">
        <v>15271760</v>
      </c>
      <c r="HI26" s="327">
        <v>13635811</v>
      </c>
      <c r="HJ26" s="327">
        <v>13441570</v>
      </c>
      <c r="HK26" s="327">
        <v>16635972</v>
      </c>
      <c r="HL26" s="327">
        <v>10786107</v>
      </c>
      <c r="HM26" s="328">
        <v>69771220</v>
      </c>
      <c r="HN26" s="329">
        <v>72165869</v>
      </c>
      <c r="HO26" s="333">
        <v>1753905</v>
      </c>
      <c r="HP26" s="327">
        <v>2442519</v>
      </c>
      <c r="HQ26" s="328">
        <v>4196424</v>
      </c>
      <c r="HR26" s="326">
        <v>0</v>
      </c>
      <c r="HS26" s="327">
        <v>14105586</v>
      </c>
      <c r="HT26" s="327">
        <v>13714986</v>
      </c>
      <c r="HU26" s="327">
        <v>9292506</v>
      </c>
      <c r="HV26" s="327">
        <v>5221714</v>
      </c>
      <c r="HW26" s="327">
        <v>3506062</v>
      </c>
      <c r="HX26" s="331">
        <v>45840854</v>
      </c>
      <c r="HY26" s="330">
        <v>50037278</v>
      </c>
      <c r="HZ26" s="358">
        <v>0</v>
      </c>
      <c r="IA26" s="356">
        <v>257687</v>
      </c>
      <c r="IB26" s="358">
        <v>257687</v>
      </c>
      <c r="IC26" s="355">
        <v>0</v>
      </c>
      <c r="ID26" s="356">
        <v>15677420</v>
      </c>
      <c r="IE26" s="357">
        <v>23188016</v>
      </c>
      <c r="IF26" s="358">
        <v>23565215</v>
      </c>
      <c r="IG26" s="356">
        <v>9925295</v>
      </c>
      <c r="IH26" s="358">
        <v>6788373</v>
      </c>
      <c r="II26" s="359">
        <v>79144319</v>
      </c>
      <c r="IJ26" s="358">
        <v>79402006</v>
      </c>
      <c r="IK26" s="342">
        <v>0</v>
      </c>
      <c r="IL26" s="343">
        <v>0</v>
      </c>
      <c r="IM26" s="344">
        <v>0</v>
      </c>
      <c r="IN26" s="404">
        <v>0</v>
      </c>
      <c r="IO26" s="345">
        <v>66380</v>
      </c>
      <c r="IP26" s="345">
        <v>342511</v>
      </c>
      <c r="IQ26" s="345">
        <v>155890</v>
      </c>
      <c r="IR26" s="345">
        <v>0</v>
      </c>
      <c r="IS26" s="345">
        <v>262728</v>
      </c>
      <c r="IT26" s="346">
        <v>827509</v>
      </c>
      <c r="IU26" s="347">
        <v>827509</v>
      </c>
      <c r="IV26" s="348">
        <v>0</v>
      </c>
      <c r="IW26" s="345">
        <v>0</v>
      </c>
      <c r="IX26" s="349">
        <v>0</v>
      </c>
      <c r="IY26" s="413">
        <v>0</v>
      </c>
      <c r="IZ26" s="345">
        <v>0</v>
      </c>
      <c r="JA26" s="345">
        <v>0</v>
      </c>
      <c r="JB26" s="345">
        <v>0</v>
      </c>
      <c r="JC26" s="345">
        <v>0</v>
      </c>
      <c r="JD26" s="345">
        <v>0</v>
      </c>
      <c r="JE26" s="349">
        <v>0</v>
      </c>
      <c r="JF26" s="350">
        <v>0</v>
      </c>
      <c r="JG26" s="348">
        <v>0</v>
      </c>
      <c r="JH26" s="345">
        <v>0</v>
      </c>
      <c r="JI26" s="346">
        <v>0</v>
      </c>
      <c r="JJ26" s="351">
        <v>0</v>
      </c>
      <c r="JK26" s="345">
        <v>10543936</v>
      </c>
      <c r="JL26" s="345">
        <v>9356781</v>
      </c>
      <c r="JM26" s="345">
        <v>8484622</v>
      </c>
      <c r="JN26" s="345">
        <v>2804717</v>
      </c>
      <c r="JO26" s="345">
        <v>2125139</v>
      </c>
      <c r="JP26" s="349">
        <v>33315195</v>
      </c>
      <c r="JQ26" s="347">
        <v>33315195</v>
      </c>
      <c r="JR26" s="348">
        <v>0</v>
      </c>
      <c r="JS26" s="345">
        <v>0</v>
      </c>
      <c r="JT26" s="346">
        <v>0</v>
      </c>
      <c r="JU26" s="351">
        <v>0</v>
      </c>
      <c r="JV26" s="345">
        <v>0</v>
      </c>
      <c r="JW26" s="345">
        <v>0</v>
      </c>
      <c r="JX26" s="345">
        <v>0</v>
      </c>
      <c r="JY26" s="345">
        <v>0</v>
      </c>
      <c r="JZ26" s="345">
        <v>0</v>
      </c>
      <c r="KA26" s="349">
        <v>0</v>
      </c>
      <c r="KB26" s="347">
        <v>0</v>
      </c>
      <c r="KC26" s="352">
        <v>0</v>
      </c>
      <c r="KD26" s="353">
        <v>0</v>
      </c>
      <c r="KE26" s="349">
        <v>0</v>
      </c>
      <c r="KF26" s="351">
        <v>0</v>
      </c>
      <c r="KG26" s="345">
        <v>867628</v>
      </c>
      <c r="KH26" s="345">
        <v>1055371</v>
      </c>
      <c r="KI26" s="345">
        <v>5015056</v>
      </c>
      <c r="KJ26" s="345">
        <v>1749486</v>
      </c>
      <c r="KK26" s="345">
        <v>957408</v>
      </c>
      <c r="KL26" s="349">
        <v>9644949</v>
      </c>
      <c r="KM26" s="354">
        <v>9644949</v>
      </c>
      <c r="KN26" s="342">
        <v>0</v>
      </c>
      <c r="KO26" s="343">
        <v>257687</v>
      </c>
      <c r="KP26" s="344">
        <v>257687</v>
      </c>
      <c r="KQ26" s="413">
        <v>0</v>
      </c>
      <c r="KR26" s="345">
        <v>4199476</v>
      </c>
      <c r="KS26" s="345">
        <v>12433353</v>
      </c>
      <c r="KT26" s="345">
        <v>9909647</v>
      </c>
      <c r="KU26" s="345">
        <v>5371092</v>
      </c>
      <c r="KV26" s="345">
        <v>2752205</v>
      </c>
      <c r="KW26" s="349">
        <v>34665773</v>
      </c>
      <c r="KX26" s="347">
        <v>34923460</v>
      </c>
      <c r="KY26" s="348">
        <v>0</v>
      </c>
      <c r="KZ26" s="345">
        <v>0</v>
      </c>
      <c r="LA26" s="349">
        <v>0</v>
      </c>
      <c r="LB26" s="413">
        <v>0</v>
      </c>
      <c r="LC26" s="345">
        <v>0</v>
      </c>
      <c r="LD26" s="345">
        <v>0</v>
      </c>
      <c r="LE26" s="345">
        <v>0</v>
      </c>
      <c r="LF26" s="345">
        <v>0</v>
      </c>
      <c r="LG26" s="345">
        <v>0</v>
      </c>
      <c r="LH26" s="349">
        <v>0</v>
      </c>
      <c r="LI26" s="350">
        <v>0</v>
      </c>
      <c r="LJ26" s="348">
        <v>0</v>
      </c>
      <c r="LK26" s="345">
        <v>0</v>
      </c>
      <c r="LL26" s="349">
        <v>0</v>
      </c>
      <c r="LM26" s="413">
        <v>0</v>
      </c>
      <c r="LN26" s="345">
        <v>0</v>
      </c>
      <c r="LO26" s="345">
        <v>0</v>
      </c>
      <c r="LP26" s="345">
        <v>0</v>
      </c>
      <c r="LQ26" s="345">
        <v>0</v>
      </c>
      <c r="LR26" s="345">
        <v>0</v>
      </c>
      <c r="LS26" s="349">
        <v>0</v>
      </c>
      <c r="LT26" s="347">
        <v>0</v>
      </c>
      <c r="LU26" s="348">
        <v>0</v>
      </c>
      <c r="LV26" s="345">
        <v>0</v>
      </c>
      <c r="LW26" s="349">
        <v>0</v>
      </c>
      <c r="LX26" s="413">
        <v>0</v>
      </c>
      <c r="LY26" s="345">
        <v>0</v>
      </c>
      <c r="LZ26" s="345">
        <v>0</v>
      </c>
      <c r="MA26" s="345">
        <v>0</v>
      </c>
      <c r="MB26" s="345">
        <v>0</v>
      </c>
      <c r="MC26" s="345">
        <v>690893</v>
      </c>
      <c r="MD26" s="349">
        <v>690893</v>
      </c>
      <c r="ME26" s="350">
        <v>690893</v>
      </c>
      <c r="MF26" s="348">
        <v>0</v>
      </c>
      <c r="MG26" s="345">
        <v>0</v>
      </c>
      <c r="MH26" s="349">
        <v>0</v>
      </c>
      <c r="MI26" s="413">
        <v>0</v>
      </c>
      <c r="MJ26" s="345">
        <v>6564326</v>
      </c>
      <c r="MK26" s="345">
        <v>12595481</v>
      </c>
      <c r="ML26" s="345">
        <v>61133959</v>
      </c>
      <c r="MM26" s="345">
        <v>79816535</v>
      </c>
      <c r="MN26" s="345">
        <v>58103940</v>
      </c>
      <c r="MO26" s="349">
        <v>218214241</v>
      </c>
      <c r="MP26" s="354">
        <v>218214241</v>
      </c>
      <c r="MQ26" s="348">
        <v>0</v>
      </c>
      <c r="MR26" s="345">
        <v>0</v>
      </c>
      <c r="MS26" s="349">
        <v>0</v>
      </c>
      <c r="MT26" s="413">
        <v>0</v>
      </c>
      <c r="MU26" s="345">
        <v>687146</v>
      </c>
      <c r="MV26" s="345">
        <v>3290693</v>
      </c>
      <c r="MW26" s="345">
        <v>45788156</v>
      </c>
      <c r="MX26" s="345">
        <v>58586234</v>
      </c>
      <c r="MY26" s="345">
        <v>41729722</v>
      </c>
      <c r="MZ26" s="349">
        <v>150081951</v>
      </c>
      <c r="NA26" s="354">
        <v>150081951</v>
      </c>
      <c r="NB26" s="348">
        <v>0</v>
      </c>
      <c r="NC26" s="345">
        <v>0</v>
      </c>
      <c r="ND26" s="349">
        <v>0</v>
      </c>
      <c r="NE26" s="413">
        <v>0</v>
      </c>
      <c r="NF26" s="345">
        <v>5877180</v>
      </c>
      <c r="NG26" s="345">
        <v>9304788</v>
      </c>
      <c r="NH26" s="345">
        <v>15142128</v>
      </c>
      <c r="NI26" s="345">
        <v>15814432</v>
      </c>
      <c r="NJ26" s="345">
        <v>9963387</v>
      </c>
      <c r="NK26" s="349">
        <v>56101915</v>
      </c>
      <c r="NL26" s="347">
        <v>56101915</v>
      </c>
      <c r="NM26" s="348">
        <v>0</v>
      </c>
      <c r="NN26" s="345">
        <v>0</v>
      </c>
      <c r="NO26" s="349">
        <v>0</v>
      </c>
      <c r="NP26" s="413">
        <v>0</v>
      </c>
      <c r="NQ26" s="345">
        <v>0</v>
      </c>
      <c r="NR26" s="345">
        <v>0</v>
      </c>
      <c r="NS26" s="345">
        <v>0</v>
      </c>
      <c r="NT26" s="345">
        <v>0</v>
      </c>
      <c r="NU26" s="345">
        <v>0</v>
      </c>
      <c r="NV26" s="349">
        <v>0</v>
      </c>
      <c r="NW26" s="350">
        <v>0</v>
      </c>
      <c r="NX26" s="348">
        <v>0</v>
      </c>
      <c r="NY26" s="345">
        <v>0</v>
      </c>
      <c r="NZ26" s="349">
        <v>0</v>
      </c>
      <c r="OA26" s="413">
        <v>0</v>
      </c>
      <c r="OB26" s="345">
        <v>0</v>
      </c>
      <c r="OC26" s="345">
        <v>0</v>
      </c>
      <c r="OD26" s="345">
        <v>203675</v>
      </c>
      <c r="OE26" s="345">
        <v>5415869</v>
      </c>
      <c r="OF26" s="345">
        <v>6410831</v>
      </c>
      <c r="OG26" s="349">
        <v>12030375</v>
      </c>
      <c r="OH26" s="350">
        <v>12030375</v>
      </c>
      <c r="OI26" s="348">
        <v>8425440</v>
      </c>
      <c r="OJ26" s="345">
        <v>14908296</v>
      </c>
      <c r="OK26" s="346">
        <v>23333736</v>
      </c>
      <c r="OL26" s="351">
        <v>0</v>
      </c>
      <c r="OM26" s="345">
        <v>107453362</v>
      </c>
      <c r="ON26" s="345">
        <v>148952570</v>
      </c>
      <c r="OO26" s="345">
        <v>186774372</v>
      </c>
      <c r="OP26" s="345">
        <v>170158703</v>
      </c>
      <c r="OQ26" s="345">
        <v>131523122</v>
      </c>
      <c r="OR26" s="349">
        <v>744862129</v>
      </c>
      <c r="OS26" s="354">
        <v>768195865</v>
      </c>
    </row>
    <row r="27" spans="2:409" s="70" customFormat="1" ht="21" customHeight="1" x14ac:dyDescent="0.2">
      <c r="B27" s="410" t="s">
        <v>22</v>
      </c>
      <c r="C27" s="326">
        <v>1405897</v>
      </c>
      <c r="D27" s="327">
        <v>4197082</v>
      </c>
      <c r="E27" s="328">
        <v>5602979</v>
      </c>
      <c r="F27" s="329">
        <v>0</v>
      </c>
      <c r="G27" s="327">
        <v>26611459</v>
      </c>
      <c r="H27" s="327">
        <v>35403075</v>
      </c>
      <c r="I27" s="327">
        <v>27513573</v>
      </c>
      <c r="J27" s="327">
        <v>27782986</v>
      </c>
      <c r="K27" s="327">
        <v>18207552</v>
      </c>
      <c r="L27" s="367">
        <v>135518645</v>
      </c>
      <c r="M27" s="330">
        <v>141121624</v>
      </c>
      <c r="N27" s="326">
        <v>234808</v>
      </c>
      <c r="O27" s="327">
        <v>447485</v>
      </c>
      <c r="P27" s="328">
        <v>682293</v>
      </c>
      <c r="Q27" s="326">
        <v>0</v>
      </c>
      <c r="R27" s="327">
        <v>5539648</v>
      </c>
      <c r="S27" s="327">
        <v>9187468</v>
      </c>
      <c r="T27" s="327">
        <v>5898356</v>
      </c>
      <c r="U27" s="327">
        <v>10103235</v>
      </c>
      <c r="V27" s="327">
        <v>8566268</v>
      </c>
      <c r="W27" s="328">
        <v>39294975</v>
      </c>
      <c r="X27" s="330">
        <v>39977268</v>
      </c>
      <c r="Y27" s="326">
        <v>0</v>
      </c>
      <c r="Z27" s="327">
        <v>0</v>
      </c>
      <c r="AA27" s="328">
        <v>0</v>
      </c>
      <c r="AB27" s="326">
        <v>0</v>
      </c>
      <c r="AC27" s="327">
        <v>2151371</v>
      </c>
      <c r="AD27" s="327">
        <v>4584238</v>
      </c>
      <c r="AE27" s="327">
        <v>3027308</v>
      </c>
      <c r="AF27" s="327">
        <v>6161229</v>
      </c>
      <c r="AG27" s="327">
        <v>4610232</v>
      </c>
      <c r="AH27" s="328">
        <v>20534378</v>
      </c>
      <c r="AI27" s="330">
        <v>20534378</v>
      </c>
      <c r="AJ27" s="326">
        <v>0</v>
      </c>
      <c r="AK27" s="327">
        <v>0</v>
      </c>
      <c r="AL27" s="328">
        <v>0</v>
      </c>
      <c r="AM27" s="326">
        <v>0</v>
      </c>
      <c r="AN27" s="327">
        <v>127267</v>
      </c>
      <c r="AO27" s="327">
        <v>114540</v>
      </c>
      <c r="AP27" s="327">
        <v>203508</v>
      </c>
      <c r="AQ27" s="327">
        <v>432011</v>
      </c>
      <c r="AR27" s="327">
        <v>1367370</v>
      </c>
      <c r="AS27" s="328">
        <v>2244696</v>
      </c>
      <c r="AT27" s="330">
        <v>2244696</v>
      </c>
      <c r="AU27" s="326">
        <v>124356</v>
      </c>
      <c r="AV27" s="327">
        <v>288840</v>
      </c>
      <c r="AW27" s="328">
        <v>413196</v>
      </c>
      <c r="AX27" s="326">
        <v>0</v>
      </c>
      <c r="AY27" s="327">
        <v>1912974</v>
      </c>
      <c r="AZ27" s="327">
        <v>2883633</v>
      </c>
      <c r="BA27" s="327">
        <v>1386242</v>
      </c>
      <c r="BB27" s="327">
        <v>2071841</v>
      </c>
      <c r="BC27" s="327">
        <v>1892343</v>
      </c>
      <c r="BD27" s="328">
        <v>10147033</v>
      </c>
      <c r="BE27" s="330">
        <v>10560229</v>
      </c>
      <c r="BF27" s="326">
        <v>29680</v>
      </c>
      <c r="BG27" s="327">
        <v>22259</v>
      </c>
      <c r="BH27" s="331">
        <v>51939</v>
      </c>
      <c r="BI27" s="332">
        <v>0</v>
      </c>
      <c r="BJ27" s="327">
        <v>446637</v>
      </c>
      <c r="BK27" s="327">
        <v>305012</v>
      </c>
      <c r="BL27" s="327">
        <v>96951</v>
      </c>
      <c r="BM27" s="327">
        <v>197880</v>
      </c>
      <c r="BN27" s="327">
        <v>0</v>
      </c>
      <c r="BO27" s="328">
        <v>1046480</v>
      </c>
      <c r="BP27" s="330">
        <v>1098419</v>
      </c>
      <c r="BQ27" s="326">
        <v>80772</v>
      </c>
      <c r="BR27" s="327">
        <v>136386</v>
      </c>
      <c r="BS27" s="328">
        <v>217158</v>
      </c>
      <c r="BT27" s="326">
        <v>0</v>
      </c>
      <c r="BU27" s="327">
        <v>901399</v>
      </c>
      <c r="BV27" s="327">
        <v>1300045</v>
      </c>
      <c r="BW27" s="327">
        <v>1184347</v>
      </c>
      <c r="BX27" s="327">
        <v>1240274</v>
      </c>
      <c r="BY27" s="327">
        <v>696323</v>
      </c>
      <c r="BZ27" s="328">
        <v>5322388</v>
      </c>
      <c r="CA27" s="330">
        <v>5539546</v>
      </c>
      <c r="CB27" s="326">
        <v>106682</v>
      </c>
      <c r="CC27" s="327">
        <v>441869</v>
      </c>
      <c r="CD27" s="328">
        <v>548551</v>
      </c>
      <c r="CE27" s="326">
        <v>0</v>
      </c>
      <c r="CF27" s="327">
        <v>7380255</v>
      </c>
      <c r="CG27" s="327">
        <v>11230865</v>
      </c>
      <c r="CH27" s="327">
        <v>7583039</v>
      </c>
      <c r="CI27" s="327">
        <v>4794851</v>
      </c>
      <c r="CJ27" s="327">
        <v>1904996</v>
      </c>
      <c r="CK27" s="328">
        <v>32894006</v>
      </c>
      <c r="CL27" s="330">
        <v>33442557</v>
      </c>
      <c r="CM27" s="326">
        <v>0</v>
      </c>
      <c r="CN27" s="327">
        <v>0</v>
      </c>
      <c r="CO27" s="328">
        <v>0</v>
      </c>
      <c r="CP27" s="332">
        <v>0</v>
      </c>
      <c r="CQ27" s="327">
        <v>5715632</v>
      </c>
      <c r="CR27" s="327">
        <v>8996659</v>
      </c>
      <c r="CS27" s="327">
        <v>6815677</v>
      </c>
      <c r="CT27" s="327">
        <v>3485825</v>
      </c>
      <c r="CU27" s="327">
        <v>1410118</v>
      </c>
      <c r="CV27" s="328">
        <v>26423911</v>
      </c>
      <c r="CW27" s="330">
        <v>26423911</v>
      </c>
      <c r="CX27" s="326">
        <v>106682</v>
      </c>
      <c r="CY27" s="327">
        <v>441869</v>
      </c>
      <c r="CZ27" s="328">
        <v>548551</v>
      </c>
      <c r="DA27" s="326">
        <v>0</v>
      </c>
      <c r="DB27" s="327">
        <v>1664623</v>
      </c>
      <c r="DC27" s="327">
        <v>2234206</v>
      </c>
      <c r="DD27" s="327">
        <v>767362</v>
      </c>
      <c r="DE27" s="327">
        <v>1309026</v>
      </c>
      <c r="DF27" s="327">
        <v>494878</v>
      </c>
      <c r="DG27" s="328">
        <v>6470095</v>
      </c>
      <c r="DH27" s="330">
        <v>7018646</v>
      </c>
      <c r="DI27" s="326">
        <v>0</v>
      </c>
      <c r="DJ27" s="327">
        <v>0</v>
      </c>
      <c r="DK27" s="331">
        <v>0</v>
      </c>
      <c r="DL27" s="332">
        <v>0</v>
      </c>
      <c r="DM27" s="327">
        <v>359610</v>
      </c>
      <c r="DN27" s="327">
        <v>1107323</v>
      </c>
      <c r="DO27" s="327">
        <v>3502754</v>
      </c>
      <c r="DP27" s="327">
        <v>2276972</v>
      </c>
      <c r="DQ27" s="327">
        <v>748762</v>
      </c>
      <c r="DR27" s="328">
        <v>7995421</v>
      </c>
      <c r="DS27" s="330">
        <v>7995421</v>
      </c>
      <c r="DT27" s="326">
        <v>0</v>
      </c>
      <c r="DU27" s="327">
        <v>0</v>
      </c>
      <c r="DV27" s="328">
        <v>0</v>
      </c>
      <c r="DW27" s="326">
        <v>0</v>
      </c>
      <c r="DX27" s="327">
        <v>283976</v>
      </c>
      <c r="DY27" s="327">
        <v>1107323</v>
      </c>
      <c r="DZ27" s="327">
        <v>3452014</v>
      </c>
      <c r="EA27" s="327">
        <v>2015329</v>
      </c>
      <c r="EB27" s="327">
        <v>631615</v>
      </c>
      <c r="EC27" s="328">
        <v>7490257</v>
      </c>
      <c r="ED27" s="330">
        <v>7490257</v>
      </c>
      <c r="EE27" s="326">
        <v>0</v>
      </c>
      <c r="EF27" s="331">
        <v>0</v>
      </c>
      <c r="EG27" s="328">
        <v>0</v>
      </c>
      <c r="EH27" s="326">
        <v>0</v>
      </c>
      <c r="EI27" s="327">
        <v>75634</v>
      </c>
      <c r="EJ27" s="327">
        <v>0</v>
      </c>
      <c r="EK27" s="327">
        <v>50740</v>
      </c>
      <c r="EL27" s="327">
        <v>261643</v>
      </c>
      <c r="EM27" s="327">
        <v>117147</v>
      </c>
      <c r="EN27" s="331">
        <v>505164</v>
      </c>
      <c r="EO27" s="330">
        <v>505164</v>
      </c>
      <c r="EP27" s="326">
        <v>0</v>
      </c>
      <c r="EQ27" s="327">
        <v>0</v>
      </c>
      <c r="ER27" s="331">
        <v>0</v>
      </c>
      <c r="ES27" s="332">
        <v>0</v>
      </c>
      <c r="ET27" s="327">
        <v>0</v>
      </c>
      <c r="EU27" s="327">
        <v>0</v>
      </c>
      <c r="EV27" s="327">
        <v>0</v>
      </c>
      <c r="EW27" s="327">
        <v>0</v>
      </c>
      <c r="EX27" s="327">
        <v>0</v>
      </c>
      <c r="EY27" s="328">
        <v>0</v>
      </c>
      <c r="EZ27" s="330">
        <v>0</v>
      </c>
      <c r="FA27" s="326">
        <v>0</v>
      </c>
      <c r="FB27" s="327">
        <v>0</v>
      </c>
      <c r="FC27" s="331">
        <v>0</v>
      </c>
      <c r="FD27" s="332">
        <v>0</v>
      </c>
      <c r="FE27" s="327">
        <v>0</v>
      </c>
      <c r="FF27" s="327">
        <v>0</v>
      </c>
      <c r="FG27" s="327">
        <v>0</v>
      </c>
      <c r="FH27" s="327">
        <v>0</v>
      </c>
      <c r="FI27" s="327">
        <v>0</v>
      </c>
      <c r="FJ27" s="328">
        <v>0</v>
      </c>
      <c r="FK27" s="330">
        <v>0</v>
      </c>
      <c r="FL27" s="326">
        <v>373611</v>
      </c>
      <c r="FM27" s="327">
        <v>1641908</v>
      </c>
      <c r="FN27" s="328">
        <v>2015519</v>
      </c>
      <c r="FO27" s="326">
        <v>0</v>
      </c>
      <c r="FP27" s="327">
        <v>2242823</v>
      </c>
      <c r="FQ27" s="327">
        <v>3492634</v>
      </c>
      <c r="FR27" s="327">
        <v>2319187</v>
      </c>
      <c r="FS27" s="327">
        <v>2649867</v>
      </c>
      <c r="FT27" s="327">
        <v>1710938</v>
      </c>
      <c r="FU27" s="328">
        <v>12415449</v>
      </c>
      <c r="FV27" s="330">
        <v>14430968</v>
      </c>
      <c r="FW27" s="333">
        <v>317231</v>
      </c>
      <c r="FX27" s="327">
        <v>1101836</v>
      </c>
      <c r="FY27" s="331">
        <v>1419067</v>
      </c>
      <c r="FZ27" s="332">
        <v>0</v>
      </c>
      <c r="GA27" s="327">
        <v>1940241</v>
      </c>
      <c r="GB27" s="327">
        <v>3063980</v>
      </c>
      <c r="GC27" s="327">
        <v>2139898</v>
      </c>
      <c r="GD27" s="327">
        <v>2182191</v>
      </c>
      <c r="GE27" s="327">
        <v>1547423</v>
      </c>
      <c r="GF27" s="328">
        <v>10873733</v>
      </c>
      <c r="GG27" s="334">
        <v>12292800</v>
      </c>
      <c r="GH27" s="333">
        <v>56380</v>
      </c>
      <c r="GI27" s="327">
        <v>162972</v>
      </c>
      <c r="GJ27" s="331">
        <v>219352</v>
      </c>
      <c r="GK27" s="332">
        <v>0</v>
      </c>
      <c r="GL27" s="327">
        <v>169092</v>
      </c>
      <c r="GM27" s="327">
        <v>144212</v>
      </c>
      <c r="GN27" s="327">
        <v>55539</v>
      </c>
      <c r="GO27" s="327">
        <v>143316</v>
      </c>
      <c r="GP27" s="327">
        <v>48015</v>
      </c>
      <c r="GQ27" s="328">
        <v>560174</v>
      </c>
      <c r="GR27" s="330">
        <v>779526</v>
      </c>
      <c r="GS27" s="326">
        <v>0</v>
      </c>
      <c r="GT27" s="327">
        <v>377100</v>
      </c>
      <c r="GU27" s="328">
        <v>377100</v>
      </c>
      <c r="GV27" s="326">
        <v>0</v>
      </c>
      <c r="GW27" s="327">
        <v>133490</v>
      </c>
      <c r="GX27" s="327">
        <v>284442</v>
      </c>
      <c r="GY27" s="327">
        <v>123750</v>
      </c>
      <c r="GZ27" s="327">
        <v>324360</v>
      </c>
      <c r="HA27" s="327">
        <v>115500</v>
      </c>
      <c r="HB27" s="331">
        <v>981542</v>
      </c>
      <c r="HC27" s="330">
        <v>1358642</v>
      </c>
      <c r="HD27" s="326">
        <v>355129</v>
      </c>
      <c r="HE27" s="327">
        <v>833429</v>
      </c>
      <c r="HF27" s="331">
        <v>1188558</v>
      </c>
      <c r="HG27" s="332">
        <v>0</v>
      </c>
      <c r="HH27" s="327">
        <v>5920261</v>
      </c>
      <c r="HI27" s="327">
        <v>5586459</v>
      </c>
      <c r="HJ27" s="327">
        <v>5034768</v>
      </c>
      <c r="HK27" s="327">
        <v>5718701</v>
      </c>
      <c r="HL27" s="327">
        <v>4182592</v>
      </c>
      <c r="HM27" s="328">
        <v>26442781</v>
      </c>
      <c r="HN27" s="329">
        <v>27631339</v>
      </c>
      <c r="HO27" s="333">
        <v>335667</v>
      </c>
      <c r="HP27" s="327">
        <v>832391</v>
      </c>
      <c r="HQ27" s="328">
        <v>1168058</v>
      </c>
      <c r="HR27" s="326">
        <v>0</v>
      </c>
      <c r="HS27" s="327">
        <v>5168862</v>
      </c>
      <c r="HT27" s="327">
        <v>4798326</v>
      </c>
      <c r="HU27" s="327">
        <v>3175469</v>
      </c>
      <c r="HV27" s="327">
        <v>2239360</v>
      </c>
      <c r="HW27" s="327">
        <v>1093996</v>
      </c>
      <c r="HX27" s="331">
        <v>16476013</v>
      </c>
      <c r="HY27" s="330">
        <v>17644071</v>
      </c>
      <c r="HZ27" s="335">
        <v>322841</v>
      </c>
      <c r="IA27" s="336">
        <v>349294</v>
      </c>
      <c r="IB27" s="337">
        <v>672135</v>
      </c>
      <c r="IC27" s="338">
        <v>0</v>
      </c>
      <c r="ID27" s="336">
        <v>11496585</v>
      </c>
      <c r="IE27" s="339">
        <v>18786480</v>
      </c>
      <c r="IF27" s="337">
        <v>17918425</v>
      </c>
      <c r="IG27" s="336">
        <v>13654614</v>
      </c>
      <c r="IH27" s="337">
        <v>7488954</v>
      </c>
      <c r="II27" s="340">
        <v>69345058</v>
      </c>
      <c r="IJ27" s="341">
        <v>70017193</v>
      </c>
      <c r="IK27" s="342">
        <v>0</v>
      </c>
      <c r="IL27" s="343">
        <v>0</v>
      </c>
      <c r="IM27" s="344">
        <v>0</v>
      </c>
      <c r="IN27" s="404">
        <v>0</v>
      </c>
      <c r="IO27" s="345">
        <v>0</v>
      </c>
      <c r="IP27" s="345">
        <v>541097</v>
      </c>
      <c r="IQ27" s="345">
        <v>1037628</v>
      </c>
      <c r="IR27" s="345">
        <v>818666</v>
      </c>
      <c r="IS27" s="345">
        <v>0</v>
      </c>
      <c r="IT27" s="346">
        <v>2397391</v>
      </c>
      <c r="IU27" s="347">
        <v>2397391</v>
      </c>
      <c r="IV27" s="348">
        <v>0</v>
      </c>
      <c r="IW27" s="345">
        <v>0</v>
      </c>
      <c r="IX27" s="349">
        <v>0</v>
      </c>
      <c r="IY27" s="413">
        <v>0</v>
      </c>
      <c r="IZ27" s="345">
        <v>0</v>
      </c>
      <c r="JA27" s="345">
        <v>0</v>
      </c>
      <c r="JB27" s="345">
        <v>0</v>
      </c>
      <c r="JC27" s="345">
        <v>0</v>
      </c>
      <c r="JD27" s="345">
        <v>0</v>
      </c>
      <c r="JE27" s="349">
        <v>0</v>
      </c>
      <c r="JF27" s="350">
        <v>0</v>
      </c>
      <c r="JG27" s="348">
        <v>0</v>
      </c>
      <c r="JH27" s="345">
        <v>0</v>
      </c>
      <c r="JI27" s="346">
        <v>0</v>
      </c>
      <c r="JJ27" s="351">
        <v>0</v>
      </c>
      <c r="JK27" s="345">
        <v>5990689</v>
      </c>
      <c r="JL27" s="345">
        <v>6719563</v>
      </c>
      <c r="JM27" s="345">
        <v>5165290</v>
      </c>
      <c r="JN27" s="345">
        <v>2950795</v>
      </c>
      <c r="JO27" s="345">
        <v>1400529</v>
      </c>
      <c r="JP27" s="349">
        <v>22226866</v>
      </c>
      <c r="JQ27" s="347">
        <v>22226866</v>
      </c>
      <c r="JR27" s="348">
        <v>0</v>
      </c>
      <c r="JS27" s="345">
        <v>0</v>
      </c>
      <c r="JT27" s="346">
        <v>0</v>
      </c>
      <c r="JU27" s="351">
        <v>0</v>
      </c>
      <c r="JV27" s="345">
        <v>137492</v>
      </c>
      <c r="JW27" s="345">
        <v>490121</v>
      </c>
      <c r="JX27" s="345">
        <v>759029</v>
      </c>
      <c r="JY27" s="345">
        <v>774030</v>
      </c>
      <c r="JZ27" s="345">
        <v>40186</v>
      </c>
      <c r="KA27" s="349">
        <v>2200858</v>
      </c>
      <c r="KB27" s="347">
        <v>2200858</v>
      </c>
      <c r="KC27" s="352">
        <v>322841</v>
      </c>
      <c r="KD27" s="353">
        <v>349294</v>
      </c>
      <c r="KE27" s="349">
        <v>672135</v>
      </c>
      <c r="KF27" s="351">
        <v>0</v>
      </c>
      <c r="KG27" s="345">
        <v>2742360</v>
      </c>
      <c r="KH27" s="345">
        <v>5298275</v>
      </c>
      <c r="KI27" s="345">
        <v>3952016</v>
      </c>
      <c r="KJ27" s="345">
        <v>2242606</v>
      </c>
      <c r="KK27" s="345">
        <v>2389701</v>
      </c>
      <c r="KL27" s="349">
        <v>16624958</v>
      </c>
      <c r="KM27" s="354">
        <v>17297093</v>
      </c>
      <c r="KN27" s="342">
        <v>0</v>
      </c>
      <c r="KO27" s="343">
        <v>0</v>
      </c>
      <c r="KP27" s="344">
        <v>0</v>
      </c>
      <c r="KQ27" s="413">
        <v>0</v>
      </c>
      <c r="KR27" s="345">
        <v>2626044</v>
      </c>
      <c r="KS27" s="345">
        <v>5228612</v>
      </c>
      <c r="KT27" s="345">
        <v>4607518</v>
      </c>
      <c r="KU27" s="345">
        <v>3325209</v>
      </c>
      <c r="KV27" s="345">
        <v>1206070</v>
      </c>
      <c r="KW27" s="349">
        <v>16993453</v>
      </c>
      <c r="KX27" s="347">
        <v>16993453</v>
      </c>
      <c r="KY27" s="348">
        <v>0</v>
      </c>
      <c r="KZ27" s="345">
        <v>0</v>
      </c>
      <c r="LA27" s="349">
        <v>0</v>
      </c>
      <c r="LB27" s="413">
        <v>0</v>
      </c>
      <c r="LC27" s="345">
        <v>0</v>
      </c>
      <c r="LD27" s="345">
        <v>0</v>
      </c>
      <c r="LE27" s="345">
        <v>0</v>
      </c>
      <c r="LF27" s="345">
        <v>0</v>
      </c>
      <c r="LG27" s="345">
        <v>0</v>
      </c>
      <c r="LH27" s="349">
        <v>0</v>
      </c>
      <c r="LI27" s="350">
        <v>0</v>
      </c>
      <c r="LJ27" s="348">
        <v>0</v>
      </c>
      <c r="LK27" s="345">
        <v>0</v>
      </c>
      <c r="LL27" s="349">
        <v>0</v>
      </c>
      <c r="LM27" s="413">
        <v>0</v>
      </c>
      <c r="LN27" s="345">
        <v>0</v>
      </c>
      <c r="LO27" s="345">
        <v>508812</v>
      </c>
      <c r="LP27" s="345">
        <v>2396944</v>
      </c>
      <c r="LQ27" s="345">
        <v>3543308</v>
      </c>
      <c r="LR27" s="345">
        <v>2452468</v>
      </c>
      <c r="LS27" s="349">
        <v>8901532</v>
      </c>
      <c r="LT27" s="347">
        <v>8901532</v>
      </c>
      <c r="LU27" s="348">
        <v>0</v>
      </c>
      <c r="LV27" s="345">
        <v>0</v>
      </c>
      <c r="LW27" s="349">
        <v>0</v>
      </c>
      <c r="LX27" s="413">
        <v>0</v>
      </c>
      <c r="LY27" s="345">
        <v>0</v>
      </c>
      <c r="LZ27" s="345">
        <v>0</v>
      </c>
      <c r="MA27" s="345">
        <v>0</v>
      </c>
      <c r="MB27" s="345">
        <v>0</v>
      </c>
      <c r="MC27" s="345">
        <v>0</v>
      </c>
      <c r="MD27" s="349">
        <v>0</v>
      </c>
      <c r="ME27" s="350">
        <v>0</v>
      </c>
      <c r="MF27" s="348">
        <v>0</v>
      </c>
      <c r="MG27" s="345">
        <v>0</v>
      </c>
      <c r="MH27" s="349">
        <v>0</v>
      </c>
      <c r="MI27" s="413">
        <v>0</v>
      </c>
      <c r="MJ27" s="345">
        <v>3233012</v>
      </c>
      <c r="MK27" s="345">
        <v>6464718</v>
      </c>
      <c r="ML27" s="345">
        <v>19809690</v>
      </c>
      <c r="MM27" s="345">
        <v>39877383</v>
      </c>
      <c r="MN27" s="345">
        <v>17010291</v>
      </c>
      <c r="MO27" s="349">
        <v>86395094</v>
      </c>
      <c r="MP27" s="354">
        <v>86395094</v>
      </c>
      <c r="MQ27" s="348">
        <v>0</v>
      </c>
      <c r="MR27" s="345">
        <v>0</v>
      </c>
      <c r="MS27" s="349">
        <v>0</v>
      </c>
      <c r="MT27" s="413">
        <v>0</v>
      </c>
      <c r="MU27" s="345">
        <v>435308</v>
      </c>
      <c r="MV27" s="345">
        <v>1235255</v>
      </c>
      <c r="MW27" s="345">
        <v>11072641</v>
      </c>
      <c r="MX27" s="345">
        <v>21409662</v>
      </c>
      <c r="MY27" s="345">
        <v>10281859</v>
      </c>
      <c r="MZ27" s="349">
        <v>44434725</v>
      </c>
      <c r="NA27" s="354">
        <v>44434725</v>
      </c>
      <c r="NB27" s="348">
        <v>0</v>
      </c>
      <c r="NC27" s="345">
        <v>0</v>
      </c>
      <c r="ND27" s="349">
        <v>0</v>
      </c>
      <c r="NE27" s="413">
        <v>0</v>
      </c>
      <c r="NF27" s="345">
        <v>2797704</v>
      </c>
      <c r="NG27" s="345">
        <v>5229463</v>
      </c>
      <c r="NH27" s="345">
        <v>7938566</v>
      </c>
      <c r="NI27" s="345">
        <v>16601231</v>
      </c>
      <c r="NJ27" s="345">
        <v>4945237</v>
      </c>
      <c r="NK27" s="349">
        <v>37512201</v>
      </c>
      <c r="NL27" s="347">
        <v>37512201</v>
      </c>
      <c r="NM27" s="348">
        <v>0</v>
      </c>
      <c r="NN27" s="345">
        <v>0</v>
      </c>
      <c r="NO27" s="349">
        <v>0</v>
      </c>
      <c r="NP27" s="413">
        <v>0</v>
      </c>
      <c r="NQ27" s="345">
        <v>0</v>
      </c>
      <c r="NR27" s="345">
        <v>0</v>
      </c>
      <c r="NS27" s="345">
        <v>0</v>
      </c>
      <c r="NT27" s="345">
        <v>0</v>
      </c>
      <c r="NU27" s="345">
        <v>0</v>
      </c>
      <c r="NV27" s="349">
        <v>0</v>
      </c>
      <c r="NW27" s="350">
        <v>0</v>
      </c>
      <c r="NX27" s="348">
        <v>0</v>
      </c>
      <c r="NY27" s="345">
        <v>0</v>
      </c>
      <c r="NZ27" s="349">
        <v>0</v>
      </c>
      <c r="OA27" s="413">
        <v>0</v>
      </c>
      <c r="OB27" s="345">
        <v>0</v>
      </c>
      <c r="OC27" s="345">
        <v>0</v>
      </c>
      <c r="OD27" s="345">
        <v>798483</v>
      </c>
      <c r="OE27" s="345">
        <v>1866490</v>
      </c>
      <c r="OF27" s="345">
        <v>1783195</v>
      </c>
      <c r="OG27" s="349">
        <v>4448168</v>
      </c>
      <c r="OH27" s="350">
        <v>4448168</v>
      </c>
      <c r="OI27" s="348">
        <v>1728738</v>
      </c>
      <c r="OJ27" s="345">
        <v>4546376</v>
      </c>
      <c r="OK27" s="346">
        <v>6275114</v>
      </c>
      <c r="OL27" s="351">
        <v>0</v>
      </c>
      <c r="OM27" s="345">
        <v>41341056</v>
      </c>
      <c r="ON27" s="345">
        <v>60654273</v>
      </c>
      <c r="OO27" s="345">
        <v>65241688</v>
      </c>
      <c r="OP27" s="345">
        <v>81314983</v>
      </c>
      <c r="OQ27" s="345">
        <v>42706797</v>
      </c>
      <c r="OR27" s="349">
        <v>291258797</v>
      </c>
      <c r="OS27" s="354">
        <v>297533911</v>
      </c>
    </row>
    <row r="28" spans="2:409" s="70" customFormat="1" ht="21" customHeight="1" x14ac:dyDescent="0.2">
      <c r="B28" s="410" t="s">
        <v>23</v>
      </c>
      <c r="C28" s="326">
        <v>3992985</v>
      </c>
      <c r="D28" s="327">
        <v>8043988</v>
      </c>
      <c r="E28" s="328">
        <v>12036973</v>
      </c>
      <c r="F28" s="329">
        <v>0</v>
      </c>
      <c r="G28" s="327">
        <v>52764960</v>
      </c>
      <c r="H28" s="327">
        <v>68810837</v>
      </c>
      <c r="I28" s="327">
        <v>54881227</v>
      </c>
      <c r="J28" s="327">
        <v>56416880</v>
      </c>
      <c r="K28" s="327">
        <v>37033716</v>
      </c>
      <c r="L28" s="367">
        <v>269907620</v>
      </c>
      <c r="M28" s="330">
        <v>281944593</v>
      </c>
      <c r="N28" s="326">
        <v>1320809</v>
      </c>
      <c r="O28" s="327">
        <v>2849397</v>
      </c>
      <c r="P28" s="328">
        <v>4170206</v>
      </c>
      <c r="Q28" s="326">
        <v>0</v>
      </c>
      <c r="R28" s="327">
        <v>12794892</v>
      </c>
      <c r="S28" s="327">
        <v>19766444</v>
      </c>
      <c r="T28" s="327">
        <v>14577018</v>
      </c>
      <c r="U28" s="327">
        <v>18522078</v>
      </c>
      <c r="V28" s="327">
        <v>17243555</v>
      </c>
      <c r="W28" s="328">
        <v>82903987</v>
      </c>
      <c r="X28" s="330">
        <v>87074193</v>
      </c>
      <c r="Y28" s="326">
        <v>0</v>
      </c>
      <c r="Z28" s="327">
        <v>0</v>
      </c>
      <c r="AA28" s="328">
        <v>0</v>
      </c>
      <c r="AB28" s="326">
        <v>0</v>
      </c>
      <c r="AC28" s="327">
        <v>5945164</v>
      </c>
      <c r="AD28" s="327">
        <v>7907384</v>
      </c>
      <c r="AE28" s="327">
        <v>6844664</v>
      </c>
      <c r="AF28" s="327">
        <v>9899864</v>
      </c>
      <c r="AG28" s="327">
        <v>10150241</v>
      </c>
      <c r="AH28" s="328">
        <v>40747317</v>
      </c>
      <c r="AI28" s="330">
        <v>40747317</v>
      </c>
      <c r="AJ28" s="326">
        <v>0</v>
      </c>
      <c r="AK28" s="327">
        <v>0</v>
      </c>
      <c r="AL28" s="328">
        <v>0</v>
      </c>
      <c r="AM28" s="326">
        <v>0</v>
      </c>
      <c r="AN28" s="327">
        <v>0</v>
      </c>
      <c r="AO28" s="327">
        <v>361332</v>
      </c>
      <c r="AP28" s="327">
        <v>401259</v>
      </c>
      <c r="AQ28" s="327">
        <v>1188846</v>
      </c>
      <c r="AR28" s="327">
        <v>1906738</v>
      </c>
      <c r="AS28" s="328">
        <v>3858175</v>
      </c>
      <c r="AT28" s="330">
        <v>3858175</v>
      </c>
      <c r="AU28" s="326">
        <v>936403</v>
      </c>
      <c r="AV28" s="327">
        <v>2349194</v>
      </c>
      <c r="AW28" s="328">
        <v>3285597</v>
      </c>
      <c r="AX28" s="326">
        <v>0</v>
      </c>
      <c r="AY28" s="327">
        <v>3580449</v>
      </c>
      <c r="AZ28" s="327">
        <v>8024834</v>
      </c>
      <c r="BA28" s="327">
        <v>4433567</v>
      </c>
      <c r="BB28" s="327">
        <v>3973231</v>
      </c>
      <c r="BC28" s="327">
        <v>3055035</v>
      </c>
      <c r="BD28" s="328">
        <v>23067116</v>
      </c>
      <c r="BE28" s="330">
        <v>26352713</v>
      </c>
      <c r="BF28" s="326">
        <v>65150</v>
      </c>
      <c r="BG28" s="327">
        <v>368577</v>
      </c>
      <c r="BH28" s="331">
        <v>433727</v>
      </c>
      <c r="BI28" s="332">
        <v>0</v>
      </c>
      <c r="BJ28" s="327">
        <v>529474</v>
      </c>
      <c r="BK28" s="327">
        <v>721949</v>
      </c>
      <c r="BL28" s="327">
        <v>464562</v>
      </c>
      <c r="BM28" s="327">
        <v>361145</v>
      </c>
      <c r="BN28" s="327">
        <v>139593</v>
      </c>
      <c r="BO28" s="328">
        <v>2216723</v>
      </c>
      <c r="BP28" s="330">
        <v>2650450</v>
      </c>
      <c r="BQ28" s="326">
        <v>319256</v>
      </c>
      <c r="BR28" s="327">
        <v>131626</v>
      </c>
      <c r="BS28" s="328">
        <v>450882</v>
      </c>
      <c r="BT28" s="326">
        <v>0</v>
      </c>
      <c r="BU28" s="327">
        <v>2739805</v>
      </c>
      <c r="BV28" s="327">
        <v>2750945</v>
      </c>
      <c r="BW28" s="327">
        <v>2432966</v>
      </c>
      <c r="BX28" s="327">
        <v>3098992</v>
      </c>
      <c r="BY28" s="327">
        <v>1991948</v>
      </c>
      <c r="BZ28" s="328">
        <v>13014656</v>
      </c>
      <c r="CA28" s="330">
        <v>13465538</v>
      </c>
      <c r="CB28" s="326">
        <v>85691</v>
      </c>
      <c r="CC28" s="327">
        <v>719437</v>
      </c>
      <c r="CD28" s="328">
        <v>805128</v>
      </c>
      <c r="CE28" s="326">
        <v>0</v>
      </c>
      <c r="CF28" s="327">
        <v>16947492</v>
      </c>
      <c r="CG28" s="327">
        <v>21642765</v>
      </c>
      <c r="CH28" s="327">
        <v>15295312</v>
      </c>
      <c r="CI28" s="327">
        <v>9931558</v>
      </c>
      <c r="CJ28" s="327">
        <v>3893007</v>
      </c>
      <c r="CK28" s="328">
        <v>67710134</v>
      </c>
      <c r="CL28" s="330">
        <v>68515262</v>
      </c>
      <c r="CM28" s="326">
        <v>0</v>
      </c>
      <c r="CN28" s="327">
        <v>0</v>
      </c>
      <c r="CO28" s="328">
        <v>0</v>
      </c>
      <c r="CP28" s="332">
        <v>0</v>
      </c>
      <c r="CQ28" s="327">
        <v>14983079</v>
      </c>
      <c r="CR28" s="327">
        <v>18569091</v>
      </c>
      <c r="CS28" s="327">
        <v>13021622</v>
      </c>
      <c r="CT28" s="327">
        <v>8326218</v>
      </c>
      <c r="CU28" s="327">
        <v>3450415</v>
      </c>
      <c r="CV28" s="328">
        <v>58350425</v>
      </c>
      <c r="CW28" s="330">
        <v>58350425</v>
      </c>
      <c r="CX28" s="326">
        <v>85691</v>
      </c>
      <c r="CY28" s="327">
        <v>719437</v>
      </c>
      <c r="CZ28" s="328">
        <v>805128</v>
      </c>
      <c r="DA28" s="326">
        <v>0</v>
      </c>
      <c r="DB28" s="327">
        <v>1964413</v>
      </c>
      <c r="DC28" s="327">
        <v>3073674</v>
      </c>
      <c r="DD28" s="327">
        <v>2273690</v>
      </c>
      <c r="DE28" s="327">
        <v>1605340</v>
      </c>
      <c r="DF28" s="327">
        <v>442592</v>
      </c>
      <c r="DG28" s="328">
        <v>9359709</v>
      </c>
      <c r="DH28" s="330">
        <v>10164837</v>
      </c>
      <c r="DI28" s="326">
        <v>35539</v>
      </c>
      <c r="DJ28" s="327">
        <v>18657</v>
      </c>
      <c r="DK28" s="331">
        <v>54196</v>
      </c>
      <c r="DL28" s="332">
        <v>0</v>
      </c>
      <c r="DM28" s="327">
        <v>1944882</v>
      </c>
      <c r="DN28" s="327">
        <v>2729716</v>
      </c>
      <c r="DO28" s="327">
        <v>6009916</v>
      </c>
      <c r="DP28" s="327">
        <v>6445405</v>
      </c>
      <c r="DQ28" s="327">
        <v>2428984</v>
      </c>
      <c r="DR28" s="328">
        <v>19558903</v>
      </c>
      <c r="DS28" s="330">
        <v>19613099</v>
      </c>
      <c r="DT28" s="326">
        <v>35539</v>
      </c>
      <c r="DU28" s="327">
        <v>18657</v>
      </c>
      <c r="DV28" s="328">
        <v>54196</v>
      </c>
      <c r="DW28" s="326">
        <v>0</v>
      </c>
      <c r="DX28" s="327">
        <v>1861408</v>
      </c>
      <c r="DY28" s="327">
        <v>2601673</v>
      </c>
      <c r="DZ28" s="327">
        <v>6009916</v>
      </c>
      <c r="EA28" s="327">
        <v>6267000</v>
      </c>
      <c r="EB28" s="327">
        <v>2067075</v>
      </c>
      <c r="EC28" s="328">
        <v>18807072</v>
      </c>
      <c r="ED28" s="330">
        <v>18861268</v>
      </c>
      <c r="EE28" s="326">
        <v>0</v>
      </c>
      <c r="EF28" s="331">
        <v>0</v>
      </c>
      <c r="EG28" s="328">
        <v>0</v>
      </c>
      <c r="EH28" s="326">
        <v>0</v>
      </c>
      <c r="EI28" s="327">
        <v>83474</v>
      </c>
      <c r="EJ28" s="327">
        <v>128043</v>
      </c>
      <c r="EK28" s="327">
        <v>0</v>
      </c>
      <c r="EL28" s="327">
        <v>178405</v>
      </c>
      <c r="EM28" s="327">
        <v>361909</v>
      </c>
      <c r="EN28" s="331">
        <v>751831</v>
      </c>
      <c r="EO28" s="330">
        <v>751831</v>
      </c>
      <c r="EP28" s="326">
        <v>0</v>
      </c>
      <c r="EQ28" s="327">
        <v>0</v>
      </c>
      <c r="ER28" s="331">
        <v>0</v>
      </c>
      <c r="ES28" s="332">
        <v>0</v>
      </c>
      <c r="ET28" s="327">
        <v>0</v>
      </c>
      <c r="EU28" s="327">
        <v>0</v>
      </c>
      <c r="EV28" s="327">
        <v>0</v>
      </c>
      <c r="EW28" s="327">
        <v>0</v>
      </c>
      <c r="EX28" s="327">
        <v>0</v>
      </c>
      <c r="EY28" s="328">
        <v>0</v>
      </c>
      <c r="EZ28" s="330">
        <v>0</v>
      </c>
      <c r="FA28" s="326">
        <v>0</v>
      </c>
      <c r="FB28" s="327">
        <v>0</v>
      </c>
      <c r="FC28" s="331">
        <v>0</v>
      </c>
      <c r="FD28" s="332">
        <v>0</v>
      </c>
      <c r="FE28" s="327">
        <v>0</v>
      </c>
      <c r="FF28" s="327">
        <v>0</v>
      </c>
      <c r="FG28" s="327">
        <v>0</v>
      </c>
      <c r="FH28" s="327">
        <v>0</v>
      </c>
      <c r="FI28" s="327">
        <v>0</v>
      </c>
      <c r="FJ28" s="328">
        <v>0</v>
      </c>
      <c r="FK28" s="330">
        <v>0</v>
      </c>
      <c r="FL28" s="326">
        <v>1127898</v>
      </c>
      <c r="FM28" s="327">
        <v>2492444</v>
      </c>
      <c r="FN28" s="328">
        <v>3620342</v>
      </c>
      <c r="FO28" s="326">
        <v>0</v>
      </c>
      <c r="FP28" s="327">
        <v>2657646</v>
      </c>
      <c r="FQ28" s="327">
        <v>6730362</v>
      </c>
      <c r="FR28" s="327">
        <v>3890037</v>
      </c>
      <c r="FS28" s="327">
        <v>4110493</v>
      </c>
      <c r="FT28" s="327">
        <v>2486532</v>
      </c>
      <c r="FU28" s="328">
        <v>19875070</v>
      </c>
      <c r="FV28" s="330">
        <v>23495412</v>
      </c>
      <c r="FW28" s="333">
        <v>670239</v>
      </c>
      <c r="FX28" s="327">
        <v>1938024</v>
      </c>
      <c r="FY28" s="331">
        <v>2608263</v>
      </c>
      <c r="FZ28" s="332">
        <v>0</v>
      </c>
      <c r="GA28" s="327">
        <v>2190528</v>
      </c>
      <c r="GB28" s="327">
        <v>6119352</v>
      </c>
      <c r="GC28" s="327">
        <v>3592452</v>
      </c>
      <c r="GD28" s="327">
        <v>3785908</v>
      </c>
      <c r="GE28" s="327">
        <v>2436150</v>
      </c>
      <c r="GF28" s="328">
        <v>18124390</v>
      </c>
      <c r="GG28" s="334">
        <v>20732653</v>
      </c>
      <c r="GH28" s="333">
        <v>53847</v>
      </c>
      <c r="GI28" s="327">
        <v>138485</v>
      </c>
      <c r="GJ28" s="331">
        <v>192332</v>
      </c>
      <c r="GK28" s="332">
        <v>0</v>
      </c>
      <c r="GL28" s="327">
        <v>132318</v>
      </c>
      <c r="GM28" s="327">
        <v>271196</v>
      </c>
      <c r="GN28" s="327">
        <v>46800</v>
      </c>
      <c r="GO28" s="327">
        <v>144585</v>
      </c>
      <c r="GP28" s="327">
        <v>50382</v>
      </c>
      <c r="GQ28" s="328">
        <v>645281</v>
      </c>
      <c r="GR28" s="330">
        <v>837613</v>
      </c>
      <c r="GS28" s="326">
        <v>403812</v>
      </c>
      <c r="GT28" s="327">
        <v>415935</v>
      </c>
      <c r="GU28" s="328">
        <v>819747</v>
      </c>
      <c r="GV28" s="326">
        <v>0</v>
      </c>
      <c r="GW28" s="327">
        <v>334800</v>
      </c>
      <c r="GX28" s="327">
        <v>339814</v>
      </c>
      <c r="GY28" s="327">
        <v>250785</v>
      </c>
      <c r="GZ28" s="327">
        <v>180000</v>
      </c>
      <c r="HA28" s="327">
        <v>0</v>
      </c>
      <c r="HB28" s="331">
        <v>1105399</v>
      </c>
      <c r="HC28" s="330">
        <v>1925146</v>
      </c>
      <c r="HD28" s="326">
        <v>755888</v>
      </c>
      <c r="HE28" s="327">
        <v>406287</v>
      </c>
      <c r="HF28" s="331">
        <v>1162175</v>
      </c>
      <c r="HG28" s="332">
        <v>0</v>
      </c>
      <c r="HH28" s="327">
        <v>10223358</v>
      </c>
      <c r="HI28" s="327">
        <v>9260301</v>
      </c>
      <c r="HJ28" s="327">
        <v>9832412</v>
      </c>
      <c r="HK28" s="327">
        <v>13198216</v>
      </c>
      <c r="HL28" s="327">
        <v>8992647</v>
      </c>
      <c r="HM28" s="328">
        <v>51506934</v>
      </c>
      <c r="HN28" s="329">
        <v>52669109</v>
      </c>
      <c r="HO28" s="333">
        <v>667160</v>
      </c>
      <c r="HP28" s="327">
        <v>1557766</v>
      </c>
      <c r="HQ28" s="328">
        <v>2224926</v>
      </c>
      <c r="HR28" s="326">
        <v>0</v>
      </c>
      <c r="HS28" s="327">
        <v>8196690</v>
      </c>
      <c r="HT28" s="327">
        <v>8681249</v>
      </c>
      <c r="HU28" s="327">
        <v>5276532</v>
      </c>
      <c r="HV28" s="327">
        <v>4209130</v>
      </c>
      <c r="HW28" s="327">
        <v>1988991</v>
      </c>
      <c r="HX28" s="331">
        <v>28352592</v>
      </c>
      <c r="HY28" s="330">
        <v>30577518</v>
      </c>
      <c r="HZ28" s="358">
        <v>38471</v>
      </c>
      <c r="IA28" s="356">
        <v>0</v>
      </c>
      <c r="IB28" s="358">
        <v>38471</v>
      </c>
      <c r="IC28" s="355">
        <v>0</v>
      </c>
      <c r="ID28" s="356">
        <v>14155358</v>
      </c>
      <c r="IE28" s="357">
        <v>12376507</v>
      </c>
      <c r="IF28" s="358">
        <v>11948536</v>
      </c>
      <c r="IG28" s="356">
        <v>9231762</v>
      </c>
      <c r="IH28" s="358">
        <v>5924093</v>
      </c>
      <c r="II28" s="359">
        <v>53636256</v>
      </c>
      <c r="IJ28" s="358">
        <v>53674727</v>
      </c>
      <c r="IK28" s="342">
        <v>0</v>
      </c>
      <c r="IL28" s="343">
        <v>0</v>
      </c>
      <c r="IM28" s="344">
        <v>0</v>
      </c>
      <c r="IN28" s="404">
        <v>0</v>
      </c>
      <c r="IO28" s="345">
        <v>0</v>
      </c>
      <c r="IP28" s="345">
        <v>0</v>
      </c>
      <c r="IQ28" s="345">
        <v>158535</v>
      </c>
      <c r="IR28" s="345">
        <v>0</v>
      </c>
      <c r="IS28" s="345">
        <v>278616</v>
      </c>
      <c r="IT28" s="346">
        <v>437151</v>
      </c>
      <c r="IU28" s="347">
        <v>437151</v>
      </c>
      <c r="IV28" s="348">
        <v>0</v>
      </c>
      <c r="IW28" s="345">
        <v>0</v>
      </c>
      <c r="IX28" s="349">
        <v>0</v>
      </c>
      <c r="IY28" s="413">
        <v>0</v>
      </c>
      <c r="IZ28" s="345">
        <v>0</v>
      </c>
      <c r="JA28" s="345">
        <v>0</v>
      </c>
      <c r="JB28" s="345">
        <v>0</v>
      </c>
      <c r="JC28" s="345">
        <v>0</v>
      </c>
      <c r="JD28" s="345">
        <v>0</v>
      </c>
      <c r="JE28" s="349">
        <v>0</v>
      </c>
      <c r="JF28" s="350">
        <v>0</v>
      </c>
      <c r="JG28" s="348">
        <v>0</v>
      </c>
      <c r="JH28" s="345">
        <v>0</v>
      </c>
      <c r="JI28" s="346">
        <v>0</v>
      </c>
      <c r="JJ28" s="351">
        <v>0</v>
      </c>
      <c r="JK28" s="345">
        <v>3723248</v>
      </c>
      <c r="JL28" s="345">
        <v>4086679</v>
      </c>
      <c r="JM28" s="345">
        <v>3110724</v>
      </c>
      <c r="JN28" s="345">
        <v>2902897</v>
      </c>
      <c r="JO28" s="345">
        <v>1120319</v>
      </c>
      <c r="JP28" s="349">
        <v>14943867</v>
      </c>
      <c r="JQ28" s="347">
        <v>14943867</v>
      </c>
      <c r="JR28" s="348">
        <v>0</v>
      </c>
      <c r="JS28" s="345">
        <v>0</v>
      </c>
      <c r="JT28" s="346">
        <v>0</v>
      </c>
      <c r="JU28" s="351">
        <v>0</v>
      </c>
      <c r="JV28" s="345">
        <v>0</v>
      </c>
      <c r="JW28" s="345">
        <v>0</v>
      </c>
      <c r="JX28" s="345">
        <v>143458</v>
      </c>
      <c r="JY28" s="345">
        <v>278955</v>
      </c>
      <c r="JZ28" s="345">
        <v>0</v>
      </c>
      <c r="KA28" s="349">
        <v>422413</v>
      </c>
      <c r="KB28" s="347">
        <v>422413</v>
      </c>
      <c r="KC28" s="352">
        <v>38471</v>
      </c>
      <c r="KD28" s="353">
        <v>0</v>
      </c>
      <c r="KE28" s="349">
        <v>38471</v>
      </c>
      <c r="KF28" s="351">
        <v>0</v>
      </c>
      <c r="KG28" s="345">
        <v>649030</v>
      </c>
      <c r="KH28" s="345">
        <v>376816</v>
      </c>
      <c r="KI28" s="345">
        <v>1021263</v>
      </c>
      <c r="KJ28" s="345">
        <v>0</v>
      </c>
      <c r="KK28" s="345">
        <v>0</v>
      </c>
      <c r="KL28" s="349">
        <v>2047109</v>
      </c>
      <c r="KM28" s="354">
        <v>2085580</v>
      </c>
      <c r="KN28" s="342">
        <v>0</v>
      </c>
      <c r="KO28" s="343">
        <v>0</v>
      </c>
      <c r="KP28" s="344">
        <v>0</v>
      </c>
      <c r="KQ28" s="413">
        <v>0</v>
      </c>
      <c r="KR28" s="345">
        <v>9570099</v>
      </c>
      <c r="KS28" s="345">
        <v>7119796</v>
      </c>
      <c r="KT28" s="345">
        <v>6623957</v>
      </c>
      <c r="KU28" s="345">
        <v>4501059</v>
      </c>
      <c r="KV28" s="345">
        <v>3495905</v>
      </c>
      <c r="KW28" s="349">
        <v>31310816</v>
      </c>
      <c r="KX28" s="347">
        <v>31310816</v>
      </c>
      <c r="KY28" s="348">
        <v>0</v>
      </c>
      <c r="KZ28" s="345">
        <v>0</v>
      </c>
      <c r="LA28" s="349">
        <v>0</v>
      </c>
      <c r="LB28" s="413">
        <v>0</v>
      </c>
      <c r="LC28" s="345">
        <v>0</v>
      </c>
      <c r="LD28" s="345">
        <v>0</v>
      </c>
      <c r="LE28" s="345">
        <v>0</v>
      </c>
      <c r="LF28" s="345">
        <v>0</v>
      </c>
      <c r="LG28" s="345">
        <v>0</v>
      </c>
      <c r="LH28" s="349">
        <v>0</v>
      </c>
      <c r="LI28" s="350">
        <v>0</v>
      </c>
      <c r="LJ28" s="348">
        <v>0</v>
      </c>
      <c r="LK28" s="345">
        <v>0</v>
      </c>
      <c r="LL28" s="349">
        <v>0</v>
      </c>
      <c r="LM28" s="413">
        <v>0</v>
      </c>
      <c r="LN28" s="345">
        <v>0</v>
      </c>
      <c r="LO28" s="345">
        <v>0</v>
      </c>
      <c r="LP28" s="345">
        <v>0</v>
      </c>
      <c r="LQ28" s="345">
        <v>0</v>
      </c>
      <c r="LR28" s="345">
        <v>0</v>
      </c>
      <c r="LS28" s="349">
        <v>0</v>
      </c>
      <c r="LT28" s="347">
        <v>0</v>
      </c>
      <c r="LU28" s="348">
        <v>0</v>
      </c>
      <c r="LV28" s="345">
        <v>0</v>
      </c>
      <c r="LW28" s="349">
        <v>0</v>
      </c>
      <c r="LX28" s="413">
        <v>0</v>
      </c>
      <c r="LY28" s="345">
        <v>212981</v>
      </c>
      <c r="LZ28" s="345">
        <v>793216</v>
      </c>
      <c r="MA28" s="345">
        <v>890599</v>
      </c>
      <c r="MB28" s="345">
        <v>1548851</v>
      </c>
      <c r="MC28" s="345">
        <v>1029253</v>
      </c>
      <c r="MD28" s="349">
        <v>4474900</v>
      </c>
      <c r="ME28" s="350">
        <v>4474900</v>
      </c>
      <c r="MF28" s="348">
        <v>0</v>
      </c>
      <c r="MG28" s="345">
        <v>0</v>
      </c>
      <c r="MH28" s="349">
        <v>0</v>
      </c>
      <c r="MI28" s="413">
        <v>0</v>
      </c>
      <c r="MJ28" s="345">
        <v>6935384</v>
      </c>
      <c r="MK28" s="345">
        <v>9997050</v>
      </c>
      <c r="ML28" s="345">
        <v>38428683</v>
      </c>
      <c r="MM28" s="345">
        <v>69835075</v>
      </c>
      <c r="MN28" s="345">
        <v>40070142</v>
      </c>
      <c r="MO28" s="349">
        <v>165266334</v>
      </c>
      <c r="MP28" s="354">
        <v>165266334</v>
      </c>
      <c r="MQ28" s="348">
        <v>0</v>
      </c>
      <c r="MR28" s="345">
        <v>0</v>
      </c>
      <c r="MS28" s="349">
        <v>0</v>
      </c>
      <c r="MT28" s="413">
        <v>0</v>
      </c>
      <c r="MU28" s="345">
        <v>900422</v>
      </c>
      <c r="MV28" s="345">
        <v>2669714</v>
      </c>
      <c r="MW28" s="345">
        <v>26988921</v>
      </c>
      <c r="MX28" s="345">
        <v>46128714</v>
      </c>
      <c r="MY28" s="345">
        <v>26997609</v>
      </c>
      <c r="MZ28" s="349">
        <v>103685380</v>
      </c>
      <c r="NA28" s="354">
        <v>103685380</v>
      </c>
      <c r="NB28" s="348">
        <v>0</v>
      </c>
      <c r="NC28" s="345">
        <v>0</v>
      </c>
      <c r="ND28" s="349">
        <v>0</v>
      </c>
      <c r="NE28" s="413">
        <v>0</v>
      </c>
      <c r="NF28" s="345">
        <v>6034962</v>
      </c>
      <c r="NG28" s="345">
        <v>7327336</v>
      </c>
      <c r="NH28" s="345">
        <v>11439762</v>
      </c>
      <c r="NI28" s="345">
        <v>22468109</v>
      </c>
      <c r="NJ28" s="345">
        <v>9706890</v>
      </c>
      <c r="NK28" s="349">
        <v>56977059</v>
      </c>
      <c r="NL28" s="347">
        <v>56977059</v>
      </c>
      <c r="NM28" s="348">
        <v>0</v>
      </c>
      <c r="NN28" s="345">
        <v>0</v>
      </c>
      <c r="NO28" s="349">
        <v>0</v>
      </c>
      <c r="NP28" s="413">
        <v>0</v>
      </c>
      <c r="NQ28" s="345">
        <v>0</v>
      </c>
      <c r="NR28" s="345">
        <v>0</v>
      </c>
      <c r="NS28" s="345">
        <v>0</v>
      </c>
      <c r="NT28" s="345">
        <v>0</v>
      </c>
      <c r="NU28" s="345">
        <v>0</v>
      </c>
      <c r="NV28" s="349">
        <v>0</v>
      </c>
      <c r="NW28" s="350">
        <v>0</v>
      </c>
      <c r="NX28" s="348">
        <v>0</v>
      </c>
      <c r="NY28" s="345">
        <v>0</v>
      </c>
      <c r="NZ28" s="349">
        <v>0</v>
      </c>
      <c r="OA28" s="413">
        <v>0</v>
      </c>
      <c r="OB28" s="345">
        <v>0</v>
      </c>
      <c r="OC28" s="345">
        <v>0</v>
      </c>
      <c r="OD28" s="345">
        <v>0</v>
      </c>
      <c r="OE28" s="345">
        <v>1238252</v>
      </c>
      <c r="OF28" s="345">
        <v>3365643</v>
      </c>
      <c r="OG28" s="349">
        <v>4603895</v>
      </c>
      <c r="OH28" s="350">
        <v>4603895</v>
      </c>
      <c r="OI28" s="348">
        <v>4031456</v>
      </c>
      <c r="OJ28" s="345">
        <v>8043988</v>
      </c>
      <c r="OK28" s="346">
        <v>12075444</v>
      </c>
      <c r="OL28" s="351">
        <v>0</v>
      </c>
      <c r="OM28" s="345">
        <v>73855702</v>
      </c>
      <c r="ON28" s="345">
        <v>91184394</v>
      </c>
      <c r="OO28" s="345">
        <v>105258446</v>
      </c>
      <c r="OP28" s="345">
        <v>135483717</v>
      </c>
      <c r="OQ28" s="345">
        <v>83027951</v>
      </c>
      <c r="OR28" s="349">
        <v>488810210</v>
      </c>
      <c r="OS28" s="354">
        <v>500885654</v>
      </c>
    </row>
    <row r="29" spans="2:409" s="70" customFormat="1" ht="21" customHeight="1" x14ac:dyDescent="0.2">
      <c r="B29" s="410" t="s">
        <v>24</v>
      </c>
      <c r="C29" s="326">
        <v>2459514</v>
      </c>
      <c r="D29" s="327">
        <v>4410324</v>
      </c>
      <c r="E29" s="328">
        <v>6869838</v>
      </c>
      <c r="F29" s="329">
        <v>0</v>
      </c>
      <c r="G29" s="327">
        <v>30854341</v>
      </c>
      <c r="H29" s="327">
        <v>28992265</v>
      </c>
      <c r="I29" s="327">
        <v>26611946</v>
      </c>
      <c r="J29" s="327">
        <v>32935532</v>
      </c>
      <c r="K29" s="327">
        <v>25437921</v>
      </c>
      <c r="L29" s="367">
        <v>144832005</v>
      </c>
      <c r="M29" s="330">
        <v>151701843</v>
      </c>
      <c r="N29" s="326">
        <v>665741</v>
      </c>
      <c r="O29" s="327">
        <v>1182559</v>
      </c>
      <c r="P29" s="328">
        <v>1848300</v>
      </c>
      <c r="Q29" s="326">
        <v>0</v>
      </c>
      <c r="R29" s="327">
        <v>6994854</v>
      </c>
      <c r="S29" s="327">
        <v>8743204</v>
      </c>
      <c r="T29" s="327">
        <v>7781921</v>
      </c>
      <c r="U29" s="327">
        <v>12074529</v>
      </c>
      <c r="V29" s="327">
        <v>11936029</v>
      </c>
      <c r="W29" s="328">
        <v>47530537</v>
      </c>
      <c r="X29" s="330">
        <v>49378837</v>
      </c>
      <c r="Y29" s="326">
        <v>0</v>
      </c>
      <c r="Z29" s="327">
        <v>0</v>
      </c>
      <c r="AA29" s="328">
        <v>0</v>
      </c>
      <c r="AB29" s="326">
        <v>0</v>
      </c>
      <c r="AC29" s="327">
        <v>2598555</v>
      </c>
      <c r="AD29" s="327">
        <v>3692808</v>
      </c>
      <c r="AE29" s="327">
        <v>3476899</v>
      </c>
      <c r="AF29" s="327">
        <v>7147075</v>
      </c>
      <c r="AG29" s="327">
        <v>6800674</v>
      </c>
      <c r="AH29" s="328">
        <v>23716011</v>
      </c>
      <c r="AI29" s="330">
        <v>23716011</v>
      </c>
      <c r="AJ29" s="326">
        <v>0</v>
      </c>
      <c r="AK29" s="327">
        <v>0</v>
      </c>
      <c r="AL29" s="328">
        <v>0</v>
      </c>
      <c r="AM29" s="326">
        <v>0</v>
      </c>
      <c r="AN29" s="327">
        <v>56184</v>
      </c>
      <c r="AO29" s="327">
        <v>135903</v>
      </c>
      <c r="AP29" s="327">
        <v>175656</v>
      </c>
      <c r="AQ29" s="327">
        <v>565232</v>
      </c>
      <c r="AR29" s="327">
        <v>1482660</v>
      </c>
      <c r="AS29" s="328">
        <v>2415635</v>
      </c>
      <c r="AT29" s="330">
        <v>2415635</v>
      </c>
      <c r="AU29" s="326">
        <v>456540</v>
      </c>
      <c r="AV29" s="327">
        <v>944010</v>
      </c>
      <c r="AW29" s="328">
        <v>1400550</v>
      </c>
      <c r="AX29" s="326">
        <v>0</v>
      </c>
      <c r="AY29" s="327">
        <v>2831170</v>
      </c>
      <c r="AZ29" s="327">
        <v>3343442</v>
      </c>
      <c r="BA29" s="327">
        <v>2715894</v>
      </c>
      <c r="BB29" s="327">
        <v>2711564</v>
      </c>
      <c r="BC29" s="327">
        <v>2336561</v>
      </c>
      <c r="BD29" s="328">
        <v>13938631</v>
      </c>
      <c r="BE29" s="330">
        <v>15339181</v>
      </c>
      <c r="BF29" s="326">
        <v>0</v>
      </c>
      <c r="BG29" s="327">
        <v>23332</v>
      </c>
      <c r="BH29" s="331">
        <v>23332</v>
      </c>
      <c r="BI29" s="332">
        <v>0</v>
      </c>
      <c r="BJ29" s="327">
        <v>268768</v>
      </c>
      <c r="BK29" s="327">
        <v>178440</v>
      </c>
      <c r="BL29" s="327">
        <v>135939</v>
      </c>
      <c r="BM29" s="327">
        <v>121799</v>
      </c>
      <c r="BN29" s="327">
        <v>145956</v>
      </c>
      <c r="BO29" s="328">
        <v>850902</v>
      </c>
      <c r="BP29" s="330">
        <v>874234</v>
      </c>
      <c r="BQ29" s="326">
        <v>209201</v>
      </c>
      <c r="BR29" s="327">
        <v>215217</v>
      </c>
      <c r="BS29" s="328">
        <v>424418</v>
      </c>
      <c r="BT29" s="326">
        <v>0</v>
      </c>
      <c r="BU29" s="327">
        <v>1240177</v>
      </c>
      <c r="BV29" s="327">
        <v>1392611</v>
      </c>
      <c r="BW29" s="327">
        <v>1277533</v>
      </c>
      <c r="BX29" s="327">
        <v>1528859</v>
      </c>
      <c r="BY29" s="327">
        <v>1170178</v>
      </c>
      <c r="BZ29" s="328">
        <v>6609358</v>
      </c>
      <c r="CA29" s="330">
        <v>7033776</v>
      </c>
      <c r="CB29" s="326">
        <v>246067</v>
      </c>
      <c r="CC29" s="327">
        <v>811821</v>
      </c>
      <c r="CD29" s="328">
        <v>1057888</v>
      </c>
      <c r="CE29" s="326">
        <v>0</v>
      </c>
      <c r="CF29" s="327">
        <v>8924285</v>
      </c>
      <c r="CG29" s="327">
        <v>7414415</v>
      </c>
      <c r="CH29" s="327">
        <v>5759500</v>
      </c>
      <c r="CI29" s="327">
        <v>4249739</v>
      </c>
      <c r="CJ29" s="327">
        <v>2439296</v>
      </c>
      <c r="CK29" s="328">
        <v>28787235</v>
      </c>
      <c r="CL29" s="330">
        <v>29845123</v>
      </c>
      <c r="CM29" s="326">
        <v>0</v>
      </c>
      <c r="CN29" s="327">
        <v>0</v>
      </c>
      <c r="CO29" s="328">
        <v>0</v>
      </c>
      <c r="CP29" s="332">
        <v>0</v>
      </c>
      <c r="CQ29" s="327">
        <v>6514216</v>
      </c>
      <c r="CR29" s="327">
        <v>5706111</v>
      </c>
      <c r="CS29" s="327">
        <v>4141828</v>
      </c>
      <c r="CT29" s="327">
        <v>2973914</v>
      </c>
      <c r="CU29" s="327">
        <v>1637692</v>
      </c>
      <c r="CV29" s="328">
        <v>20973761</v>
      </c>
      <c r="CW29" s="330">
        <v>20973761</v>
      </c>
      <c r="CX29" s="326">
        <v>246067</v>
      </c>
      <c r="CY29" s="327">
        <v>811821</v>
      </c>
      <c r="CZ29" s="328">
        <v>1057888</v>
      </c>
      <c r="DA29" s="326">
        <v>0</v>
      </c>
      <c r="DB29" s="327">
        <v>2410069</v>
      </c>
      <c r="DC29" s="327">
        <v>1708304</v>
      </c>
      <c r="DD29" s="327">
        <v>1617672</v>
      </c>
      <c r="DE29" s="327">
        <v>1275825</v>
      </c>
      <c r="DF29" s="327">
        <v>801604</v>
      </c>
      <c r="DG29" s="328">
        <v>7813474</v>
      </c>
      <c r="DH29" s="330">
        <v>8871362</v>
      </c>
      <c r="DI29" s="326">
        <v>53381</v>
      </c>
      <c r="DJ29" s="327">
        <v>33165</v>
      </c>
      <c r="DK29" s="331">
        <v>86546</v>
      </c>
      <c r="DL29" s="332">
        <v>0</v>
      </c>
      <c r="DM29" s="327">
        <v>1057912</v>
      </c>
      <c r="DN29" s="327">
        <v>1718203</v>
      </c>
      <c r="DO29" s="327">
        <v>2637400</v>
      </c>
      <c r="DP29" s="327">
        <v>3568986</v>
      </c>
      <c r="DQ29" s="327">
        <v>1743526</v>
      </c>
      <c r="DR29" s="328">
        <v>10726027</v>
      </c>
      <c r="DS29" s="330">
        <v>10812573</v>
      </c>
      <c r="DT29" s="326">
        <v>53381</v>
      </c>
      <c r="DU29" s="327">
        <v>33165</v>
      </c>
      <c r="DV29" s="328">
        <v>86546</v>
      </c>
      <c r="DW29" s="326">
        <v>0</v>
      </c>
      <c r="DX29" s="327">
        <v>914709</v>
      </c>
      <c r="DY29" s="327">
        <v>1597856</v>
      </c>
      <c r="DZ29" s="327">
        <v>2584052</v>
      </c>
      <c r="EA29" s="327">
        <v>3043213</v>
      </c>
      <c r="EB29" s="327">
        <v>1619497</v>
      </c>
      <c r="EC29" s="328">
        <v>9759327</v>
      </c>
      <c r="ED29" s="330">
        <v>9845873</v>
      </c>
      <c r="EE29" s="326">
        <v>0</v>
      </c>
      <c r="EF29" s="331">
        <v>0</v>
      </c>
      <c r="EG29" s="328">
        <v>0</v>
      </c>
      <c r="EH29" s="326">
        <v>0</v>
      </c>
      <c r="EI29" s="327">
        <v>143203</v>
      </c>
      <c r="EJ29" s="327">
        <v>120347</v>
      </c>
      <c r="EK29" s="327">
        <v>53348</v>
      </c>
      <c r="EL29" s="327">
        <v>525773</v>
      </c>
      <c r="EM29" s="327">
        <v>124029</v>
      </c>
      <c r="EN29" s="331">
        <v>966700</v>
      </c>
      <c r="EO29" s="330">
        <v>966700</v>
      </c>
      <c r="EP29" s="326">
        <v>0</v>
      </c>
      <c r="EQ29" s="327">
        <v>0</v>
      </c>
      <c r="ER29" s="331">
        <v>0</v>
      </c>
      <c r="ES29" s="332">
        <v>0</v>
      </c>
      <c r="ET29" s="327">
        <v>0</v>
      </c>
      <c r="EU29" s="327">
        <v>0</v>
      </c>
      <c r="EV29" s="327">
        <v>0</v>
      </c>
      <c r="EW29" s="327">
        <v>0</v>
      </c>
      <c r="EX29" s="327">
        <v>0</v>
      </c>
      <c r="EY29" s="328">
        <v>0</v>
      </c>
      <c r="EZ29" s="330">
        <v>0</v>
      </c>
      <c r="FA29" s="326">
        <v>0</v>
      </c>
      <c r="FB29" s="327">
        <v>0</v>
      </c>
      <c r="FC29" s="331">
        <v>0</v>
      </c>
      <c r="FD29" s="332">
        <v>0</v>
      </c>
      <c r="FE29" s="327">
        <v>0</v>
      </c>
      <c r="FF29" s="327">
        <v>0</v>
      </c>
      <c r="FG29" s="327">
        <v>0</v>
      </c>
      <c r="FH29" s="327">
        <v>0</v>
      </c>
      <c r="FI29" s="327">
        <v>0</v>
      </c>
      <c r="FJ29" s="328">
        <v>0</v>
      </c>
      <c r="FK29" s="330">
        <v>0</v>
      </c>
      <c r="FL29" s="326">
        <v>381373</v>
      </c>
      <c r="FM29" s="327">
        <v>842217</v>
      </c>
      <c r="FN29" s="328">
        <v>1223590</v>
      </c>
      <c r="FO29" s="326">
        <v>0</v>
      </c>
      <c r="FP29" s="327">
        <v>1588988</v>
      </c>
      <c r="FQ29" s="327">
        <v>2354650</v>
      </c>
      <c r="FR29" s="327">
        <v>1824263</v>
      </c>
      <c r="FS29" s="327">
        <v>1783554</v>
      </c>
      <c r="FT29" s="327">
        <v>1361629</v>
      </c>
      <c r="FU29" s="328">
        <v>8913084</v>
      </c>
      <c r="FV29" s="330">
        <v>10136674</v>
      </c>
      <c r="FW29" s="333">
        <v>327627</v>
      </c>
      <c r="FX29" s="327">
        <v>531740</v>
      </c>
      <c r="FY29" s="331">
        <v>859367</v>
      </c>
      <c r="FZ29" s="332">
        <v>0</v>
      </c>
      <c r="GA29" s="327">
        <v>1255911</v>
      </c>
      <c r="GB29" s="327">
        <v>2160347</v>
      </c>
      <c r="GC29" s="327">
        <v>1596288</v>
      </c>
      <c r="GD29" s="327">
        <v>1732866</v>
      </c>
      <c r="GE29" s="327">
        <v>1361629</v>
      </c>
      <c r="GF29" s="328">
        <v>8107041</v>
      </c>
      <c r="GG29" s="334">
        <v>8966408</v>
      </c>
      <c r="GH29" s="333">
        <v>53746</v>
      </c>
      <c r="GI29" s="327">
        <v>17077</v>
      </c>
      <c r="GJ29" s="331">
        <v>70823</v>
      </c>
      <c r="GK29" s="332">
        <v>0</v>
      </c>
      <c r="GL29" s="327">
        <v>57677</v>
      </c>
      <c r="GM29" s="327">
        <v>119663</v>
      </c>
      <c r="GN29" s="327">
        <v>75675</v>
      </c>
      <c r="GO29" s="327">
        <v>50688</v>
      </c>
      <c r="GP29" s="327">
        <v>0</v>
      </c>
      <c r="GQ29" s="328">
        <v>303703</v>
      </c>
      <c r="GR29" s="330">
        <v>374526</v>
      </c>
      <c r="GS29" s="326">
        <v>0</v>
      </c>
      <c r="GT29" s="327">
        <v>293400</v>
      </c>
      <c r="GU29" s="328">
        <v>293400</v>
      </c>
      <c r="GV29" s="326">
        <v>0</v>
      </c>
      <c r="GW29" s="327">
        <v>275400</v>
      </c>
      <c r="GX29" s="327">
        <v>74640</v>
      </c>
      <c r="GY29" s="327">
        <v>152300</v>
      </c>
      <c r="GZ29" s="327">
        <v>0</v>
      </c>
      <c r="HA29" s="327">
        <v>0</v>
      </c>
      <c r="HB29" s="331">
        <v>502340</v>
      </c>
      <c r="HC29" s="330">
        <v>795740</v>
      </c>
      <c r="HD29" s="326">
        <v>646579</v>
      </c>
      <c r="HE29" s="327">
        <v>958073</v>
      </c>
      <c r="HF29" s="331">
        <v>1604652</v>
      </c>
      <c r="HG29" s="332">
        <v>0</v>
      </c>
      <c r="HH29" s="327">
        <v>7807068</v>
      </c>
      <c r="HI29" s="327">
        <v>5678507</v>
      </c>
      <c r="HJ29" s="327">
        <v>6312701</v>
      </c>
      <c r="HK29" s="327">
        <v>9237906</v>
      </c>
      <c r="HL29" s="327">
        <v>6698065</v>
      </c>
      <c r="HM29" s="328">
        <v>35734247</v>
      </c>
      <c r="HN29" s="329">
        <v>37338899</v>
      </c>
      <c r="HO29" s="333">
        <v>466373</v>
      </c>
      <c r="HP29" s="327">
        <v>582489</v>
      </c>
      <c r="HQ29" s="328">
        <v>1048862</v>
      </c>
      <c r="HR29" s="326">
        <v>0</v>
      </c>
      <c r="HS29" s="327">
        <v>4481234</v>
      </c>
      <c r="HT29" s="327">
        <v>3083286</v>
      </c>
      <c r="HU29" s="327">
        <v>2296161</v>
      </c>
      <c r="HV29" s="327">
        <v>2020818</v>
      </c>
      <c r="HW29" s="327">
        <v>1259376</v>
      </c>
      <c r="HX29" s="331">
        <v>13140875</v>
      </c>
      <c r="HY29" s="330">
        <v>14189737</v>
      </c>
      <c r="HZ29" s="335">
        <v>197139</v>
      </c>
      <c r="IA29" s="336">
        <v>174127</v>
      </c>
      <c r="IB29" s="337">
        <v>371266</v>
      </c>
      <c r="IC29" s="338">
        <v>0</v>
      </c>
      <c r="ID29" s="336">
        <v>4127374</v>
      </c>
      <c r="IE29" s="339">
        <v>5842614</v>
      </c>
      <c r="IF29" s="337">
        <v>4821399</v>
      </c>
      <c r="IG29" s="336">
        <v>2994162</v>
      </c>
      <c r="IH29" s="337">
        <v>1396180</v>
      </c>
      <c r="II29" s="340">
        <v>19181729</v>
      </c>
      <c r="IJ29" s="341">
        <v>19552995</v>
      </c>
      <c r="IK29" s="342">
        <v>0</v>
      </c>
      <c r="IL29" s="343">
        <v>0</v>
      </c>
      <c r="IM29" s="344">
        <v>0</v>
      </c>
      <c r="IN29" s="404">
        <v>0</v>
      </c>
      <c r="IO29" s="345">
        <v>57260</v>
      </c>
      <c r="IP29" s="345">
        <v>114837</v>
      </c>
      <c r="IQ29" s="345">
        <v>371736</v>
      </c>
      <c r="IR29" s="345">
        <v>656811</v>
      </c>
      <c r="IS29" s="345">
        <v>524239</v>
      </c>
      <c r="IT29" s="346">
        <v>1724883</v>
      </c>
      <c r="IU29" s="347">
        <v>1724883</v>
      </c>
      <c r="IV29" s="348">
        <v>0</v>
      </c>
      <c r="IW29" s="345">
        <v>0</v>
      </c>
      <c r="IX29" s="349">
        <v>0</v>
      </c>
      <c r="IY29" s="413">
        <v>0</v>
      </c>
      <c r="IZ29" s="345">
        <v>0</v>
      </c>
      <c r="JA29" s="345">
        <v>0</v>
      </c>
      <c r="JB29" s="345">
        <v>0</v>
      </c>
      <c r="JC29" s="345">
        <v>0</v>
      </c>
      <c r="JD29" s="345">
        <v>0</v>
      </c>
      <c r="JE29" s="349">
        <v>0</v>
      </c>
      <c r="JF29" s="350">
        <v>0</v>
      </c>
      <c r="JG29" s="348">
        <v>0</v>
      </c>
      <c r="JH29" s="345">
        <v>0</v>
      </c>
      <c r="JI29" s="346">
        <v>0</v>
      </c>
      <c r="JJ29" s="351">
        <v>0</v>
      </c>
      <c r="JK29" s="345">
        <v>1193107</v>
      </c>
      <c r="JL29" s="345">
        <v>930200</v>
      </c>
      <c r="JM29" s="345">
        <v>1634768</v>
      </c>
      <c r="JN29" s="345">
        <v>618639</v>
      </c>
      <c r="JO29" s="345">
        <v>207586</v>
      </c>
      <c r="JP29" s="349">
        <v>4584300</v>
      </c>
      <c r="JQ29" s="347">
        <v>4584300</v>
      </c>
      <c r="JR29" s="348">
        <v>0</v>
      </c>
      <c r="JS29" s="345">
        <v>0</v>
      </c>
      <c r="JT29" s="346">
        <v>0</v>
      </c>
      <c r="JU29" s="351">
        <v>0</v>
      </c>
      <c r="JV29" s="345">
        <v>624235</v>
      </c>
      <c r="JW29" s="345">
        <v>577739</v>
      </c>
      <c r="JX29" s="345">
        <v>261976</v>
      </c>
      <c r="JY29" s="345">
        <v>294599</v>
      </c>
      <c r="JZ29" s="345">
        <v>49778</v>
      </c>
      <c r="KA29" s="349">
        <v>1808327</v>
      </c>
      <c r="KB29" s="347">
        <v>1808327</v>
      </c>
      <c r="KC29" s="352">
        <v>197139</v>
      </c>
      <c r="KD29" s="353">
        <v>174127</v>
      </c>
      <c r="KE29" s="349">
        <v>371266</v>
      </c>
      <c r="KF29" s="351">
        <v>0</v>
      </c>
      <c r="KG29" s="345">
        <v>1729084</v>
      </c>
      <c r="KH29" s="345">
        <v>2579011</v>
      </c>
      <c r="KI29" s="345">
        <v>1340481</v>
      </c>
      <c r="KJ29" s="345">
        <v>560707</v>
      </c>
      <c r="KK29" s="345">
        <v>0</v>
      </c>
      <c r="KL29" s="349">
        <v>6209283</v>
      </c>
      <c r="KM29" s="354">
        <v>6580549</v>
      </c>
      <c r="KN29" s="342">
        <v>0</v>
      </c>
      <c r="KO29" s="343">
        <v>0</v>
      </c>
      <c r="KP29" s="344">
        <v>0</v>
      </c>
      <c r="KQ29" s="413">
        <v>0</v>
      </c>
      <c r="KR29" s="345">
        <v>523688</v>
      </c>
      <c r="KS29" s="345">
        <v>1640827</v>
      </c>
      <c r="KT29" s="345">
        <v>1212438</v>
      </c>
      <c r="KU29" s="345">
        <v>863406</v>
      </c>
      <c r="KV29" s="345">
        <v>614577</v>
      </c>
      <c r="KW29" s="349">
        <v>4854936</v>
      </c>
      <c r="KX29" s="347">
        <v>4854936</v>
      </c>
      <c r="KY29" s="348">
        <v>0</v>
      </c>
      <c r="KZ29" s="345">
        <v>0</v>
      </c>
      <c r="LA29" s="349">
        <v>0</v>
      </c>
      <c r="LB29" s="413">
        <v>0</v>
      </c>
      <c r="LC29" s="345">
        <v>0</v>
      </c>
      <c r="LD29" s="345">
        <v>0</v>
      </c>
      <c r="LE29" s="345">
        <v>0</v>
      </c>
      <c r="LF29" s="345">
        <v>0</v>
      </c>
      <c r="LG29" s="345">
        <v>0</v>
      </c>
      <c r="LH29" s="349">
        <v>0</v>
      </c>
      <c r="LI29" s="350">
        <v>0</v>
      </c>
      <c r="LJ29" s="348">
        <v>0</v>
      </c>
      <c r="LK29" s="345">
        <v>0</v>
      </c>
      <c r="LL29" s="349">
        <v>0</v>
      </c>
      <c r="LM29" s="413">
        <v>0</v>
      </c>
      <c r="LN29" s="345">
        <v>0</v>
      </c>
      <c r="LO29" s="345">
        <v>0</v>
      </c>
      <c r="LP29" s="345">
        <v>0</v>
      </c>
      <c r="LQ29" s="345">
        <v>0</v>
      </c>
      <c r="LR29" s="345">
        <v>0</v>
      </c>
      <c r="LS29" s="349">
        <v>0</v>
      </c>
      <c r="LT29" s="347">
        <v>0</v>
      </c>
      <c r="LU29" s="348">
        <v>0</v>
      </c>
      <c r="LV29" s="345">
        <v>0</v>
      </c>
      <c r="LW29" s="349">
        <v>0</v>
      </c>
      <c r="LX29" s="413">
        <v>0</v>
      </c>
      <c r="LY29" s="345">
        <v>0</v>
      </c>
      <c r="LZ29" s="345">
        <v>0</v>
      </c>
      <c r="MA29" s="345">
        <v>0</v>
      </c>
      <c r="MB29" s="345">
        <v>0</v>
      </c>
      <c r="MC29" s="345">
        <v>0</v>
      </c>
      <c r="MD29" s="349">
        <v>0</v>
      </c>
      <c r="ME29" s="350">
        <v>0</v>
      </c>
      <c r="MF29" s="348">
        <v>0</v>
      </c>
      <c r="MG29" s="345">
        <v>0</v>
      </c>
      <c r="MH29" s="349">
        <v>0</v>
      </c>
      <c r="MI29" s="413">
        <v>0</v>
      </c>
      <c r="MJ29" s="345">
        <v>2104969</v>
      </c>
      <c r="MK29" s="345">
        <v>4931381</v>
      </c>
      <c r="ML29" s="345">
        <v>16191444</v>
      </c>
      <c r="MM29" s="345">
        <v>37633873</v>
      </c>
      <c r="MN29" s="345">
        <v>21516361</v>
      </c>
      <c r="MO29" s="349">
        <v>82378028</v>
      </c>
      <c r="MP29" s="354">
        <v>82378028</v>
      </c>
      <c r="MQ29" s="348">
        <v>0</v>
      </c>
      <c r="MR29" s="345">
        <v>0</v>
      </c>
      <c r="MS29" s="349">
        <v>0</v>
      </c>
      <c r="MT29" s="413">
        <v>0</v>
      </c>
      <c r="MU29" s="345">
        <v>0</v>
      </c>
      <c r="MV29" s="345">
        <v>285368</v>
      </c>
      <c r="MW29" s="345">
        <v>8353658</v>
      </c>
      <c r="MX29" s="345">
        <v>25953450</v>
      </c>
      <c r="MY29" s="345">
        <v>17085394</v>
      </c>
      <c r="MZ29" s="349">
        <v>51677870</v>
      </c>
      <c r="NA29" s="354">
        <v>51677870</v>
      </c>
      <c r="NB29" s="348">
        <v>0</v>
      </c>
      <c r="NC29" s="345">
        <v>0</v>
      </c>
      <c r="ND29" s="349">
        <v>0</v>
      </c>
      <c r="NE29" s="413">
        <v>0</v>
      </c>
      <c r="NF29" s="345">
        <v>2104969</v>
      </c>
      <c r="NG29" s="345">
        <v>4646013</v>
      </c>
      <c r="NH29" s="345">
        <v>7837786</v>
      </c>
      <c r="NI29" s="345">
        <v>11680423</v>
      </c>
      <c r="NJ29" s="345">
        <v>3997039</v>
      </c>
      <c r="NK29" s="349">
        <v>30266230</v>
      </c>
      <c r="NL29" s="347">
        <v>30266230</v>
      </c>
      <c r="NM29" s="348">
        <v>0</v>
      </c>
      <c r="NN29" s="345">
        <v>0</v>
      </c>
      <c r="NO29" s="349">
        <v>0</v>
      </c>
      <c r="NP29" s="413">
        <v>0</v>
      </c>
      <c r="NQ29" s="345">
        <v>0</v>
      </c>
      <c r="NR29" s="345">
        <v>0</v>
      </c>
      <c r="NS29" s="345">
        <v>0</v>
      </c>
      <c r="NT29" s="345">
        <v>0</v>
      </c>
      <c r="NU29" s="345">
        <v>0</v>
      </c>
      <c r="NV29" s="349">
        <v>0</v>
      </c>
      <c r="NW29" s="350">
        <v>0</v>
      </c>
      <c r="NX29" s="348">
        <v>0</v>
      </c>
      <c r="NY29" s="345">
        <v>0</v>
      </c>
      <c r="NZ29" s="349">
        <v>0</v>
      </c>
      <c r="OA29" s="413">
        <v>0</v>
      </c>
      <c r="OB29" s="345">
        <v>0</v>
      </c>
      <c r="OC29" s="345">
        <v>0</v>
      </c>
      <c r="OD29" s="345">
        <v>0</v>
      </c>
      <c r="OE29" s="345">
        <v>0</v>
      </c>
      <c r="OF29" s="345">
        <v>433928</v>
      </c>
      <c r="OG29" s="349">
        <v>433928</v>
      </c>
      <c r="OH29" s="350">
        <v>433928</v>
      </c>
      <c r="OI29" s="348">
        <v>2656653</v>
      </c>
      <c r="OJ29" s="345">
        <v>4584451</v>
      </c>
      <c r="OK29" s="346">
        <v>7241104</v>
      </c>
      <c r="OL29" s="351">
        <v>0</v>
      </c>
      <c r="OM29" s="345">
        <v>37086684</v>
      </c>
      <c r="ON29" s="345">
        <v>39766260</v>
      </c>
      <c r="OO29" s="345">
        <v>47624789</v>
      </c>
      <c r="OP29" s="345">
        <v>73563567</v>
      </c>
      <c r="OQ29" s="345">
        <v>48350462</v>
      </c>
      <c r="OR29" s="349">
        <v>246391762</v>
      </c>
      <c r="OS29" s="354">
        <v>253632866</v>
      </c>
    </row>
    <row r="30" spans="2:409" s="70" customFormat="1" ht="21" customHeight="1" x14ac:dyDescent="0.2">
      <c r="B30" s="410" t="s">
        <v>25</v>
      </c>
      <c r="C30" s="326">
        <v>2637229</v>
      </c>
      <c r="D30" s="327">
        <v>5572745</v>
      </c>
      <c r="E30" s="328">
        <v>8209974</v>
      </c>
      <c r="F30" s="329">
        <v>0</v>
      </c>
      <c r="G30" s="327">
        <v>31276272</v>
      </c>
      <c r="H30" s="327">
        <v>37138908</v>
      </c>
      <c r="I30" s="327">
        <v>29038111</v>
      </c>
      <c r="J30" s="327">
        <v>25517819</v>
      </c>
      <c r="K30" s="327">
        <v>19711015</v>
      </c>
      <c r="L30" s="367">
        <v>142682125</v>
      </c>
      <c r="M30" s="330">
        <v>150892099</v>
      </c>
      <c r="N30" s="326">
        <v>831495</v>
      </c>
      <c r="O30" s="327">
        <v>2177388</v>
      </c>
      <c r="P30" s="328">
        <v>3008883</v>
      </c>
      <c r="Q30" s="326">
        <v>0</v>
      </c>
      <c r="R30" s="327">
        <v>8105829</v>
      </c>
      <c r="S30" s="327">
        <v>11597595</v>
      </c>
      <c r="T30" s="327">
        <v>8354006</v>
      </c>
      <c r="U30" s="327">
        <v>11305430</v>
      </c>
      <c r="V30" s="327">
        <v>11196061</v>
      </c>
      <c r="W30" s="328">
        <v>50558921</v>
      </c>
      <c r="X30" s="330">
        <v>53567804</v>
      </c>
      <c r="Y30" s="326">
        <v>0</v>
      </c>
      <c r="Z30" s="327">
        <v>0</v>
      </c>
      <c r="AA30" s="328">
        <v>0</v>
      </c>
      <c r="AB30" s="326">
        <v>0</v>
      </c>
      <c r="AC30" s="327">
        <v>3986883</v>
      </c>
      <c r="AD30" s="327">
        <v>5733233</v>
      </c>
      <c r="AE30" s="327">
        <v>5062766</v>
      </c>
      <c r="AF30" s="327">
        <v>6816226</v>
      </c>
      <c r="AG30" s="327">
        <v>6662549</v>
      </c>
      <c r="AH30" s="328">
        <v>28261657</v>
      </c>
      <c r="AI30" s="330">
        <v>28261657</v>
      </c>
      <c r="AJ30" s="326">
        <v>0</v>
      </c>
      <c r="AK30" s="327">
        <v>0</v>
      </c>
      <c r="AL30" s="328">
        <v>0</v>
      </c>
      <c r="AM30" s="326">
        <v>0</v>
      </c>
      <c r="AN30" s="327">
        <v>193686</v>
      </c>
      <c r="AO30" s="327">
        <v>516959</v>
      </c>
      <c r="AP30" s="327">
        <v>684137</v>
      </c>
      <c r="AQ30" s="327">
        <v>932829</v>
      </c>
      <c r="AR30" s="327">
        <v>1768504</v>
      </c>
      <c r="AS30" s="328">
        <v>4096115</v>
      </c>
      <c r="AT30" s="330">
        <v>4096115</v>
      </c>
      <c r="AU30" s="326">
        <v>684523</v>
      </c>
      <c r="AV30" s="327">
        <v>1900217</v>
      </c>
      <c r="AW30" s="328">
        <v>2584740</v>
      </c>
      <c r="AX30" s="326">
        <v>0</v>
      </c>
      <c r="AY30" s="327">
        <v>2801163</v>
      </c>
      <c r="AZ30" s="327">
        <v>3818664</v>
      </c>
      <c r="BA30" s="327">
        <v>1538961</v>
      </c>
      <c r="BB30" s="327">
        <v>2326661</v>
      </c>
      <c r="BC30" s="327">
        <v>1678875</v>
      </c>
      <c r="BD30" s="328">
        <v>12164324</v>
      </c>
      <c r="BE30" s="330">
        <v>14749064</v>
      </c>
      <c r="BF30" s="326">
        <v>46182</v>
      </c>
      <c r="BG30" s="327">
        <v>122764</v>
      </c>
      <c r="BH30" s="331">
        <v>168946</v>
      </c>
      <c r="BI30" s="332">
        <v>0</v>
      </c>
      <c r="BJ30" s="327">
        <v>0</v>
      </c>
      <c r="BK30" s="327">
        <v>479098</v>
      </c>
      <c r="BL30" s="327">
        <v>160339</v>
      </c>
      <c r="BM30" s="327">
        <v>54225</v>
      </c>
      <c r="BN30" s="327">
        <v>211936</v>
      </c>
      <c r="BO30" s="328">
        <v>905598</v>
      </c>
      <c r="BP30" s="330">
        <v>1074544</v>
      </c>
      <c r="BQ30" s="326">
        <v>100790</v>
      </c>
      <c r="BR30" s="327">
        <v>154407</v>
      </c>
      <c r="BS30" s="328">
        <v>255197</v>
      </c>
      <c r="BT30" s="326">
        <v>0</v>
      </c>
      <c r="BU30" s="327">
        <v>1124097</v>
      </c>
      <c r="BV30" s="327">
        <v>1049641</v>
      </c>
      <c r="BW30" s="327">
        <v>907803</v>
      </c>
      <c r="BX30" s="327">
        <v>1175489</v>
      </c>
      <c r="BY30" s="327">
        <v>874197</v>
      </c>
      <c r="BZ30" s="328">
        <v>5131227</v>
      </c>
      <c r="CA30" s="330">
        <v>5386424</v>
      </c>
      <c r="CB30" s="326">
        <v>0</v>
      </c>
      <c r="CC30" s="327">
        <v>255071</v>
      </c>
      <c r="CD30" s="328">
        <v>255071</v>
      </c>
      <c r="CE30" s="326">
        <v>0</v>
      </c>
      <c r="CF30" s="327">
        <v>12023748</v>
      </c>
      <c r="CG30" s="327">
        <v>12544292</v>
      </c>
      <c r="CH30" s="327">
        <v>9614826</v>
      </c>
      <c r="CI30" s="327">
        <v>5317834</v>
      </c>
      <c r="CJ30" s="327">
        <v>2726941</v>
      </c>
      <c r="CK30" s="328">
        <v>42227641</v>
      </c>
      <c r="CL30" s="330">
        <v>42482712</v>
      </c>
      <c r="CM30" s="326">
        <v>0</v>
      </c>
      <c r="CN30" s="327">
        <v>0</v>
      </c>
      <c r="CO30" s="328">
        <v>0</v>
      </c>
      <c r="CP30" s="332">
        <v>0</v>
      </c>
      <c r="CQ30" s="327">
        <v>10482763</v>
      </c>
      <c r="CR30" s="327">
        <v>8604960</v>
      </c>
      <c r="CS30" s="327">
        <v>6866548</v>
      </c>
      <c r="CT30" s="327">
        <v>4455145</v>
      </c>
      <c r="CU30" s="327">
        <v>2494069</v>
      </c>
      <c r="CV30" s="328">
        <v>32903485</v>
      </c>
      <c r="CW30" s="330">
        <v>32903485</v>
      </c>
      <c r="CX30" s="326">
        <v>0</v>
      </c>
      <c r="CY30" s="327">
        <v>255071</v>
      </c>
      <c r="CZ30" s="328">
        <v>255071</v>
      </c>
      <c r="DA30" s="326">
        <v>0</v>
      </c>
      <c r="DB30" s="327">
        <v>1540985</v>
      </c>
      <c r="DC30" s="327">
        <v>3939332</v>
      </c>
      <c r="DD30" s="327">
        <v>2748278</v>
      </c>
      <c r="DE30" s="327">
        <v>862689</v>
      </c>
      <c r="DF30" s="327">
        <v>232872</v>
      </c>
      <c r="DG30" s="328">
        <v>9324156</v>
      </c>
      <c r="DH30" s="330">
        <v>9579227</v>
      </c>
      <c r="DI30" s="326">
        <v>57198</v>
      </c>
      <c r="DJ30" s="327">
        <v>89687</v>
      </c>
      <c r="DK30" s="331">
        <v>146885</v>
      </c>
      <c r="DL30" s="332">
        <v>0</v>
      </c>
      <c r="DM30" s="327">
        <v>1424085</v>
      </c>
      <c r="DN30" s="327">
        <v>2414706</v>
      </c>
      <c r="DO30" s="327">
        <v>3427780</v>
      </c>
      <c r="DP30" s="327">
        <v>1742025</v>
      </c>
      <c r="DQ30" s="327">
        <v>408576</v>
      </c>
      <c r="DR30" s="328">
        <v>9417172</v>
      </c>
      <c r="DS30" s="330">
        <v>9564057</v>
      </c>
      <c r="DT30" s="326">
        <v>57198</v>
      </c>
      <c r="DU30" s="327">
        <v>89687</v>
      </c>
      <c r="DV30" s="328">
        <v>146885</v>
      </c>
      <c r="DW30" s="326">
        <v>0</v>
      </c>
      <c r="DX30" s="327">
        <v>1424085</v>
      </c>
      <c r="DY30" s="327">
        <v>1955425</v>
      </c>
      <c r="DZ30" s="327">
        <v>3169094</v>
      </c>
      <c r="EA30" s="327">
        <v>1604742</v>
      </c>
      <c r="EB30" s="327">
        <v>408576</v>
      </c>
      <c r="EC30" s="328">
        <v>8561922</v>
      </c>
      <c r="ED30" s="330">
        <v>8708807</v>
      </c>
      <c r="EE30" s="326">
        <v>0</v>
      </c>
      <c r="EF30" s="331">
        <v>0</v>
      </c>
      <c r="EG30" s="328">
        <v>0</v>
      </c>
      <c r="EH30" s="326">
        <v>0</v>
      </c>
      <c r="EI30" s="327">
        <v>0</v>
      </c>
      <c r="EJ30" s="327">
        <v>459281</v>
      </c>
      <c r="EK30" s="327">
        <v>258686</v>
      </c>
      <c r="EL30" s="327">
        <v>137283</v>
      </c>
      <c r="EM30" s="327">
        <v>0</v>
      </c>
      <c r="EN30" s="331">
        <v>855250</v>
      </c>
      <c r="EO30" s="330">
        <v>855250</v>
      </c>
      <c r="EP30" s="326">
        <v>0</v>
      </c>
      <c r="EQ30" s="327">
        <v>0</v>
      </c>
      <c r="ER30" s="331">
        <v>0</v>
      </c>
      <c r="ES30" s="332">
        <v>0</v>
      </c>
      <c r="ET30" s="327">
        <v>0</v>
      </c>
      <c r="EU30" s="327">
        <v>0</v>
      </c>
      <c r="EV30" s="327">
        <v>0</v>
      </c>
      <c r="EW30" s="327">
        <v>0</v>
      </c>
      <c r="EX30" s="327">
        <v>0</v>
      </c>
      <c r="EY30" s="328">
        <v>0</v>
      </c>
      <c r="EZ30" s="330">
        <v>0</v>
      </c>
      <c r="FA30" s="326">
        <v>0</v>
      </c>
      <c r="FB30" s="327">
        <v>0</v>
      </c>
      <c r="FC30" s="331">
        <v>0</v>
      </c>
      <c r="FD30" s="332">
        <v>0</v>
      </c>
      <c r="FE30" s="327">
        <v>0</v>
      </c>
      <c r="FF30" s="327">
        <v>0</v>
      </c>
      <c r="FG30" s="327">
        <v>0</v>
      </c>
      <c r="FH30" s="327">
        <v>0</v>
      </c>
      <c r="FI30" s="327">
        <v>0</v>
      </c>
      <c r="FJ30" s="328">
        <v>0</v>
      </c>
      <c r="FK30" s="330">
        <v>0</v>
      </c>
      <c r="FL30" s="326">
        <v>920039</v>
      </c>
      <c r="FM30" s="327">
        <v>1405894</v>
      </c>
      <c r="FN30" s="328">
        <v>2325933</v>
      </c>
      <c r="FO30" s="326">
        <v>0</v>
      </c>
      <c r="FP30" s="327">
        <v>1289848</v>
      </c>
      <c r="FQ30" s="327">
        <v>4417107</v>
      </c>
      <c r="FR30" s="327">
        <v>2188182</v>
      </c>
      <c r="FS30" s="327">
        <v>1858072</v>
      </c>
      <c r="FT30" s="327">
        <v>1266400</v>
      </c>
      <c r="FU30" s="328">
        <v>11019609</v>
      </c>
      <c r="FV30" s="330">
        <v>13345542</v>
      </c>
      <c r="FW30" s="333">
        <v>609372</v>
      </c>
      <c r="FX30" s="327">
        <v>1294564</v>
      </c>
      <c r="FY30" s="331">
        <v>1903936</v>
      </c>
      <c r="FZ30" s="332">
        <v>0</v>
      </c>
      <c r="GA30" s="327">
        <v>1131745</v>
      </c>
      <c r="GB30" s="327">
        <v>3859689</v>
      </c>
      <c r="GC30" s="327">
        <v>2146602</v>
      </c>
      <c r="GD30" s="327">
        <v>1858072</v>
      </c>
      <c r="GE30" s="327">
        <v>1185400</v>
      </c>
      <c r="GF30" s="328">
        <v>10181508</v>
      </c>
      <c r="GG30" s="334">
        <v>12085444</v>
      </c>
      <c r="GH30" s="333">
        <v>60467</v>
      </c>
      <c r="GI30" s="327">
        <v>60030</v>
      </c>
      <c r="GJ30" s="331">
        <v>120497</v>
      </c>
      <c r="GK30" s="332">
        <v>0</v>
      </c>
      <c r="GL30" s="327">
        <v>80253</v>
      </c>
      <c r="GM30" s="327">
        <v>202392</v>
      </c>
      <c r="GN30" s="327">
        <v>41580</v>
      </c>
      <c r="GO30" s="327">
        <v>0</v>
      </c>
      <c r="GP30" s="327">
        <v>0</v>
      </c>
      <c r="GQ30" s="328">
        <v>324225</v>
      </c>
      <c r="GR30" s="330">
        <v>444722</v>
      </c>
      <c r="GS30" s="326">
        <v>250200</v>
      </c>
      <c r="GT30" s="327">
        <v>51300</v>
      </c>
      <c r="GU30" s="328">
        <v>301500</v>
      </c>
      <c r="GV30" s="326">
        <v>0</v>
      </c>
      <c r="GW30" s="327">
        <v>77850</v>
      </c>
      <c r="GX30" s="327">
        <v>355026</v>
      </c>
      <c r="GY30" s="327">
        <v>0</v>
      </c>
      <c r="GZ30" s="327">
        <v>0</v>
      </c>
      <c r="HA30" s="327">
        <v>81000</v>
      </c>
      <c r="HB30" s="331">
        <v>513876</v>
      </c>
      <c r="HC30" s="330">
        <v>815376</v>
      </c>
      <c r="HD30" s="326">
        <v>198852</v>
      </c>
      <c r="HE30" s="327">
        <v>636726</v>
      </c>
      <c r="HF30" s="331">
        <v>835578</v>
      </c>
      <c r="HG30" s="332">
        <v>0</v>
      </c>
      <c r="HH30" s="327">
        <v>3813910</v>
      </c>
      <c r="HI30" s="327">
        <v>1939908</v>
      </c>
      <c r="HJ30" s="327">
        <v>2837625</v>
      </c>
      <c r="HK30" s="327">
        <v>3604683</v>
      </c>
      <c r="HL30" s="327">
        <v>3038745</v>
      </c>
      <c r="HM30" s="328">
        <v>15234871</v>
      </c>
      <c r="HN30" s="329">
        <v>16070449</v>
      </c>
      <c r="HO30" s="333">
        <v>629645</v>
      </c>
      <c r="HP30" s="327">
        <v>1007979</v>
      </c>
      <c r="HQ30" s="328">
        <v>1637624</v>
      </c>
      <c r="HR30" s="326">
        <v>0</v>
      </c>
      <c r="HS30" s="327">
        <v>4618852</v>
      </c>
      <c r="HT30" s="327">
        <v>4225300</v>
      </c>
      <c r="HU30" s="327">
        <v>2615692</v>
      </c>
      <c r="HV30" s="327">
        <v>1689775</v>
      </c>
      <c r="HW30" s="327">
        <v>1074292</v>
      </c>
      <c r="HX30" s="331">
        <v>14223911</v>
      </c>
      <c r="HY30" s="330">
        <v>15861535</v>
      </c>
      <c r="HZ30" s="358">
        <v>0</v>
      </c>
      <c r="IA30" s="356">
        <v>248843</v>
      </c>
      <c r="IB30" s="358">
        <v>248843</v>
      </c>
      <c r="IC30" s="355">
        <v>0</v>
      </c>
      <c r="ID30" s="356">
        <v>7264144</v>
      </c>
      <c r="IE30" s="357">
        <v>5457158</v>
      </c>
      <c r="IF30" s="358">
        <v>3916047</v>
      </c>
      <c r="IG30" s="356">
        <v>3343833</v>
      </c>
      <c r="IH30" s="358">
        <v>629738</v>
      </c>
      <c r="II30" s="359">
        <v>20610920</v>
      </c>
      <c r="IJ30" s="358">
        <v>20859763</v>
      </c>
      <c r="IK30" s="342">
        <v>0</v>
      </c>
      <c r="IL30" s="343">
        <v>0</v>
      </c>
      <c r="IM30" s="344">
        <v>0</v>
      </c>
      <c r="IN30" s="404">
        <v>0</v>
      </c>
      <c r="IO30" s="345">
        <v>0</v>
      </c>
      <c r="IP30" s="345">
        <v>0</v>
      </c>
      <c r="IQ30" s="345">
        <v>0</v>
      </c>
      <c r="IR30" s="345">
        <v>0</v>
      </c>
      <c r="IS30" s="345">
        <v>0</v>
      </c>
      <c r="IT30" s="346">
        <v>0</v>
      </c>
      <c r="IU30" s="347">
        <v>0</v>
      </c>
      <c r="IV30" s="348">
        <v>0</v>
      </c>
      <c r="IW30" s="345">
        <v>0</v>
      </c>
      <c r="IX30" s="349">
        <v>0</v>
      </c>
      <c r="IY30" s="413">
        <v>0</v>
      </c>
      <c r="IZ30" s="345">
        <v>0</v>
      </c>
      <c r="JA30" s="345">
        <v>0</v>
      </c>
      <c r="JB30" s="345">
        <v>0</v>
      </c>
      <c r="JC30" s="345">
        <v>0</v>
      </c>
      <c r="JD30" s="345">
        <v>0</v>
      </c>
      <c r="JE30" s="349">
        <v>0</v>
      </c>
      <c r="JF30" s="350">
        <v>0</v>
      </c>
      <c r="JG30" s="348">
        <v>0</v>
      </c>
      <c r="JH30" s="345">
        <v>0</v>
      </c>
      <c r="JI30" s="346">
        <v>0</v>
      </c>
      <c r="JJ30" s="351">
        <v>0</v>
      </c>
      <c r="JK30" s="345">
        <v>3734060</v>
      </c>
      <c r="JL30" s="345">
        <v>2436085</v>
      </c>
      <c r="JM30" s="345">
        <v>1303542</v>
      </c>
      <c r="JN30" s="345">
        <v>452179</v>
      </c>
      <c r="JO30" s="345">
        <v>0</v>
      </c>
      <c r="JP30" s="349">
        <v>7925866</v>
      </c>
      <c r="JQ30" s="347">
        <v>7925866</v>
      </c>
      <c r="JR30" s="348">
        <v>0</v>
      </c>
      <c r="JS30" s="345">
        <v>0</v>
      </c>
      <c r="JT30" s="346">
        <v>0</v>
      </c>
      <c r="JU30" s="351">
        <v>0</v>
      </c>
      <c r="JV30" s="345">
        <v>0</v>
      </c>
      <c r="JW30" s="345">
        <v>0</v>
      </c>
      <c r="JX30" s="345">
        <v>0</v>
      </c>
      <c r="JY30" s="345">
        <v>0</v>
      </c>
      <c r="JZ30" s="345">
        <v>0</v>
      </c>
      <c r="KA30" s="349">
        <v>0</v>
      </c>
      <c r="KB30" s="347">
        <v>0</v>
      </c>
      <c r="KC30" s="352">
        <v>0</v>
      </c>
      <c r="KD30" s="353">
        <v>248843</v>
      </c>
      <c r="KE30" s="349">
        <v>248843</v>
      </c>
      <c r="KF30" s="351">
        <v>0</v>
      </c>
      <c r="KG30" s="345">
        <v>911551</v>
      </c>
      <c r="KH30" s="345">
        <v>921105</v>
      </c>
      <c r="KI30" s="345">
        <v>0</v>
      </c>
      <c r="KJ30" s="345">
        <v>1146166</v>
      </c>
      <c r="KK30" s="345">
        <v>0</v>
      </c>
      <c r="KL30" s="349">
        <v>2978822</v>
      </c>
      <c r="KM30" s="354">
        <v>3227665</v>
      </c>
      <c r="KN30" s="342">
        <v>0</v>
      </c>
      <c r="KO30" s="343">
        <v>0</v>
      </c>
      <c r="KP30" s="344">
        <v>0</v>
      </c>
      <c r="KQ30" s="413">
        <v>0</v>
      </c>
      <c r="KR30" s="345">
        <v>2618533</v>
      </c>
      <c r="KS30" s="345">
        <v>2099968</v>
      </c>
      <c r="KT30" s="345">
        <v>2612505</v>
      </c>
      <c r="KU30" s="345">
        <v>1745488</v>
      </c>
      <c r="KV30" s="345">
        <v>629738</v>
      </c>
      <c r="KW30" s="349">
        <v>9706232</v>
      </c>
      <c r="KX30" s="347">
        <v>9706232</v>
      </c>
      <c r="KY30" s="348">
        <v>0</v>
      </c>
      <c r="KZ30" s="345">
        <v>0</v>
      </c>
      <c r="LA30" s="349">
        <v>0</v>
      </c>
      <c r="LB30" s="413">
        <v>0</v>
      </c>
      <c r="LC30" s="345">
        <v>0</v>
      </c>
      <c r="LD30" s="345">
        <v>0</v>
      </c>
      <c r="LE30" s="345">
        <v>0</v>
      </c>
      <c r="LF30" s="345">
        <v>0</v>
      </c>
      <c r="LG30" s="345">
        <v>0</v>
      </c>
      <c r="LH30" s="349">
        <v>0</v>
      </c>
      <c r="LI30" s="350">
        <v>0</v>
      </c>
      <c r="LJ30" s="348">
        <v>0</v>
      </c>
      <c r="LK30" s="345">
        <v>0</v>
      </c>
      <c r="LL30" s="349">
        <v>0</v>
      </c>
      <c r="LM30" s="413">
        <v>0</v>
      </c>
      <c r="LN30" s="345">
        <v>0</v>
      </c>
      <c r="LO30" s="345">
        <v>0</v>
      </c>
      <c r="LP30" s="345">
        <v>0</v>
      </c>
      <c r="LQ30" s="345">
        <v>0</v>
      </c>
      <c r="LR30" s="345">
        <v>0</v>
      </c>
      <c r="LS30" s="349">
        <v>0</v>
      </c>
      <c r="LT30" s="347">
        <v>0</v>
      </c>
      <c r="LU30" s="348">
        <v>0</v>
      </c>
      <c r="LV30" s="345">
        <v>0</v>
      </c>
      <c r="LW30" s="349">
        <v>0</v>
      </c>
      <c r="LX30" s="413">
        <v>0</v>
      </c>
      <c r="LY30" s="345">
        <v>0</v>
      </c>
      <c r="LZ30" s="345">
        <v>0</v>
      </c>
      <c r="MA30" s="345">
        <v>0</v>
      </c>
      <c r="MB30" s="345">
        <v>0</v>
      </c>
      <c r="MC30" s="345">
        <v>0</v>
      </c>
      <c r="MD30" s="349">
        <v>0</v>
      </c>
      <c r="ME30" s="350">
        <v>0</v>
      </c>
      <c r="MF30" s="348">
        <v>0</v>
      </c>
      <c r="MG30" s="345">
        <v>0</v>
      </c>
      <c r="MH30" s="349">
        <v>0</v>
      </c>
      <c r="MI30" s="413">
        <v>0</v>
      </c>
      <c r="MJ30" s="345">
        <v>2870306</v>
      </c>
      <c r="MK30" s="345">
        <v>10025411</v>
      </c>
      <c r="ML30" s="345">
        <v>19092201</v>
      </c>
      <c r="MM30" s="345">
        <v>36857433</v>
      </c>
      <c r="MN30" s="345">
        <v>14726323</v>
      </c>
      <c r="MO30" s="349">
        <v>83571674</v>
      </c>
      <c r="MP30" s="354">
        <v>83571674</v>
      </c>
      <c r="MQ30" s="348">
        <v>0</v>
      </c>
      <c r="MR30" s="345">
        <v>0</v>
      </c>
      <c r="MS30" s="349">
        <v>0</v>
      </c>
      <c r="MT30" s="413">
        <v>0</v>
      </c>
      <c r="MU30" s="345">
        <v>0</v>
      </c>
      <c r="MV30" s="345">
        <v>1048954</v>
      </c>
      <c r="MW30" s="345">
        <v>12842708</v>
      </c>
      <c r="MX30" s="345">
        <v>18378095</v>
      </c>
      <c r="MY30" s="345">
        <v>10494525</v>
      </c>
      <c r="MZ30" s="349">
        <v>42764282</v>
      </c>
      <c r="NA30" s="354">
        <v>42764282</v>
      </c>
      <c r="NB30" s="348">
        <v>0</v>
      </c>
      <c r="NC30" s="345">
        <v>0</v>
      </c>
      <c r="ND30" s="349">
        <v>0</v>
      </c>
      <c r="NE30" s="413">
        <v>0</v>
      </c>
      <c r="NF30" s="345">
        <v>2870306</v>
      </c>
      <c r="NG30" s="345">
        <v>8976457</v>
      </c>
      <c r="NH30" s="345">
        <v>6249493</v>
      </c>
      <c r="NI30" s="345">
        <v>18479338</v>
      </c>
      <c r="NJ30" s="345">
        <v>3346953</v>
      </c>
      <c r="NK30" s="349">
        <v>39922547</v>
      </c>
      <c r="NL30" s="347">
        <v>39922547</v>
      </c>
      <c r="NM30" s="348">
        <v>0</v>
      </c>
      <c r="NN30" s="345">
        <v>0</v>
      </c>
      <c r="NO30" s="349">
        <v>0</v>
      </c>
      <c r="NP30" s="413">
        <v>0</v>
      </c>
      <c r="NQ30" s="345">
        <v>0</v>
      </c>
      <c r="NR30" s="345">
        <v>0</v>
      </c>
      <c r="NS30" s="345">
        <v>0</v>
      </c>
      <c r="NT30" s="345">
        <v>0</v>
      </c>
      <c r="NU30" s="345">
        <v>0</v>
      </c>
      <c r="NV30" s="349">
        <v>0</v>
      </c>
      <c r="NW30" s="350">
        <v>0</v>
      </c>
      <c r="NX30" s="348">
        <v>0</v>
      </c>
      <c r="NY30" s="345">
        <v>0</v>
      </c>
      <c r="NZ30" s="349">
        <v>0</v>
      </c>
      <c r="OA30" s="413">
        <v>0</v>
      </c>
      <c r="OB30" s="345">
        <v>0</v>
      </c>
      <c r="OC30" s="345">
        <v>0</v>
      </c>
      <c r="OD30" s="345">
        <v>0</v>
      </c>
      <c r="OE30" s="345">
        <v>0</v>
      </c>
      <c r="OF30" s="345">
        <v>884845</v>
      </c>
      <c r="OG30" s="349">
        <v>884845</v>
      </c>
      <c r="OH30" s="350">
        <v>884845</v>
      </c>
      <c r="OI30" s="348">
        <v>2637229</v>
      </c>
      <c r="OJ30" s="345">
        <v>5821588</v>
      </c>
      <c r="OK30" s="346">
        <v>8458817</v>
      </c>
      <c r="OL30" s="351">
        <v>0</v>
      </c>
      <c r="OM30" s="345">
        <v>41410722</v>
      </c>
      <c r="ON30" s="345">
        <v>52621477</v>
      </c>
      <c r="OO30" s="345">
        <v>52046359</v>
      </c>
      <c r="OP30" s="345">
        <v>65719085</v>
      </c>
      <c r="OQ30" s="345">
        <v>35067076</v>
      </c>
      <c r="OR30" s="349">
        <v>246864719</v>
      </c>
      <c r="OS30" s="354">
        <v>255323536</v>
      </c>
    </row>
    <row r="31" spans="2:409" s="70" customFormat="1" ht="21" customHeight="1" x14ac:dyDescent="0.2">
      <c r="B31" s="410" t="s">
        <v>26</v>
      </c>
      <c r="C31" s="326">
        <v>2056555</v>
      </c>
      <c r="D31" s="327">
        <v>3006106</v>
      </c>
      <c r="E31" s="328">
        <v>5062661</v>
      </c>
      <c r="F31" s="329">
        <v>0</v>
      </c>
      <c r="G31" s="327">
        <v>21769658</v>
      </c>
      <c r="H31" s="327">
        <v>37145146</v>
      </c>
      <c r="I31" s="327">
        <v>27889199</v>
      </c>
      <c r="J31" s="327">
        <v>21789199</v>
      </c>
      <c r="K31" s="327">
        <v>25867422</v>
      </c>
      <c r="L31" s="367">
        <v>134460624</v>
      </c>
      <c r="M31" s="330">
        <v>139523285</v>
      </c>
      <c r="N31" s="326">
        <v>706006</v>
      </c>
      <c r="O31" s="327">
        <v>600673</v>
      </c>
      <c r="P31" s="328">
        <v>1306679</v>
      </c>
      <c r="Q31" s="326">
        <v>0</v>
      </c>
      <c r="R31" s="327">
        <v>5481514</v>
      </c>
      <c r="S31" s="327">
        <v>12688809</v>
      </c>
      <c r="T31" s="327">
        <v>8891736</v>
      </c>
      <c r="U31" s="327">
        <v>7712347</v>
      </c>
      <c r="V31" s="327">
        <v>13971660</v>
      </c>
      <c r="W31" s="328">
        <v>48746066</v>
      </c>
      <c r="X31" s="330">
        <v>50052745</v>
      </c>
      <c r="Y31" s="326">
        <v>0</v>
      </c>
      <c r="Z31" s="327">
        <v>0</v>
      </c>
      <c r="AA31" s="328">
        <v>0</v>
      </c>
      <c r="AB31" s="326">
        <v>0</v>
      </c>
      <c r="AC31" s="327">
        <v>2163231</v>
      </c>
      <c r="AD31" s="327">
        <v>7085909</v>
      </c>
      <c r="AE31" s="327">
        <v>5186999</v>
      </c>
      <c r="AF31" s="327">
        <v>4075322</v>
      </c>
      <c r="AG31" s="327">
        <v>8787979</v>
      </c>
      <c r="AH31" s="328">
        <v>27299440</v>
      </c>
      <c r="AI31" s="330">
        <v>27299440</v>
      </c>
      <c r="AJ31" s="326">
        <v>0</v>
      </c>
      <c r="AK31" s="327">
        <v>0</v>
      </c>
      <c r="AL31" s="328">
        <v>0</v>
      </c>
      <c r="AM31" s="326">
        <v>0</v>
      </c>
      <c r="AN31" s="327">
        <v>0</v>
      </c>
      <c r="AO31" s="327">
        <v>0</v>
      </c>
      <c r="AP31" s="327">
        <v>280625</v>
      </c>
      <c r="AQ31" s="327">
        <v>528842</v>
      </c>
      <c r="AR31" s="327">
        <v>1246801</v>
      </c>
      <c r="AS31" s="328">
        <v>2056268</v>
      </c>
      <c r="AT31" s="330">
        <v>2056268</v>
      </c>
      <c r="AU31" s="326">
        <v>547081</v>
      </c>
      <c r="AV31" s="327">
        <v>481589</v>
      </c>
      <c r="AW31" s="328">
        <v>1028670</v>
      </c>
      <c r="AX31" s="326">
        <v>0</v>
      </c>
      <c r="AY31" s="327">
        <v>2474677</v>
      </c>
      <c r="AZ31" s="327">
        <v>4359443</v>
      </c>
      <c r="BA31" s="327">
        <v>2020623</v>
      </c>
      <c r="BB31" s="327">
        <v>2099101</v>
      </c>
      <c r="BC31" s="327">
        <v>2952248</v>
      </c>
      <c r="BD31" s="328">
        <v>13906092</v>
      </c>
      <c r="BE31" s="330">
        <v>14934762</v>
      </c>
      <c r="BF31" s="326">
        <v>59707</v>
      </c>
      <c r="BG31" s="327">
        <v>75047</v>
      </c>
      <c r="BH31" s="331">
        <v>134754</v>
      </c>
      <c r="BI31" s="332">
        <v>0</v>
      </c>
      <c r="BJ31" s="327">
        <v>77848</v>
      </c>
      <c r="BK31" s="327">
        <v>85187</v>
      </c>
      <c r="BL31" s="327">
        <v>172221</v>
      </c>
      <c r="BM31" s="327">
        <v>87293</v>
      </c>
      <c r="BN31" s="327">
        <v>97113</v>
      </c>
      <c r="BO31" s="328">
        <v>519662</v>
      </c>
      <c r="BP31" s="330">
        <v>654416</v>
      </c>
      <c r="BQ31" s="326">
        <v>99218</v>
      </c>
      <c r="BR31" s="327">
        <v>44037</v>
      </c>
      <c r="BS31" s="328">
        <v>143255</v>
      </c>
      <c r="BT31" s="326">
        <v>0</v>
      </c>
      <c r="BU31" s="327">
        <v>765758</v>
      </c>
      <c r="BV31" s="327">
        <v>1158270</v>
      </c>
      <c r="BW31" s="327">
        <v>1231268</v>
      </c>
      <c r="BX31" s="327">
        <v>921789</v>
      </c>
      <c r="BY31" s="327">
        <v>887519</v>
      </c>
      <c r="BZ31" s="328">
        <v>4964604</v>
      </c>
      <c r="CA31" s="330">
        <v>5107859</v>
      </c>
      <c r="CB31" s="326">
        <v>113322</v>
      </c>
      <c r="CC31" s="327">
        <v>280816</v>
      </c>
      <c r="CD31" s="328">
        <v>394138</v>
      </c>
      <c r="CE31" s="326">
        <v>0</v>
      </c>
      <c r="CF31" s="327">
        <v>5582452</v>
      </c>
      <c r="CG31" s="327">
        <v>10013001</v>
      </c>
      <c r="CH31" s="327">
        <v>6003861</v>
      </c>
      <c r="CI31" s="327">
        <v>2732417</v>
      </c>
      <c r="CJ31" s="327">
        <v>2765314</v>
      </c>
      <c r="CK31" s="328">
        <v>27097045</v>
      </c>
      <c r="CL31" s="330">
        <v>27491183</v>
      </c>
      <c r="CM31" s="326">
        <v>0</v>
      </c>
      <c r="CN31" s="327">
        <v>0</v>
      </c>
      <c r="CO31" s="328">
        <v>0</v>
      </c>
      <c r="CP31" s="332">
        <v>0</v>
      </c>
      <c r="CQ31" s="327">
        <v>4675926</v>
      </c>
      <c r="CR31" s="327">
        <v>8211656</v>
      </c>
      <c r="CS31" s="327">
        <v>4880558</v>
      </c>
      <c r="CT31" s="327">
        <v>1566364</v>
      </c>
      <c r="CU31" s="327">
        <v>2320477</v>
      </c>
      <c r="CV31" s="328">
        <v>21654981</v>
      </c>
      <c r="CW31" s="330">
        <v>21654981</v>
      </c>
      <c r="CX31" s="326">
        <v>113322</v>
      </c>
      <c r="CY31" s="327">
        <v>280816</v>
      </c>
      <c r="CZ31" s="328">
        <v>394138</v>
      </c>
      <c r="DA31" s="326">
        <v>0</v>
      </c>
      <c r="DB31" s="327">
        <v>906526</v>
      </c>
      <c r="DC31" s="327">
        <v>1801345</v>
      </c>
      <c r="DD31" s="327">
        <v>1123303</v>
      </c>
      <c r="DE31" s="327">
        <v>1166053</v>
      </c>
      <c r="DF31" s="327">
        <v>444837</v>
      </c>
      <c r="DG31" s="328">
        <v>5442064</v>
      </c>
      <c r="DH31" s="330">
        <v>5836202</v>
      </c>
      <c r="DI31" s="326">
        <v>20647</v>
      </c>
      <c r="DJ31" s="327">
        <v>0</v>
      </c>
      <c r="DK31" s="331">
        <v>20647</v>
      </c>
      <c r="DL31" s="332">
        <v>0</v>
      </c>
      <c r="DM31" s="327">
        <v>955809</v>
      </c>
      <c r="DN31" s="327">
        <v>2047824</v>
      </c>
      <c r="DO31" s="327">
        <v>2457249</v>
      </c>
      <c r="DP31" s="327">
        <v>2121244</v>
      </c>
      <c r="DQ31" s="327">
        <v>2192406</v>
      </c>
      <c r="DR31" s="328">
        <v>9774532</v>
      </c>
      <c r="DS31" s="330">
        <v>9795179</v>
      </c>
      <c r="DT31" s="326">
        <v>20647</v>
      </c>
      <c r="DU31" s="327">
        <v>0</v>
      </c>
      <c r="DV31" s="328">
        <v>20647</v>
      </c>
      <c r="DW31" s="326">
        <v>0</v>
      </c>
      <c r="DX31" s="327">
        <v>852529</v>
      </c>
      <c r="DY31" s="327">
        <v>1936088</v>
      </c>
      <c r="DZ31" s="327">
        <v>2283366</v>
      </c>
      <c r="EA31" s="327">
        <v>1721361</v>
      </c>
      <c r="EB31" s="327">
        <v>2055579</v>
      </c>
      <c r="EC31" s="328">
        <v>8848923</v>
      </c>
      <c r="ED31" s="330">
        <v>8869570</v>
      </c>
      <c r="EE31" s="326">
        <v>0</v>
      </c>
      <c r="EF31" s="331">
        <v>0</v>
      </c>
      <c r="EG31" s="328">
        <v>0</v>
      </c>
      <c r="EH31" s="326">
        <v>0</v>
      </c>
      <c r="EI31" s="327">
        <v>103280</v>
      </c>
      <c r="EJ31" s="327">
        <v>111736</v>
      </c>
      <c r="EK31" s="327">
        <v>173883</v>
      </c>
      <c r="EL31" s="327">
        <v>399883</v>
      </c>
      <c r="EM31" s="327">
        <v>136827</v>
      </c>
      <c r="EN31" s="331">
        <v>925609</v>
      </c>
      <c r="EO31" s="330">
        <v>925609</v>
      </c>
      <c r="EP31" s="326">
        <v>0</v>
      </c>
      <c r="EQ31" s="327">
        <v>0</v>
      </c>
      <c r="ER31" s="331">
        <v>0</v>
      </c>
      <c r="ES31" s="332">
        <v>0</v>
      </c>
      <c r="ET31" s="327">
        <v>0</v>
      </c>
      <c r="EU31" s="327">
        <v>0</v>
      </c>
      <c r="EV31" s="327">
        <v>0</v>
      </c>
      <c r="EW31" s="327">
        <v>0</v>
      </c>
      <c r="EX31" s="327">
        <v>0</v>
      </c>
      <c r="EY31" s="328">
        <v>0</v>
      </c>
      <c r="EZ31" s="330">
        <v>0</v>
      </c>
      <c r="FA31" s="326">
        <v>0</v>
      </c>
      <c r="FB31" s="327">
        <v>0</v>
      </c>
      <c r="FC31" s="331">
        <v>0</v>
      </c>
      <c r="FD31" s="332">
        <v>0</v>
      </c>
      <c r="FE31" s="327">
        <v>0</v>
      </c>
      <c r="FF31" s="327">
        <v>0</v>
      </c>
      <c r="FG31" s="327">
        <v>0</v>
      </c>
      <c r="FH31" s="327">
        <v>0</v>
      </c>
      <c r="FI31" s="327">
        <v>0</v>
      </c>
      <c r="FJ31" s="328">
        <v>0</v>
      </c>
      <c r="FK31" s="330">
        <v>0</v>
      </c>
      <c r="FL31" s="326">
        <v>519649</v>
      </c>
      <c r="FM31" s="327">
        <v>1122570</v>
      </c>
      <c r="FN31" s="328">
        <v>1642219</v>
      </c>
      <c r="FO31" s="326">
        <v>0</v>
      </c>
      <c r="FP31" s="327">
        <v>1437108</v>
      </c>
      <c r="FQ31" s="327">
        <v>3478914</v>
      </c>
      <c r="FR31" s="327">
        <v>1823794</v>
      </c>
      <c r="FS31" s="327">
        <v>1901254</v>
      </c>
      <c r="FT31" s="327">
        <v>1980929</v>
      </c>
      <c r="FU31" s="328">
        <v>10621999</v>
      </c>
      <c r="FV31" s="330">
        <v>12264218</v>
      </c>
      <c r="FW31" s="333">
        <v>398209</v>
      </c>
      <c r="FX31" s="327">
        <v>654224</v>
      </c>
      <c r="FY31" s="331">
        <v>1052433</v>
      </c>
      <c r="FZ31" s="332">
        <v>0</v>
      </c>
      <c r="GA31" s="327">
        <v>1096008</v>
      </c>
      <c r="GB31" s="327">
        <v>2927981</v>
      </c>
      <c r="GC31" s="327">
        <v>1823794</v>
      </c>
      <c r="GD31" s="327">
        <v>1744330</v>
      </c>
      <c r="GE31" s="327">
        <v>1919153</v>
      </c>
      <c r="GF31" s="328">
        <v>9511266</v>
      </c>
      <c r="GG31" s="334">
        <v>10563699</v>
      </c>
      <c r="GH31" s="333">
        <v>0</v>
      </c>
      <c r="GI31" s="327">
        <v>118194</v>
      </c>
      <c r="GJ31" s="331">
        <v>118194</v>
      </c>
      <c r="GK31" s="332">
        <v>0</v>
      </c>
      <c r="GL31" s="327">
        <v>0</v>
      </c>
      <c r="GM31" s="327">
        <v>208690</v>
      </c>
      <c r="GN31" s="327">
        <v>0</v>
      </c>
      <c r="GO31" s="327">
        <v>90000</v>
      </c>
      <c r="GP31" s="327">
        <v>61776</v>
      </c>
      <c r="GQ31" s="328">
        <v>360466</v>
      </c>
      <c r="GR31" s="330">
        <v>478660</v>
      </c>
      <c r="GS31" s="326">
        <v>121440</v>
      </c>
      <c r="GT31" s="327">
        <v>350152</v>
      </c>
      <c r="GU31" s="328">
        <v>471592</v>
      </c>
      <c r="GV31" s="326">
        <v>0</v>
      </c>
      <c r="GW31" s="327">
        <v>341100</v>
      </c>
      <c r="GX31" s="327">
        <v>342243</v>
      </c>
      <c r="GY31" s="327">
        <v>0</v>
      </c>
      <c r="GZ31" s="327">
        <v>66924</v>
      </c>
      <c r="HA31" s="327">
        <v>0</v>
      </c>
      <c r="HB31" s="331">
        <v>750267</v>
      </c>
      <c r="HC31" s="330">
        <v>1221859</v>
      </c>
      <c r="HD31" s="326">
        <v>303426</v>
      </c>
      <c r="HE31" s="327">
        <v>360280</v>
      </c>
      <c r="HF31" s="331">
        <v>663706</v>
      </c>
      <c r="HG31" s="332">
        <v>0</v>
      </c>
      <c r="HH31" s="327">
        <v>4388986</v>
      </c>
      <c r="HI31" s="327">
        <v>4022147</v>
      </c>
      <c r="HJ31" s="327">
        <v>5951821</v>
      </c>
      <c r="HK31" s="327">
        <v>5574132</v>
      </c>
      <c r="HL31" s="327">
        <v>3379380</v>
      </c>
      <c r="HM31" s="328">
        <v>23316466</v>
      </c>
      <c r="HN31" s="329">
        <v>23980172</v>
      </c>
      <c r="HO31" s="333">
        <v>393505</v>
      </c>
      <c r="HP31" s="327">
        <v>641767</v>
      </c>
      <c r="HQ31" s="328">
        <v>1035272</v>
      </c>
      <c r="HR31" s="326">
        <v>0</v>
      </c>
      <c r="HS31" s="327">
        <v>3923789</v>
      </c>
      <c r="HT31" s="327">
        <v>4894451</v>
      </c>
      <c r="HU31" s="327">
        <v>2760738</v>
      </c>
      <c r="HV31" s="327">
        <v>1747805</v>
      </c>
      <c r="HW31" s="327">
        <v>1577733</v>
      </c>
      <c r="HX31" s="331">
        <v>14904516</v>
      </c>
      <c r="HY31" s="330">
        <v>15939788</v>
      </c>
      <c r="HZ31" s="335">
        <v>42217</v>
      </c>
      <c r="IA31" s="336">
        <v>0</v>
      </c>
      <c r="IB31" s="337">
        <v>42217</v>
      </c>
      <c r="IC31" s="338">
        <v>0</v>
      </c>
      <c r="ID31" s="336">
        <v>4915743</v>
      </c>
      <c r="IE31" s="339">
        <v>8978847</v>
      </c>
      <c r="IF31" s="337">
        <v>9905975</v>
      </c>
      <c r="IG31" s="336">
        <v>5184226</v>
      </c>
      <c r="IH31" s="337">
        <v>2685679</v>
      </c>
      <c r="II31" s="340">
        <v>31670470</v>
      </c>
      <c r="IJ31" s="341">
        <v>31712687</v>
      </c>
      <c r="IK31" s="342">
        <v>0</v>
      </c>
      <c r="IL31" s="343">
        <v>0</v>
      </c>
      <c r="IM31" s="344">
        <v>0</v>
      </c>
      <c r="IN31" s="404">
        <v>0</v>
      </c>
      <c r="IO31" s="345">
        <v>0</v>
      </c>
      <c r="IP31" s="345">
        <v>0</v>
      </c>
      <c r="IQ31" s="345">
        <v>0</v>
      </c>
      <c r="IR31" s="345">
        <v>0</v>
      </c>
      <c r="IS31" s="345">
        <v>0</v>
      </c>
      <c r="IT31" s="346">
        <v>0</v>
      </c>
      <c r="IU31" s="347">
        <v>0</v>
      </c>
      <c r="IV31" s="348">
        <v>0</v>
      </c>
      <c r="IW31" s="345">
        <v>0</v>
      </c>
      <c r="IX31" s="349">
        <v>0</v>
      </c>
      <c r="IY31" s="413">
        <v>0</v>
      </c>
      <c r="IZ31" s="345">
        <v>0</v>
      </c>
      <c r="JA31" s="345">
        <v>0</v>
      </c>
      <c r="JB31" s="345">
        <v>0</v>
      </c>
      <c r="JC31" s="345">
        <v>0</v>
      </c>
      <c r="JD31" s="345">
        <v>0</v>
      </c>
      <c r="JE31" s="349">
        <v>0</v>
      </c>
      <c r="JF31" s="350">
        <v>0</v>
      </c>
      <c r="JG31" s="348">
        <v>0</v>
      </c>
      <c r="JH31" s="345">
        <v>0</v>
      </c>
      <c r="JI31" s="346">
        <v>0</v>
      </c>
      <c r="JJ31" s="351">
        <v>0</v>
      </c>
      <c r="JK31" s="345">
        <v>2684746</v>
      </c>
      <c r="JL31" s="345">
        <v>3175946</v>
      </c>
      <c r="JM31" s="345">
        <v>2599311</v>
      </c>
      <c r="JN31" s="345">
        <v>1258433</v>
      </c>
      <c r="JO31" s="345">
        <v>997508</v>
      </c>
      <c r="JP31" s="349">
        <v>10715944</v>
      </c>
      <c r="JQ31" s="347">
        <v>10715944</v>
      </c>
      <c r="JR31" s="348">
        <v>0</v>
      </c>
      <c r="JS31" s="345">
        <v>0</v>
      </c>
      <c r="JT31" s="346">
        <v>0</v>
      </c>
      <c r="JU31" s="351">
        <v>0</v>
      </c>
      <c r="JV31" s="345">
        <v>0</v>
      </c>
      <c r="JW31" s="345">
        <v>0</v>
      </c>
      <c r="JX31" s="345">
        <v>0</v>
      </c>
      <c r="JY31" s="345">
        <v>0</v>
      </c>
      <c r="JZ31" s="345">
        <v>0</v>
      </c>
      <c r="KA31" s="349">
        <v>0</v>
      </c>
      <c r="KB31" s="347">
        <v>0</v>
      </c>
      <c r="KC31" s="352">
        <v>42217</v>
      </c>
      <c r="KD31" s="353">
        <v>0</v>
      </c>
      <c r="KE31" s="349">
        <v>42217</v>
      </c>
      <c r="KF31" s="351">
        <v>0</v>
      </c>
      <c r="KG31" s="345">
        <v>722383</v>
      </c>
      <c r="KH31" s="345">
        <v>1792097</v>
      </c>
      <c r="KI31" s="345">
        <v>1804094</v>
      </c>
      <c r="KJ31" s="345">
        <v>617588</v>
      </c>
      <c r="KK31" s="345">
        <v>642028</v>
      </c>
      <c r="KL31" s="349">
        <v>5578190</v>
      </c>
      <c r="KM31" s="354">
        <v>5620407</v>
      </c>
      <c r="KN31" s="342">
        <v>0</v>
      </c>
      <c r="KO31" s="343">
        <v>0</v>
      </c>
      <c r="KP31" s="344">
        <v>0</v>
      </c>
      <c r="KQ31" s="413">
        <v>0</v>
      </c>
      <c r="KR31" s="345">
        <v>1508614</v>
      </c>
      <c r="KS31" s="345">
        <v>4010804</v>
      </c>
      <c r="KT31" s="345">
        <v>5502570</v>
      </c>
      <c r="KU31" s="345">
        <v>3308205</v>
      </c>
      <c r="KV31" s="345">
        <v>1046143</v>
      </c>
      <c r="KW31" s="349">
        <v>15376336</v>
      </c>
      <c r="KX31" s="347">
        <v>15376336</v>
      </c>
      <c r="KY31" s="348">
        <v>0</v>
      </c>
      <c r="KZ31" s="345">
        <v>0</v>
      </c>
      <c r="LA31" s="349">
        <v>0</v>
      </c>
      <c r="LB31" s="413">
        <v>0</v>
      </c>
      <c r="LC31" s="345">
        <v>0</v>
      </c>
      <c r="LD31" s="345">
        <v>0</v>
      </c>
      <c r="LE31" s="345">
        <v>0</v>
      </c>
      <c r="LF31" s="345">
        <v>0</v>
      </c>
      <c r="LG31" s="345">
        <v>0</v>
      </c>
      <c r="LH31" s="349">
        <v>0</v>
      </c>
      <c r="LI31" s="350">
        <v>0</v>
      </c>
      <c r="LJ31" s="348">
        <v>0</v>
      </c>
      <c r="LK31" s="345">
        <v>0</v>
      </c>
      <c r="LL31" s="349">
        <v>0</v>
      </c>
      <c r="LM31" s="413">
        <v>0</v>
      </c>
      <c r="LN31" s="345">
        <v>0</v>
      </c>
      <c r="LO31" s="345">
        <v>0</v>
      </c>
      <c r="LP31" s="345">
        <v>0</v>
      </c>
      <c r="LQ31" s="345">
        <v>0</v>
      </c>
      <c r="LR31" s="345">
        <v>0</v>
      </c>
      <c r="LS31" s="349">
        <v>0</v>
      </c>
      <c r="LT31" s="347">
        <v>0</v>
      </c>
      <c r="LU31" s="348">
        <v>0</v>
      </c>
      <c r="LV31" s="345">
        <v>0</v>
      </c>
      <c r="LW31" s="349">
        <v>0</v>
      </c>
      <c r="LX31" s="413">
        <v>0</v>
      </c>
      <c r="LY31" s="345">
        <v>0</v>
      </c>
      <c r="LZ31" s="345">
        <v>0</v>
      </c>
      <c r="MA31" s="345">
        <v>0</v>
      </c>
      <c r="MB31" s="345">
        <v>0</v>
      </c>
      <c r="MC31" s="345">
        <v>0</v>
      </c>
      <c r="MD31" s="349">
        <v>0</v>
      </c>
      <c r="ME31" s="350">
        <v>0</v>
      </c>
      <c r="MF31" s="348">
        <v>0</v>
      </c>
      <c r="MG31" s="345">
        <v>0</v>
      </c>
      <c r="MH31" s="349">
        <v>0</v>
      </c>
      <c r="MI31" s="413">
        <v>0</v>
      </c>
      <c r="MJ31" s="345">
        <v>1026543</v>
      </c>
      <c r="MK31" s="345">
        <v>5548849</v>
      </c>
      <c r="ML31" s="345">
        <v>16746330</v>
      </c>
      <c r="MM31" s="345">
        <v>25467774</v>
      </c>
      <c r="MN31" s="345">
        <v>21386345</v>
      </c>
      <c r="MO31" s="349">
        <v>70175841</v>
      </c>
      <c r="MP31" s="354">
        <v>70175841</v>
      </c>
      <c r="MQ31" s="348">
        <v>0</v>
      </c>
      <c r="MR31" s="345">
        <v>0</v>
      </c>
      <c r="MS31" s="349">
        <v>0</v>
      </c>
      <c r="MT31" s="413">
        <v>0</v>
      </c>
      <c r="MU31" s="345">
        <v>255994</v>
      </c>
      <c r="MV31" s="345">
        <v>1024953</v>
      </c>
      <c r="MW31" s="345">
        <v>8443324</v>
      </c>
      <c r="MX31" s="345">
        <v>19277835</v>
      </c>
      <c r="MY31" s="345">
        <v>15433699</v>
      </c>
      <c r="MZ31" s="349">
        <v>44435805</v>
      </c>
      <c r="NA31" s="354">
        <v>44435805</v>
      </c>
      <c r="NB31" s="348">
        <v>0</v>
      </c>
      <c r="NC31" s="345">
        <v>0</v>
      </c>
      <c r="ND31" s="349">
        <v>0</v>
      </c>
      <c r="NE31" s="413">
        <v>0</v>
      </c>
      <c r="NF31" s="345">
        <v>699638</v>
      </c>
      <c r="NG31" s="345">
        <v>4210786</v>
      </c>
      <c r="NH31" s="345">
        <v>8303006</v>
      </c>
      <c r="NI31" s="345">
        <v>6189939</v>
      </c>
      <c r="NJ31" s="345">
        <v>5051903</v>
      </c>
      <c r="NK31" s="349">
        <v>24455272</v>
      </c>
      <c r="NL31" s="347">
        <v>24455272</v>
      </c>
      <c r="NM31" s="348">
        <v>0</v>
      </c>
      <c r="NN31" s="345">
        <v>0</v>
      </c>
      <c r="NO31" s="349">
        <v>0</v>
      </c>
      <c r="NP31" s="413">
        <v>0</v>
      </c>
      <c r="NQ31" s="345">
        <v>0</v>
      </c>
      <c r="NR31" s="345">
        <v>0</v>
      </c>
      <c r="NS31" s="345">
        <v>0</v>
      </c>
      <c r="NT31" s="345">
        <v>0</v>
      </c>
      <c r="NU31" s="345">
        <v>0</v>
      </c>
      <c r="NV31" s="349">
        <v>0</v>
      </c>
      <c r="NW31" s="350">
        <v>0</v>
      </c>
      <c r="NX31" s="348">
        <v>0</v>
      </c>
      <c r="NY31" s="345">
        <v>0</v>
      </c>
      <c r="NZ31" s="349">
        <v>0</v>
      </c>
      <c r="OA31" s="413">
        <v>0</v>
      </c>
      <c r="OB31" s="345">
        <v>70911</v>
      </c>
      <c r="OC31" s="345">
        <v>313110</v>
      </c>
      <c r="OD31" s="345">
        <v>0</v>
      </c>
      <c r="OE31" s="345">
        <v>0</v>
      </c>
      <c r="OF31" s="345">
        <v>900743</v>
      </c>
      <c r="OG31" s="349">
        <v>1284764</v>
      </c>
      <c r="OH31" s="350">
        <v>1284764</v>
      </c>
      <c r="OI31" s="348">
        <v>2098772</v>
      </c>
      <c r="OJ31" s="345">
        <v>3006106</v>
      </c>
      <c r="OK31" s="346">
        <v>5104878</v>
      </c>
      <c r="OL31" s="351">
        <v>0</v>
      </c>
      <c r="OM31" s="345">
        <v>27711944</v>
      </c>
      <c r="ON31" s="345">
        <v>51672842</v>
      </c>
      <c r="OO31" s="345">
        <v>54541504</v>
      </c>
      <c r="OP31" s="345">
        <v>52441199</v>
      </c>
      <c r="OQ31" s="345">
        <v>49939446</v>
      </c>
      <c r="OR31" s="349">
        <v>236306935</v>
      </c>
      <c r="OS31" s="354">
        <v>241411813</v>
      </c>
    </row>
    <row r="32" spans="2:409" s="70" customFormat="1" ht="21" customHeight="1" x14ac:dyDescent="0.2">
      <c r="B32" s="410" t="s">
        <v>27</v>
      </c>
      <c r="C32" s="326">
        <v>4058813</v>
      </c>
      <c r="D32" s="327">
        <v>6891840</v>
      </c>
      <c r="E32" s="328">
        <v>10950653</v>
      </c>
      <c r="F32" s="329">
        <v>0</v>
      </c>
      <c r="G32" s="327">
        <v>26240484</v>
      </c>
      <c r="H32" s="327">
        <v>23090528</v>
      </c>
      <c r="I32" s="327">
        <v>21043820</v>
      </c>
      <c r="J32" s="327">
        <v>21999149</v>
      </c>
      <c r="K32" s="327">
        <v>15004134</v>
      </c>
      <c r="L32" s="367">
        <v>107378115</v>
      </c>
      <c r="M32" s="330">
        <v>118328768</v>
      </c>
      <c r="N32" s="326">
        <v>661022</v>
      </c>
      <c r="O32" s="327">
        <v>1874649</v>
      </c>
      <c r="P32" s="328">
        <v>2535671</v>
      </c>
      <c r="Q32" s="326">
        <v>0</v>
      </c>
      <c r="R32" s="327">
        <v>5095514</v>
      </c>
      <c r="S32" s="327">
        <v>6300403</v>
      </c>
      <c r="T32" s="327">
        <v>5689428</v>
      </c>
      <c r="U32" s="327">
        <v>7206303</v>
      </c>
      <c r="V32" s="327">
        <v>7121508</v>
      </c>
      <c r="W32" s="328">
        <v>31413156</v>
      </c>
      <c r="X32" s="330">
        <v>33948827</v>
      </c>
      <c r="Y32" s="326">
        <v>0</v>
      </c>
      <c r="Z32" s="327">
        <v>0</v>
      </c>
      <c r="AA32" s="328">
        <v>0</v>
      </c>
      <c r="AB32" s="326">
        <v>0</v>
      </c>
      <c r="AC32" s="327">
        <v>2668278</v>
      </c>
      <c r="AD32" s="327">
        <v>3249508</v>
      </c>
      <c r="AE32" s="327">
        <v>3122876</v>
      </c>
      <c r="AF32" s="327">
        <v>4234058</v>
      </c>
      <c r="AG32" s="327">
        <v>3905844</v>
      </c>
      <c r="AH32" s="328">
        <v>17180564</v>
      </c>
      <c r="AI32" s="330">
        <v>17180564</v>
      </c>
      <c r="AJ32" s="326">
        <v>0</v>
      </c>
      <c r="AK32" s="327">
        <v>0</v>
      </c>
      <c r="AL32" s="328">
        <v>0</v>
      </c>
      <c r="AM32" s="326">
        <v>0</v>
      </c>
      <c r="AN32" s="327">
        <v>50650</v>
      </c>
      <c r="AO32" s="327">
        <v>179507</v>
      </c>
      <c r="AP32" s="327">
        <v>159579</v>
      </c>
      <c r="AQ32" s="327">
        <v>561085</v>
      </c>
      <c r="AR32" s="327">
        <v>1089385</v>
      </c>
      <c r="AS32" s="328">
        <v>2040206</v>
      </c>
      <c r="AT32" s="330">
        <v>2040206</v>
      </c>
      <c r="AU32" s="326">
        <v>529723</v>
      </c>
      <c r="AV32" s="327">
        <v>1501342</v>
      </c>
      <c r="AW32" s="328">
        <v>2031065</v>
      </c>
      <c r="AX32" s="326">
        <v>0</v>
      </c>
      <c r="AY32" s="327">
        <v>1288154</v>
      </c>
      <c r="AZ32" s="327">
        <v>2034376</v>
      </c>
      <c r="BA32" s="327">
        <v>1541336</v>
      </c>
      <c r="BB32" s="327">
        <v>1641137</v>
      </c>
      <c r="BC32" s="327">
        <v>1504719</v>
      </c>
      <c r="BD32" s="328">
        <v>8009722</v>
      </c>
      <c r="BE32" s="330">
        <v>10040787</v>
      </c>
      <c r="BF32" s="326">
        <v>17318</v>
      </c>
      <c r="BG32" s="327">
        <v>119179</v>
      </c>
      <c r="BH32" s="331">
        <v>136497</v>
      </c>
      <c r="BI32" s="332">
        <v>0</v>
      </c>
      <c r="BJ32" s="327">
        <v>35776</v>
      </c>
      <c r="BK32" s="327">
        <v>0</v>
      </c>
      <c r="BL32" s="327">
        <v>62609</v>
      </c>
      <c r="BM32" s="327">
        <v>0</v>
      </c>
      <c r="BN32" s="327">
        <v>55410</v>
      </c>
      <c r="BO32" s="328">
        <v>153795</v>
      </c>
      <c r="BP32" s="330">
        <v>290292</v>
      </c>
      <c r="BQ32" s="326">
        <v>113981</v>
      </c>
      <c r="BR32" s="327">
        <v>254128</v>
      </c>
      <c r="BS32" s="328">
        <v>368109</v>
      </c>
      <c r="BT32" s="326">
        <v>0</v>
      </c>
      <c r="BU32" s="327">
        <v>1052656</v>
      </c>
      <c r="BV32" s="327">
        <v>837012</v>
      </c>
      <c r="BW32" s="327">
        <v>803028</v>
      </c>
      <c r="BX32" s="327">
        <v>770023</v>
      </c>
      <c r="BY32" s="327">
        <v>566150</v>
      </c>
      <c r="BZ32" s="328">
        <v>4028869</v>
      </c>
      <c r="CA32" s="330">
        <v>4396978</v>
      </c>
      <c r="CB32" s="326">
        <v>446005</v>
      </c>
      <c r="CC32" s="327">
        <v>1353966</v>
      </c>
      <c r="CD32" s="328">
        <v>1799971</v>
      </c>
      <c r="CE32" s="326">
        <v>0</v>
      </c>
      <c r="CF32" s="327">
        <v>7916780</v>
      </c>
      <c r="CG32" s="327">
        <v>6310417</v>
      </c>
      <c r="CH32" s="327">
        <v>4783636</v>
      </c>
      <c r="CI32" s="327">
        <v>3890157</v>
      </c>
      <c r="CJ32" s="327">
        <v>1960210</v>
      </c>
      <c r="CK32" s="328">
        <v>24861200</v>
      </c>
      <c r="CL32" s="330">
        <v>26661171</v>
      </c>
      <c r="CM32" s="326">
        <v>0</v>
      </c>
      <c r="CN32" s="327">
        <v>0</v>
      </c>
      <c r="CO32" s="328">
        <v>0</v>
      </c>
      <c r="CP32" s="332">
        <v>0</v>
      </c>
      <c r="CQ32" s="327">
        <v>6471092</v>
      </c>
      <c r="CR32" s="327">
        <v>4348399</v>
      </c>
      <c r="CS32" s="327">
        <v>3451985</v>
      </c>
      <c r="CT32" s="327">
        <v>3234374</v>
      </c>
      <c r="CU32" s="327">
        <v>1450803</v>
      </c>
      <c r="CV32" s="328">
        <v>18956653</v>
      </c>
      <c r="CW32" s="330">
        <v>18956653</v>
      </c>
      <c r="CX32" s="326">
        <v>446005</v>
      </c>
      <c r="CY32" s="327">
        <v>1353966</v>
      </c>
      <c r="CZ32" s="328">
        <v>1799971</v>
      </c>
      <c r="DA32" s="326">
        <v>0</v>
      </c>
      <c r="DB32" s="327">
        <v>1445688</v>
      </c>
      <c r="DC32" s="327">
        <v>1962018</v>
      </c>
      <c r="DD32" s="327">
        <v>1331651</v>
      </c>
      <c r="DE32" s="327">
        <v>655783</v>
      </c>
      <c r="DF32" s="327">
        <v>509407</v>
      </c>
      <c r="DG32" s="328">
        <v>5904547</v>
      </c>
      <c r="DH32" s="330">
        <v>7704518</v>
      </c>
      <c r="DI32" s="326">
        <v>16711</v>
      </c>
      <c r="DJ32" s="327">
        <v>41536</v>
      </c>
      <c r="DK32" s="331">
        <v>58247</v>
      </c>
      <c r="DL32" s="332">
        <v>0</v>
      </c>
      <c r="DM32" s="327">
        <v>510512</v>
      </c>
      <c r="DN32" s="327">
        <v>1101498</v>
      </c>
      <c r="DO32" s="327">
        <v>1329191</v>
      </c>
      <c r="DP32" s="327">
        <v>1171536</v>
      </c>
      <c r="DQ32" s="327">
        <v>854354</v>
      </c>
      <c r="DR32" s="328">
        <v>4967091</v>
      </c>
      <c r="DS32" s="330">
        <v>5025338</v>
      </c>
      <c r="DT32" s="326">
        <v>0</v>
      </c>
      <c r="DU32" s="327">
        <v>23734</v>
      </c>
      <c r="DV32" s="328">
        <v>23734</v>
      </c>
      <c r="DW32" s="326">
        <v>0</v>
      </c>
      <c r="DX32" s="327">
        <v>452289</v>
      </c>
      <c r="DY32" s="327">
        <v>1050525</v>
      </c>
      <c r="DZ32" s="327">
        <v>1241067</v>
      </c>
      <c r="EA32" s="327">
        <v>1171536</v>
      </c>
      <c r="EB32" s="327">
        <v>854354</v>
      </c>
      <c r="EC32" s="328">
        <v>4769771</v>
      </c>
      <c r="ED32" s="330">
        <v>4793505</v>
      </c>
      <c r="EE32" s="326">
        <v>16711</v>
      </c>
      <c r="EF32" s="331">
        <v>17802</v>
      </c>
      <c r="EG32" s="328">
        <v>34513</v>
      </c>
      <c r="EH32" s="326">
        <v>0</v>
      </c>
      <c r="EI32" s="327">
        <v>58223</v>
      </c>
      <c r="EJ32" s="327">
        <v>50973</v>
      </c>
      <c r="EK32" s="327">
        <v>88124</v>
      </c>
      <c r="EL32" s="327">
        <v>0</v>
      </c>
      <c r="EM32" s="327">
        <v>0</v>
      </c>
      <c r="EN32" s="331">
        <v>197320</v>
      </c>
      <c r="EO32" s="330">
        <v>231833</v>
      </c>
      <c r="EP32" s="326">
        <v>0</v>
      </c>
      <c r="EQ32" s="327">
        <v>0</v>
      </c>
      <c r="ER32" s="331">
        <v>0</v>
      </c>
      <c r="ES32" s="332">
        <v>0</v>
      </c>
      <c r="ET32" s="327">
        <v>0</v>
      </c>
      <c r="EU32" s="327">
        <v>0</v>
      </c>
      <c r="EV32" s="327">
        <v>0</v>
      </c>
      <c r="EW32" s="327">
        <v>0</v>
      </c>
      <c r="EX32" s="327">
        <v>0</v>
      </c>
      <c r="EY32" s="328">
        <v>0</v>
      </c>
      <c r="EZ32" s="330">
        <v>0</v>
      </c>
      <c r="FA32" s="326">
        <v>0</v>
      </c>
      <c r="FB32" s="327">
        <v>0</v>
      </c>
      <c r="FC32" s="331">
        <v>0</v>
      </c>
      <c r="FD32" s="332">
        <v>0</v>
      </c>
      <c r="FE32" s="327">
        <v>0</v>
      </c>
      <c r="FF32" s="327">
        <v>0</v>
      </c>
      <c r="FG32" s="327">
        <v>0</v>
      </c>
      <c r="FH32" s="327">
        <v>0</v>
      </c>
      <c r="FI32" s="327">
        <v>0</v>
      </c>
      <c r="FJ32" s="328">
        <v>0</v>
      </c>
      <c r="FK32" s="330">
        <v>0</v>
      </c>
      <c r="FL32" s="326">
        <v>1263780</v>
      </c>
      <c r="FM32" s="327">
        <v>1269919</v>
      </c>
      <c r="FN32" s="328">
        <v>2533699</v>
      </c>
      <c r="FO32" s="326">
        <v>0</v>
      </c>
      <c r="FP32" s="327">
        <v>727756</v>
      </c>
      <c r="FQ32" s="327">
        <v>2023048</v>
      </c>
      <c r="FR32" s="327">
        <v>1465036</v>
      </c>
      <c r="FS32" s="327">
        <v>1670847</v>
      </c>
      <c r="FT32" s="327">
        <v>986556</v>
      </c>
      <c r="FU32" s="328">
        <v>6873243</v>
      </c>
      <c r="FV32" s="330">
        <v>9406942</v>
      </c>
      <c r="FW32" s="333">
        <v>519823</v>
      </c>
      <c r="FX32" s="327">
        <v>1126330</v>
      </c>
      <c r="FY32" s="331">
        <v>1646153</v>
      </c>
      <c r="FZ32" s="332">
        <v>0</v>
      </c>
      <c r="GA32" s="327">
        <v>625418</v>
      </c>
      <c r="GB32" s="327">
        <v>1909228</v>
      </c>
      <c r="GC32" s="327">
        <v>1258213</v>
      </c>
      <c r="GD32" s="327">
        <v>1434597</v>
      </c>
      <c r="GE32" s="327">
        <v>986556</v>
      </c>
      <c r="GF32" s="328">
        <v>6214012</v>
      </c>
      <c r="GG32" s="334">
        <v>7860165</v>
      </c>
      <c r="GH32" s="333">
        <v>123255</v>
      </c>
      <c r="GI32" s="327">
        <v>143589</v>
      </c>
      <c r="GJ32" s="331">
        <v>266844</v>
      </c>
      <c r="GK32" s="332">
        <v>0</v>
      </c>
      <c r="GL32" s="327">
        <v>102338</v>
      </c>
      <c r="GM32" s="327">
        <v>50370</v>
      </c>
      <c r="GN32" s="327">
        <v>46173</v>
      </c>
      <c r="GO32" s="327">
        <v>19008</v>
      </c>
      <c r="GP32" s="327">
        <v>0</v>
      </c>
      <c r="GQ32" s="328">
        <v>217889</v>
      </c>
      <c r="GR32" s="330">
        <v>484733</v>
      </c>
      <c r="GS32" s="326">
        <v>620702</v>
      </c>
      <c r="GT32" s="327">
        <v>0</v>
      </c>
      <c r="GU32" s="328">
        <v>620702</v>
      </c>
      <c r="GV32" s="326">
        <v>0</v>
      </c>
      <c r="GW32" s="327">
        <v>0</v>
      </c>
      <c r="GX32" s="327">
        <v>63450</v>
      </c>
      <c r="GY32" s="327">
        <v>160650</v>
      </c>
      <c r="GZ32" s="327">
        <v>217242</v>
      </c>
      <c r="HA32" s="327">
        <v>0</v>
      </c>
      <c r="HB32" s="331">
        <v>441342</v>
      </c>
      <c r="HC32" s="330">
        <v>1062044</v>
      </c>
      <c r="HD32" s="326">
        <v>992377</v>
      </c>
      <c r="HE32" s="327">
        <v>1444754</v>
      </c>
      <c r="HF32" s="331">
        <v>2437131</v>
      </c>
      <c r="HG32" s="332">
        <v>0</v>
      </c>
      <c r="HH32" s="327">
        <v>8578355</v>
      </c>
      <c r="HI32" s="327">
        <v>4957665</v>
      </c>
      <c r="HJ32" s="327">
        <v>6058431</v>
      </c>
      <c r="HK32" s="327">
        <v>6494599</v>
      </c>
      <c r="HL32" s="327">
        <v>3223613</v>
      </c>
      <c r="HM32" s="328">
        <v>29312663</v>
      </c>
      <c r="HN32" s="329">
        <v>31749794</v>
      </c>
      <c r="HO32" s="333">
        <v>678918</v>
      </c>
      <c r="HP32" s="327">
        <v>907016</v>
      </c>
      <c r="HQ32" s="328">
        <v>1585934</v>
      </c>
      <c r="HR32" s="326">
        <v>0</v>
      </c>
      <c r="HS32" s="327">
        <v>3411567</v>
      </c>
      <c r="HT32" s="327">
        <v>2397497</v>
      </c>
      <c r="HU32" s="327">
        <v>1718098</v>
      </c>
      <c r="HV32" s="327">
        <v>1565707</v>
      </c>
      <c r="HW32" s="327">
        <v>857893</v>
      </c>
      <c r="HX32" s="331">
        <v>9950762</v>
      </c>
      <c r="HY32" s="330">
        <v>11536696</v>
      </c>
      <c r="HZ32" s="358">
        <v>0</v>
      </c>
      <c r="IA32" s="356">
        <v>0</v>
      </c>
      <c r="IB32" s="358">
        <v>0</v>
      </c>
      <c r="IC32" s="355">
        <v>0</v>
      </c>
      <c r="ID32" s="356">
        <v>5680979</v>
      </c>
      <c r="IE32" s="357">
        <v>5191206</v>
      </c>
      <c r="IF32" s="358">
        <v>6990166</v>
      </c>
      <c r="IG32" s="356">
        <v>5260391</v>
      </c>
      <c r="IH32" s="358">
        <v>3732026</v>
      </c>
      <c r="II32" s="359">
        <v>26854768</v>
      </c>
      <c r="IJ32" s="358">
        <v>26854768</v>
      </c>
      <c r="IK32" s="342">
        <v>0</v>
      </c>
      <c r="IL32" s="343">
        <v>0</v>
      </c>
      <c r="IM32" s="344">
        <v>0</v>
      </c>
      <c r="IN32" s="404">
        <v>0</v>
      </c>
      <c r="IO32" s="345">
        <v>0</v>
      </c>
      <c r="IP32" s="345">
        <v>0</v>
      </c>
      <c r="IQ32" s="345">
        <v>173104</v>
      </c>
      <c r="IR32" s="345">
        <v>0</v>
      </c>
      <c r="IS32" s="345">
        <v>0</v>
      </c>
      <c r="IT32" s="346">
        <v>173104</v>
      </c>
      <c r="IU32" s="347">
        <v>173104</v>
      </c>
      <c r="IV32" s="348">
        <v>0</v>
      </c>
      <c r="IW32" s="345">
        <v>0</v>
      </c>
      <c r="IX32" s="349">
        <v>0</v>
      </c>
      <c r="IY32" s="413">
        <v>0</v>
      </c>
      <c r="IZ32" s="345">
        <v>0</v>
      </c>
      <c r="JA32" s="345">
        <v>0</v>
      </c>
      <c r="JB32" s="345">
        <v>0</v>
      </c>
      <c r="JC32" s="345">
        <v>0</v>
      </c>
      <c r="JD32" s="345">
        <v>0</v>
      </c>
      <c r="JE32" s="349">
        <v>0</v>
      </c>
      <c r="JF32" s="350">
        <v>0</v>
      </c>
      <c r="JG32" s="348">
        <v>0</v>
      </c>
      <c r="JH32" s="345">
        <v>0</v>
      </c>
      <c r="JI32" s="346">
        <v>0</v>
      </c>
      <c r="JJ32" s="351">
        <v>0</v>
      </c>
      <c r="JK32" s="345">
        <v>1892133</v>
      </c>
      <c r="JL32" s="345">
        <v>924697</v>
      </c>
      <c r="JM32" s="345">
        <v>420383</v>
      </c>
      <c r="JN32" s="345">
        <v>184286</v>
      </c>
      <c r="JO32" s="345">
        <v>244079</v>
      </c>
      <c r="JP32" s="349">
        <v>3665578</v>
      </c>
      <c r="JQ32" s="347">
        <v>3665578</v>
      </c>
      <c r="JR32" s="348">
        <v>0</v>
      </c>
      <c r="JS32" s="345">
        <v>0</v>
      </c>
      <c r="JT32" s="346">
        <v>0</v>
      </c>
      <c r="JU32" s="351">
        <v>0</v>
      </c>
      <c r="JV32" s="345">
        <v>260708</v>
      </c>
      <c r="JW32" s="345">
        <v>129286</v>
      </c>
      <c r="JX32" s="345">
        <v>296364</v>
      </c>
      <c r="JY32" s="345">
        <v>263200</v>
      </c>
      <c r="JZ32" s="345">
        <v>0</v>
      </c>
      <c r="KA32" s="349">
        <v>949558</v>
      </c>
      <c r="KB32" s="347">
        <v>949558</v>
      </c>
      <c r="KC32" s="352">
        <v>0</v>
      </c>
      <c r="KD32" s="353">
        <v>0</v>
      </c>
      <c r="KE32" s="349">
        <v>0</v>
      </c>
      <c r="KF32" s="351">
        <v>0</v>
      </c>
      <c r="KG32" s="345">
        <v>1186594</v>
      </c>
      <c r="KH32" s="345">
        <v>947307</v>
      </c>
      <c r="KI32" s="345">
        <v>1311281</v>
      </c>
      <c r="KJ32" s="345">
        <v>494506</v>
      </c>
      <c r="KK32" s="345">
        <v>0</v>
      </c>
      <c r="KL32" s="349">
        <v>3939688</v>
      </c>
      <c r="KM32" s="354">
        <v>3939688</v>
      </c>
      <c r="KN32" s="342">
        <v>0</v>
      </c>
      <c r="KO32" s="343">
        <v>0</v>
      </c>
      <c r="KP32" s="344">
        <v>0</v>
      </c>
      <c r="KQ32" s="413">
        <v>0</v>
      </c>
      <c r="KR32" s="345">
        <v>1781592</v>
      </c>
      <c r="KS32" s="345">
        <v>2600795</v>
      </c>
      <c r="KT32" s="345">
        <v>2058200</v>
      </c>
      <c r="KU32" s="345">
        <v>1403737</v>
      </c>
      <c r="KV32" s="345">
        <v>1422168</v>
      </c>
      <c r="KW32" s="349">
        <v>9266492</v>
      </c>
      <c r="KX32" s="347">
        <v>9266492</v>
      </c>
      <c r="KY32" s="348">
        <v>0</v>
      </c>
      <c r="KZ32" s="345">
        <v>0</v>
      </c>
      <c r="LA32" s="349">
        <v>0</v>
      </c>
      <c r="LB32" s="413">
        <v>0</v>
      </c>
      <c r="LC32" s="345">
        <v>0</v>
      </c>
      <c r="LD32" s="345">
        <v>0</v>
      </c>
      <c r="LE32" s="345">
        <v>0</v>
      </c>
      <c r="LF32" s="345">
        <v>0</v>
      </c>
      <c r="LG32" s="345">
        <v>0</v>
      </c>
      <c r="LH32" s="349">
        <v>0</v>
      </c>
      <c r="LI32" s="350">
        <v>0</v>
      </c>
      <c r="LJ32" s="348">
        <v>0</v>
      </c>
      <c r="LK32" s="345">
        <v>0</v>
      </c>
      <c r="LL32" s="349">
        <v>0</v>
      </c>
      <c r="LM32" s="413">
        <v>0</v>
      </c>
      <c r="LN32" s="345">
        <v>0</v>
      </c>
      <c r="LO32" s="345">
        <v>0</v>
      </c>
      <c r="LP32" s="345">
        <v>2140973</v>
      </c>
      <c r="LQ32" s="345">
        <v>2664297</v>
      </c>
      <c r="LR32" s="345">
        <v>1718202</v>
      </c>
      <c r="LS32" s="349">
        <v>6523472</v>
      </c>
      <c r="LT32" s="347">
        <v>6523472</v>
      </c>
      <c r="LU32" s="348">
        <v>0</v>
      </c>
      <c r="LV32" s="345">
        <v>0</v>
      </c>
      <c r="LW32" s="349">
        <v>0</v>
      </c>
      <c r="LX32" s="413">
        <v>0</v>
      </c>
      <c r="LY32" s="345">
        <v>559952</v>
      </c>
      <c r="LZ32" s="345">
        <v>589121</v>
      </c>
      <c r="MA32" s="345">
        <v>589861</v>
      </c>
      <c r="MB32" s="345">
        <v>250365</v>
      </c>
      <c r="MC32" s="345">
        <v>347577</v>
      </c>
      <c r="MD32" s="349">
        <v>2336876</v>
      </c>
      <c r="ME32" s="350">
        <v>2336876</v>
      </c>
      <c r="MF32" s="348">
        <v>0</v>
      </c>
      <c r="MG32" s="345">
        <v>0</v>
      </c>
      <c r="MH32" s="349">
        <v>0</v>
      </c>
      <c r="MI32" s="413">
        <v>0</v>
      </c>
      <c r="MJ32" s="345">
        <v>2146662</v>
      </c>
      <c r="MK32" s="345">
        <v>4415923</v>
      </c>
      <c r="ML32" s="345">
        <v>11195197</v>
      </c>
      <c r="MM32" s="345">
        <v>26364019</v>
      </c>
      <c r="MN32" s="345">
        <v>14695877</v>
      </c>
      <c r="MO32" s="349">
        <v>58817678</v>
      </c>
      <c r="MP32" s="354">
        <v>58817678</v>
      </c>
      <c r="MQ32" s="348">
        <v>0</v>
      </c>
      <c r="MR32" s="345">
        <v>0</v>
      </c>
      <c r="MS32" s="349">
        <v>0</v>
      </c>
      <c r="MT32" s="413">
        <v>0</v>
      </c>
      <c r="MU32" s="345">
        <v>500274</v>
      </c>
      <c r="MV32" s="345">
        <v>462828</v>
      </c>
      <c r="MW32" s="345">
        <v>6849864</v>
      </c>
      <c r="MX32" s="345">
        <v>17520758</v>
      </c>
      <c r="MY32" s="345">
        <v>9808387</v>
      </c>
      <c r="MZ32" s="349">
        <v>35142111</v>
      </c>
      <c r="NA32" s="354">
        <v>35142111</v>
      </c>
      <c r="NB32" s="348">
        <v>0</v>
      </c>
      <c r="NC32" s="345">
        <v>0</v>
      </c>
      <c r="ND32" s="349">
        <v>0</v>
      </c>
      <c r="NE32" s="413">
        <v>0</v>
      </c>
      <c r="NF32" s="345">
        <v>1646388</v>
      </c>
      <c r="NG32" s="345">
        <v>3953095</v>
      </c>
      <c r="NH32" s="345">
        <v>4345333</v>
      </c>
      <c r="NI32" s="345">
        <v>8446227</v>
      </c>
      <c r="NJ32" s="345">
        <v>3992894</v>
      </c>
      <c r="NK32" s="349">
        <v>22383937</v>
      </c>
      <c r="NL32" s="347">
        <v>22383937</v>
      </c>
      <c r="NM32" s="348">
        <v>0</v>
      </c>
      <c r="NN32" s="345">
        <v>0</v>
      </c>
      <c r="NO32" s="349">
        <v>0</v>
      </c>
      <c r="NP32" s="413">
        <v>0</v>
      </c>
      <c r="NQ32" s="345">
        <v>0</v>
      </c>
      <c r="NR32" s="345">
        <v>0</v>
      </c>
      <c r="NS32" s="345">
        <v>0</v>
      </c>
      <c r="NT32" s="345">
        <v>0</v>
      </c>
      <c r="NU32" s="345">
        <v>0</v>
      </c>
      <c r="NV32" s="349">
        <v>0</v>
      </c>
      <c r="NW32" s="350">
        <v>0</v>
      </c>
      <c r="NX32" s="348">
        <v>0</v>
      </c>
      <c r="NY32" s="345">
        <v>0</v>
      </c>
      <c r="NZ32" s="349">
        <v>0</v>
      </c>
      <c r="OA32" s="413">
        <v>0</v>
      </c>
      <c r="OB32" s="345">
        <v>0</v>
      </c>
      <c r="OC32" s="345">
        <v>0</v>
      </c>
      <c r="OD32" s="345">
        <v>0</v>
      </c>
      <c r="OE32" s="345">
        <v>397034</v>
      </c>
      <c r="OF32" s="345">
        <v>894596</v>
      </c>
      <c r="OG32" s="349">
        <v>1291630</v>
      </c>
      <c r="OH32" s="350">
        <v>1291630</v>
      </c>
      <c r="OI32" s="348">
        <v>4058813</v>
      </c>
      <c r="OJ32" s="345">
        <v>6891840</v>
      </c>
      <c r="OK32" s="346">
        <v>10950653</v>
      </c>
      <c r="OL32" s="351">
        <v>0</v>
      </c>
      <c r="OM32" s="345">
        <v>34068125</v>
      </c>
      <c r="ON32" s="345">
        <v>32697657</v>
      </c>
      <c r="OO32" s="345">
        <v>39229183</v>
      </c>
      <c r="OP32" s="345">
        <v>53623559</v>
      </c>
      <c r="OQ32" s="345">
        <v>33432037</v>
      </c>
      <c r="OR32" s="349">
        <v>193050561</v>
      </c>
      <c r="OS32" s="354">
        <v>204001214</v>
      </c>
    </row>
    <row r="33" spans="2:409" s="70" customFormat="1" ht="21" customHeight="1" x14ac:dyDescent="0.2">
      <c r="B33" s="410" t="s">
        <v>28</v>
      </c>
      <c r="C33" s="326">
        <v>142752</v>
      </c>
      <c r="D33" s="327">
        <v>672353</v>
      </c>
      <c r="E33" s="328">
        <v>815105</v>
      </c>
      <c r="F33" s="329">
        <v>0</v>
      </c>
      <c r="G33" s="327">
        <v>6006601</v>
      </c>
      <c r="H33" s="327">
        <v>9945273</v>
      </c>
      <c r="I33" s="327">
        <v>6010449</v>
      </c>
      <c r="J33" s="327">
        <v>6127466</v>
      </c>
      <c r="K33" s="327">
        <v>4268369</v>
      </c>
      <c r="L33" s="367">
        <v>32358158</v>
      </c>
      <c r="M33" s="330">
        <v>33173263</v>
      </c>
      <c r="N33" s="326">
        <v>49809</v>
      </c>
      <c r="O33" s="327">
        <v>111276</v>
      </c>
      <c r="P33" s="328">
        <v>161085</v>
      </c>
      <c r="Q33" s="326">
        <v>0</v>
      </c>
      <c r="R33" s="327">
        <v>1233938</v>
      </c>
      <c r="S33" s="327">
        <v>1925508</v>
      </c>
      <c r="T33" s="327">
        <v>1169290</v>
      </c>
      <c r="U33" s="327">
        <v>2180427</v>
      </c>
      <c r="V33" s="327">
        <v>2056891</v>
      </c>
      <c r="W33" s="328">
        <v>8566054</v>
      </c>
      <c r="X33" s="330">
        <v>8727139</v>
      </c>
      <c r="Y33" s="326">
        <v>0</v>
      </c>
      <c r="Z33" s="327">
        <v>0</v>
      </c>
      <c r="AA33" s="328">
        <v>0</v>
      </c>
      <c r="AB33" s="326">
        <v>0</v>
      </c>
      <c r="AC33" s="327">
        <v>635720</v>
      </c>
      <c r="AD33" s="327">
        <v>1014920</v>
      </c>
      <c r="AE33" s="327">
        <v>480659</v>
      </c>
      <c r="AF33" s="327">
        <v>1100870</v>
      </c>
      <c r="AG33" s="327">
        <v>1377751</v>
      </c>
      <c r="AH33" s="328">
        <v>4609920</v>
      </c>
      <c r="AI33" s="330">
        <v>4609920</v>
      </c>
      <c r="AJ33" s="326">
        <v>0</v>
      </c>
      <c r="AK33" s="327">
        <v>0</v>
      </c>
      <c r="AL33" s="328">
        <v>0</v>
      </c>
      <c r="AM33" s="326">
        <v>0</v>
      </c>
      <c r="AN33" s="327">
        <v>0</v>
      </c>
      <c r="AO33" s="327">
        <v>124891</v>
      </c>
      <c r="AP33" s="327">
        <v>0</v>
      </c>
      <c r="AQ33" s="327">
        <v>116895</v>
      </c>
      <c r="AR33" s="327">
        <v>90918</v>
      </c>
      <c r="AS33" s="328">
        <v>332704</v>
      </c>
      <c r="AT33" s="330">
        <v>332704</v>
      </c>
      <c r="AU33" s="326">
        <v>49809</v>
      </c>
      <c r="AV33" s="327">
        <v>98642</v>
      </c>
      <c r="AW33" s="328">
        <v>148451</v>
      </c>
      <c r="AX33" s="326">
        <v>0</v>
      </c>
      <c r="AY33" s="327">
        <v>427032</v>
      </c>
      <c r="AZ33" s="327">
        <v>535024</v>
      </c>
      <c r="BA33" s="327">
        <v>390342</v>
      </c>
      <c r="BB33" s="327">
        <v>783940</v>
      </c>
      <c r="BC33" s="327">
        <v>338336</v>
      </c>
      <c r="BD33" s="328">
        <v>2474674</v>
      </c>
      <c r="BE33" s="330">
        <v>2623125</v>
      </c>
      <c r="BF33" s="326">
        <v>0</v>
      </c>
      <c r="BG33" s="327">
        <v>0</v>
      </c>
      <c r="BH33" s="331">
        <v>0</v>
      </c>
      <c r="BI33" s="332">
        <v>0</v>
      </c>
      <c r="BJ33" s="327">
        <v>17514</v>
      </c>
      <c r="BK33" s="327">
        <v>0</v>
      </c>
      <c r="BL33" s="327">
        <v>136003</v>
      </c>
      <c r="BM33" s="327">
        <v>17830</v>
      </c>
      <c r="BN33" s="327">
        <v>17830</v>
      </c>
      <c r="BO33" s="328">
        <v>189177</v>
      </c>
      <c r="BP33" s="330">
        <v>189177</v>
      </c>
      <c r="BQ33" s="326">
        <v>0</v>
      </c>
      <c r="BR33" s="327">
        <v>12634</v>
      </c>
      <c r="BS33" s="328">
        <v>12634</v>
      </c>
      <c r="BT33" s="326">
        <v>0</v>
      </c>
      <c r="BU33" s="327">
        <v>153672</v>
      </c>
      <c r="BV33" s="327">
        <v>250673</v>
      </c>
      <c r="BW33" s="327">
        <v>162286</v>
      </c>
      <c r="BX33" s="327">
        <v>160892</v>
      </c>
      <c r="BY33" s="327">
        <v>232056</v>
      </c>
      <c r="BZ33" s="328">
        <v>959579</v>
      </c>
      <c r="CA33" s="330">
        <v>972213</v>
      </c>
      <c r="CB33" s="326">
        <v>21456</v>
      </c>
      <c r="CC33" s="327">
        <v>212627</v>
      </c>
      <c r="CD33" s="328">
        <v>234083</v>
      </c>
      <c r="CE33" s="326">
        <v>0</v>
      </c>
      <c r="CF33" s="327">
        <v>2296028</v>
      </c>
      <c r="CG33" s="327">
        <v>4214926</v>
      </c>
      <c r="CH33" s="327">
        <v>2524612</v>
      </c>
      <c r="CI33" s="327">
        <v>2014067</v>
      </c>
      <c r="CJ33" s="327">
        <v>806267</v>
      </c>
      <c r="CK33" s="328">
        <v>11855900</v>
      </c>
      <c r="CL33" s="330">
        <v>12089983</v>
      </c>
      <c r="CM33" s="326">
        <v>0</v>
      </c>
      <c r="CN33" s="327">
        <v>0</v>
      </c>
      <c r="CO33" s="328">
        <v>0</v>
      </c>
      <c r="CP33" s="332">
        <v>0</v>
      </c>
      <c r="CQ33" s="327">
        <v>1668409</v>
      </c>
      <c r="CR33" s="327">
        <v>3114744</v>
      </c>
      <c r="CS33" s="327">
        <v>2031451</v>
      </c>
      <c r="CT33" s="327">
        <v>1115910</v>
      </c>
      <c r="CU33" s="327">
        <v>446551</v>
      </c>
      <c r="CV33" s="328">
        <v>8377065</v>
      </c>
      <c r="CW33" s="330">
        <v>8377065</v>
      </c>
      <c r="CX33" s="326">
        <v>21456</v>
      </c>
      <c r="CY33" s="327">
        <v>212627</v>
      </c>
      <c r="CZ33" s="328">
        <v>234083</v>
      </c>
      <c r="DA33" s="326">
        <v>0</v>
      </c>
      <c r="DB33" s="327">
        <v>627619</v>
      </c>
      <c r="DC33" s="327">
        <v>1100182</v>
      </c>
      <c r="DD33" s="327">
        <v>493161</v>
      </c>
      <c r="DE33" s="327">
        <v>898157</v>
      </c>
      <c r="DF33" s="327">
        <v>359716</v>
      </c>
      <c r="DG33" s="328">
        <v>3478835</v>
      </c>
      <c r="DH33" s="330">
        <v>3712918</v>
      </c>
      <c r="DI33" s="326">
        <v>0</v>
      </c>
      <c r="DJ33" s="327">
        <v>23344</v>
      </c>
      <c r="DK33" s="331">
        <v>23344</v>
      </c>
      <c r="DL33" s="332">
        <v>0</v>
      </c>
      <c r="DM33" s="327">
        <v>110714</v>
      </c>
      <c r="DN33" s="327">
        <v>237175</v>
      </c>
      <c r="DO33" s="327">
        <v>657520</v>
      </c>
      <c r="DP33" s="327">
        <v>359410</v>
      </c>
      <c r="DQ33" s="327">
        <v>135034</v>
      </c>
      <c r="DR33" s="328">
        <v>1499853</v>
      </c>
      <c r="DS33" s="330">
        <v>1523197</v>
      </c>
      <c r="DT33" s="326">
        <v>0</v>
      </c>
      <c r="DU33" s="327">
        <v>23344</v>
      </c>
      <c r="DV33" s="328">
        <v>23344</v>
      </c>
      <c r="DW33" s="326">
        <v>0</v>
      </c>
      <c r="DX33" s="327">
        <v>88180</v>
      </c>
      <c r="DY33" s="327">
        <v>237175</v>
      </c>
      <c r="DZ33" s="327">
        <v>489071</v>
      </c>
      <c r="EA33" s="327">
        <v>224315</v>
      </c>
      <c r="EB33" s="327">
        <v>52201</v>
      </c>
      <c r="EC33" s="328">
        <v>1090942</v>
      </c>
      <c r="ED33" s="330">
        <v>1114286</v>
      </c>
      <c r="EE33" s="326">
        <v>0</v>
      </c>
      <c r="EF33" s="331">
        <v>0</v>
      </c>
      <c r="EG33" s="328">
        <v>0</v>
      </c>
      <c r="EH33" s="326">
        <v>0</v>
      </c>
      <c r="EI33" s="327">
        <v>22534</v>
      </c>
      <c r="EJ33" s="327">
        <v>0</v>
      </c>
      <c r="EK33" s="327">
        <v>168449</v>
      </c>
      <c r="EL33" s="327">
        <v>135095</v>
      </c>
      <c r="EM33" s="327">
        <v>82833</v>
      </c>
      <c r="EN33" s="331">
        <v>408911</v>
      </c>
      <c r="EO33" s="330">
        <v>408911</v>
      </c>
      <c r="EP33" s="326">
        <v>0</v>
      </c>
      <c r="EQ33" s="327">
        <v>0</v>
      </c>
      <c r="ER33" s="331">
        <v>0</v>
      </c>
      <c r="ES33" s="332">
        <v>0</v>
      </c>
      <c r="ET33" s="327">
        <v>0</v>
      </c>
      <c r="EU33" s="327">
        <v>0</v>
      </c>
      <c r="EV33" s="327">
        <v>0</v>
      </c>
      <c r="EW33" s="327">
        <v>0</v>
      </c>
      <c r="EX33" s="327">
        <v>0</v>
      </c>
      <c r="EY33" s="328">
        <v>0</v>
      </c>
      <c r="EZ33" s="330">
        <v>0</v>
      </c>
      <c r="FA33" s="326">
        <v>0</v>
      </c>
      <c r="FB33" s="327">
        <v>0</v>
      </c>
      <c r="FC33" s="331">
        <v>0</v>
      </c>
      <c r="FD33" s="332">
        <v>0</v>
      </c>
      <c r="FE33" s="327">
        <v>0</v>
      </c>
      <c r="FF33" s="327">
        <v>0</v>
      </c>
      <c r="FG33" s="327">
        <v>0</v>
      </c>
      <c r="FH33" s="327">
        <v>0</v>
      </c>
      <c r="FI33" s="327">
        <v>0</v>
      </c>
      <c r="FJ33" s="328">
        <v>0</v>
      </c>
      <c r="FK33" s="330">
        <v>0</v>
      </c>
      <c r="FL33" s="326">
        <v>30042</v>
      </c>
      <c r="FM33" s="327">
        <v>180580</v>
      </c>
      <c r="FN33" s="328">
        <v>210622</v>
      </c>
      <c r="FO33" s="326">
        <v>0</v>
      </c>
      <c r="FP33" s="327">
        <v>316574</v>
      </c>
      <c r="FQ33" s="327">
        <v>992038</v>
      </c>
      <c r="FR33" s="327">
        <v>468658</v>
      </c>
      <c r="FS33" s="327">
        <v>572238</v>
      </c>
      <c r="FT33" s="327">
        <v>277996</v>
      </c>
      <c r="FU33" s="328">
        <v>2627504</v>
      </c>
      <c r="FV33" s="330">
        <v>2838126</v>
      </c>
      <c r="FW33" s="333">
        <v>30042</v>
      </c>
      <c r="FX33" s="327">
        <v>180580</v>
      </c>
      <c r="FY33" s="331">
        <v>210622</v>
      </c>
      <c r="FZ33" s="332">
        <v>0</v>
      </c>
      <c r="GA33" s="327">
        <v>316574</v>
      </c>
      <c r="GB33" s="327">
        <v>938038</v>
      </c>
      <c r="GC33" s="327">
        <v>468658</v>
      </c>
      <c r="GD33" s="327">
        <v>545073</v>
      </c>
      <c r="GE33" s="327">
        <v>277996</v>
      </c>
      <c r="GF33" s="328">
        <v>2546339</v>
      </c>
      <c r="GG33" s="334">
        <v>2756961</v>
      </c>
      <c r="GH33" s="333">
        <v>0</v>
      </c>
      <c r="GI33" s="327">
        <v>0</v>
      </c>
      <c r="GJ33" s="331">
        <v>0</v>
      </c>
      <c r="GK33" s="332">
        <v>0</v>
      </c>
      <c r="GL33" s="327">
        <v>0</v>
      </c>
      <c r="GM33" s="327">
        <v>0</v>
      </c>
      <c r="GN33" s="327">
        <v>0</v>
      </c>
      <c r="GO33" s="327">
        <v>27165</v>
      </c>
      <c r="GP33" s="327">
        <v>0</v>
      </c>
      <c r="GQ33" s="328">
        <v>27165</v>
      </c>
      <c r="GR33" s="330">
        <v>27165</v>
      </c>
      <c r="GS33" s="326">
        <v>0</v>
      </c>
      <c r="GT33" s="327">
        <v>0</v>
      </c>
      <c r="GU33" s="328">
        <v>0</v>
      </c>
      <c r="GV33" s="326">
        <v>0</v>
      </c>
      <c r="GW33" s="327">
        <v>0</v>
      </c>
      <c r="GX33" s="327">
        <v>54000</v>
      </c>
      <c r="GY33" s="327">
        <v>0</v>
      </c>
      <c r="GZ33" s="327">
        <v>0</v>
      </c>
      <c r="HA33" s="327">
        <v>0</v>
      </c>
      <c r="HB33" s="331">
        <v>54000</v>
      </c>
      <c r="HC33" s="330">
        <v>54000</v>
      </c>
      <c r="HD33" s="326">
        <v>0</v>
      </c>
      <c r="HE33" s="327">
        <v>0</v>
      </c>
      <c r="HF33" s="331">
        <v>0</v>
      </c>
      <c r="HG33" s="332">
        <v>0</v>
      </c>
      <c r="HH33" s="327">
        <v>874844</v>
      </c>
      <c r="HI33" s="327">
        <v>1384315</v>
      </c>
      <c r="HJ33" s="327">
        <v>443947</v>
      </c>
      <c r="HK33" s="327">
        <v>477835</v>
      </c>
      <c r="HL33" s="327">
        <v>711784</v>
      </c>
      <c r="HM33" s="328">
        <v>3892725</v>
      </c>
      <c r="HN33" s="329">
        <v>3892725</v>
      </c>
      <c r="HO33" s="333">
        <v>41445</v>
      </c>
      <c r="HP33" s="327">
        <v>144526</v>
      </c>
      <c r="HQ33" s="328">
        <v>185971</v>
      </c>
      <c r="HR33" s="326">
        <v>0</v>
      </c>
      <c r="HS33" s="327">
        <v>1174503</v>
      </c>
      <c r="HT33" s="327">
        <v>1191311</v>
      </c>
      <c r="HU33" s="327">
        <v>746422</v>
      </c>
      <c r="HV33" s="327">
        <v>523489</v>
      </c>
      <c r="HW33" s="327">
        <v>280397</v>
      </c>
      <c r="HX33" s="331">
        <v>3916122</v>
      </c>
      <c r="HY33" s="330">
        <v>4102093</v>
      </c>
      <c r="HZ33" s="335">
        <v>0</v>
      </c>
      <c r="IA33" s="336">
        <v>0</v>
      </c>
      <c r="IB33" s="337">
        <v>0</v>
      </c>
      <c r="IC33" s="338">
        <v>0</v>
      </c>
      <c r="ID33" s="336">
        <v>1770399</v>
      </c>
      <c r="IE33" s="339">
        <v>1670147</v>
      </c>
      <c r="IF33" s="337">
        <v>1913295</v>
      </c>
      <c r="IG33" s="336">
        <v>1494597</v>
      </c>
      <c r="IH33" s="337">
        <v>1473154</v>
      </c>
      <c r="II33" s="340">
        <v>8321592</v>
      </c>
      <c r="IJ33" s="341">
        <v>8321592</v>
      </c>
      <c r="IK33" s="342">
        <v>0</v>
      </c>
      <c r="IL33" s="343">
        <v>0</v>
      </c>
      <c r="IM33" s="344">
        <v>0</v>
      </c>
      <c r="IN33" s="404">
        <v>0</v>
      </c>
      <c r="IO33" s="345">
        <v>0</v>
      </c>
      <c r="IP33" s="345">
        <v>0</v>
      </c>
      <c r="IQ33" s="345">
        <v>0</v>
      </c>
      <c r="IR33" s="345">
        <v>0</v>
      </c>
      <c r="IS33" s="345">
        <v>249633</v>
      </c>
      <c r="IT33" s="346">
        <v>249633</v>
      </c>
      <c r="IU33" s="347">
        <v>249633</v>
      </c>
      <c r="IV33" s="348">
        <v>0</v>
      </c>
      <c r="IW33" s="345">
        <v>0</v>
      </c>
      <c r="IX33" s="349">
        <v>0</v>
      </c>
      <c r="IY33" s="413">
        <v>0</v>
      </c>
      <c r="IZ33" s="345">
        <v>0</v>
      </c>
      <c r="JA33" s="345">
        <v>0</v>
      </c>
      <c r="JB33" s="345">
        <v>0</v>
      </c>
      <c r="JC33" s="345">
        <v>0</v>
      </c>
      <c r="JD33" s="345">
        <v>0</v>
      </c>
      <c r="JE33" s="349">
        <v>0</v>
      </c>
      <c r="JF33" s="350">
        <v>0</v>
      </c>
      <c r="JG33" s="348">
        <v>0</v>
      </c>
      <c r="JH33" s="345">
        <v>0</v>
      </c>
      <c r="JI33" s="346">
        <v>0</v>
      </c>
      <c r="JJ33" s="351">
        <v>0</v>
      </c>
      <c r="JK33" s="345">
        <v>774676</v>
      </c>
      <c r="JL33" s="345">
        <v>404710</v>
      </c>
      <c r="JM33" s="345">
        <v>331460</v>
      </c>
      <c r="JN33" s="345">
        <v>167649</v>
      </c>
      <c r="JO33" s="345">
        <v>33801</v>
      </c>
      <c r="JP33" s="349">
        <v>1712296</v>
      </c>
      <c r="JQ33" s="347">
        <v>1712296</v>
      </c>
      <c r="JR33" s="348">
        <v>0</v>
      </c>
      <c r="JS33" s="345">
        <v>0</v>
      </c>
      <c r="JT33" s="346">
        <v>0</v>
      </c>
      <c r="JU33" s="351">
        <v>0</v>
      </c>
      <c r="JV33" s="345">
        <v>443843</v>
      </c>
      <c r="JW33" s="345">
        <v>204485</v>
      </c>
      <c r="JX33" s="345">
        <v>265362</v>
      </c>
      <c r="JY33" s="345">
        <v>342603</v>
      </c>
      <c r="JZ33" s="345">
        <v>0</v>
      </c>
      <c r="KA33" s="349">
        <v>1256293</v>
      </c>
      <c r="KB33" s="347">
        <v>1256293</v>
      </c>
      <c r="KC33" s="352">
        <v>0</v>
      </c>
      <c r="KD33" s="353">
        <v>0</v>
      </c>
      <c r="KE33" s="349">
        <v>0</v>
      </c>
      <c r="KF33" s="351">
        <v>0</v>
      </c>
      <c r="KG33" s="345">
        <v>0</v>
      </c>
      <c r="KH33" s="345">
        <v>0</v>
      </c>
      <c r="KI33" s="345">
        <v>0</v>
      </c>
      <c r="KJ33" s="345">
        <v>0</v>
      </c>
      <c r="KK33" s="345">
        <v>0</v>
      </c>
      <c r="KL33" s="349">
        <v>0</v>
      </c>
      <c r="KM33" s="354">
        <v>0</v>
      </c>
      <c r="KN33" s="342">
        <v>0</v>
      </c>
      <c r="KO33" s="343">
        <v>0</v>
      </c>
      <c r="KP33" s="344">
        <v>0</v>
      </c>
      <c r="KQ33" s="413">
        <v>0</v>
      </c>
      <c r="KR33" s="345">
        <v>551880</v>
      </c>
      <c r="KS33" s="345">
        <v>1060952</v>
      </c>
      <c r="KT33" s="345">
        <v>1316473</v>
      </c>
      <c r="KU33" s="345">
        <v>633003</v>
      </c>
      <c r="KV33" s="345">
        <v>1189720</v>
      </c>
      <c r="KW33" s="349">
        <v>4752028</v>
      </c>
      <c r="KX33" s="347">
        <v>4752028</v>
      </c>
      <c r="KY33" s="348">
        <v>0</v>
      </c>
      <c r="KZ33" s="345">
        <v>0</v>
      </c>
      <c r="LA33" s="349">
        <v>0</v>
      </c>
      <c r="LB33" s="413">
        <v>0</v>
      </c>
      <c r="LC33" s="345">
        <v>0</v>
      </c>
      <c r="LD33" s="345">
        <v>0</v>
      </c>
      <c r="LE33" s="345">
        <v>0</v>
      </c>
      <c r="LF33" s="345">
        <v>0</v>
      </c>
      <c r="LG33" s="345">
        <v>0</v>
      </c>
      <c r="LH33" s="349">
        <v>0</v>
      </c>
      <c r="LI33" s="350">
        <v>0</v>
      </c>
      <c r="LJ33" s="348">
        <v>0</v>
      </c>
      <c r="LK33" s="345">
        <v>0</v>
      </c>
      <c r="LL33" s="349">
        <v>0</v>
      </c>
      <c r="LM33" s="413">
        <v>0</v>
      </c>
      <c r="LN33" s="345">
        <v>0</v>
      </c>
      <c r="LO33" s="345">
        <v>0</v>
      </c>
      <c r="LP33" s="345">
        <v>0</v>
      </c>
      <c r="LQ33" s="345">
        <v>351342</v>
      </c>
      <c r="LR33" s="345">
        <v>0</v>
      </c>
      <c r="LS33" s="349">
        <v>351342</v>
      </c>
      <c r="LT33" s="347">
        <v>351342</v>
      </c>
      <c r="LU33" s="348">
        <v>0</v>
      </c>
      <c r="LV33" s="345">
        <v>0</v>
      </c>
      <c r="LW33" s="349">
        <v>0</v>
      </c>
      <c r="LX33" s="413">
        <v>0</v>
      </c>
      <c r="LY33" s="345">
        <v>0</v>
      </c>
      <c r="LZ33" s="345">
        <v>0</v>
      </c>
      <c r="MA33" s="345">
        <v>0</v>
      </c>
      <c r="MB33" s="345">
        <v>0</v>
      </c>
      <c r="MC33" s="345">
        <v>0</v>
      </c>
      <c r="MD33" s="349">
        <v>0</v>
      </c>
      <c r="ME33" s="350">
        <v>0</v>
      </c>
      <c r="MF33" s="348">
        <v>0</v>
      </c>
      <c r="MG33" s="345">
        <v>0</v>
      </c>
      <c r="MH33" s="349">
        <v>0</v>
      </c>
      <c r="MI33" s="413">
        <v>0</v>
      </c>
      <c r="MJ33" s="345">
        <v>825563</v>
      </c>
      <c r="MK33" s="345">
        <v>2214890</v>
      </c>
      <c r="ML33" s="345">
        <v>5760320</v>
      </c>
      <c r="MM33" s="345">
        <v>8833416</v>
      </c>
      <c r="MN33" s="345">
        <v>7413213</v>
      </c>
      <c r="MO33" s="349">
        <v>25047402</v>
      </c>
      <c r="MP33" s="354">
        <v>25047402</v>
      </c>
      <c r="MQ33" s="348">
        <v>0</v>
      </c>
      <c r="MR33" s="345">
        <v>0</v>
      </c>
      <c r="MS33" s="349">
        <v>0</v>
      </c>
      <c r="MT33" s="413">
        <v>0</v>
      </c>
      <c r="MU33" s="345">
        <v>0</v>
      </c>
      <c r="MV33" s="345">
        <v>0</v>
      </c>
      <c r="MW33" s="345">
        <v>3290712</v>
      </c>
      <c r="MX33" s="345">
        <v>6150362</v>
      </c>
      <c r="MY33" s="345">
        <v>5876856</v>
      </c>
      <c r="MZ33" s="349">
        <v>15317930</v>
      </c>
      <c r="NA33" s="354">
        <v>15317930</v>
      </c>
      <c r="NB33" s="348">
        <v>0</v>
      </c>
      <c r="NC33" s="345">
        <v>0</v>
      </c>
      <c r="ND33" s="349">
        <v>0</v>
      </c>
      <c r="NE33" s="413">
        <v>0</v>
      </c>
      <c r="NF33" s="345">
        <v>825563</v>
      </c>
      <c r="NG33" s="345">
        <v>2214890</v>
      </c>
      <c r="NH33" s="345">
        <v>2469608</v>
      </c>
      <c r="NI33" s="345">
        <v>2683054</v>
      </c>
      <c r="NJ33" s="345">
        <v>1075982</v>
      </c>
      <c r="NK33" s="349">
        <v>9269097</v>
      </c>
      <c r="NL33" s="347">
        <v>9269097</v>
      </c>
      <c r="NM33" s="348">
        <v>0</v>
      </c>
      <c r="NN33" s="345">
        <v>0</v>
      </c>
      <c r="NO33" s="349">
        <v>0</v>
      </c>
      <c r="NP33" s="413">
        <v>0</v>
      </c>
      <c r="NQ33" s="345">
        <v>0</v>
      </c>
      <c r="NR33" s="345">
        <v>0</v>
      </c>
      <c r="NS33" s="345">
        <v>0</v>
      </c>
      <c r="NT33" s="345">
        <v>0</v>
      </c>
      <c r="NU33" s="345">
        <v>0</v>
      </c>
      <c r="NV33" s="349">
        <v>0</v>
      </c>
      <c r="NW33" s="350">
        <v>0</v>
      </c>
      <c r="NX33" s="348">
        <v>0</v>
      </c>
      <c r="NY33" s="345">
        <v>0</v>
      </c>
      <c r="NZ33" s="349">
        <v>0</v>
      </c>
      <c r="OA33" s="413">
        <v>0</v>
      </c>
      <c r="OB33" s="345">
        <v>0</v>
      </c>
      <c r="OC33" s="345">
        <v>0</v>
      </c>
      <c r="OD33" s="345">
        <v>0</v>
      </c>
      <c r="OE33" s="345">
        <v>0</v>
      </c>
      <c r="OF33" s="345">
        <v>460375</v>
      </c>
      <c r="OG33" s="349">
        <v>460375</v>
      </c>
      <c r="OH33" s="350">
        <v>460375</v>
      </c>
      <c r="OI33" s="348">
        <v>142752</v>
      </c>
      <c r="OJ33" s="345">
        <v>672353</v>
      </c>
      <c r="OK33" s="346">
        <v>815105</v>
      </c>
      <c r="OL33" s="351">
        <v>0</v>
      </c>
      <c r="OM33" s="345">
        <v>8602563</v>
      </c>
      <c r="ON33" s="345">
        <v>13830310</v>
      </c>
      <c r="OO33" s="345">
        <v>13684064</v>
      </c>
      <c r="OP33" s="345">
        <v>16455479</v>
      </c>
      <c r="OQ33" s="345">
        <v>13154736</v>
      </c>
      <c r="OR33" s="349">
        <v>65727152</v>
      </c>
      <c r="OS33" s="354">
        <v>66542257</v>
      </c>
    </row>
    <row r="34" spans="2:409" s="70" customFormat="1" ht="21" customHeight="1" x14ac:dyDescent="0.2">
      <c r="B34" s="410" t="s">
        <v>29</v>
      </c>
      <c r="C34" s="326">
        <v>643630</v>
      </c>
      <c r="D34" s="327">
        <v>1252392</v>
      </c>
      <c r="E34" s="328">
        <v>1896022</v>
      </c>
      <c r="F34" s="329">
        <v>0</v>
      </c>
      <c r="G34" s="327">
        <v>8196545</v>
      </c>
      <c r="H34" s="327">
        <v>10803801</v>
      </c>
      <c r="I34" s="327">
        <v>8946014</v>
      </c>
      <c r="J34" s="327">
        <v>9959226</v>
      </c>
      <c r="K34" s="327">
        <v>6348354</v>
      </c>
      <c r="L34" s="367">
        <v>44253940</v>
      </c>
      <c r="M34" s="330">
        <v>46149962</v>
      </c>
      <c r="N34" s="326">
        <v>138352</v>
      </c>
      <c r="O34" s="327">
        <v>186309</v>
      </c>
      <c r="P34" s="328">
        <v>324661</v>
      </c>
      <c r="Q34" s="326">
        <v>0</v>
      </c>
      <c r="R34" s="327">
        <v>2202283</v>
      </c>
      <c r="S34" s="327">
        <v>3294166</v>
      </c>
      <c r="T34" s="327">
        <v>2346616</v>
      </c>
      <c r="U34" s="327">
        <v>3604315</v>
      </c>
      <c r="V34" s="327">
        <v>2999497</v>
      </c>
      <c r="W34" s="328">
        <v>14446877</v>
      </c>
      <c r="X34" s="330">
        <v>14771538</v>
      </c>
      <c r="Y34" s="326">
        <v>0</v>
      </c>
      <c r="Z34" s="327">
        <v>0</v>
      </c>
      <c r="AA34" s="328">
        <v>0</v>
      </c>
      <c r="AB34" s="326">
        <v>0</v>
      </c>
      <c r="AC34" s="327">
        <v>903094</v>
      </c>
      <c r="AD34" s="327">
        <v>1755374</v>
      </c>
      <c r="AE34" s="327">
        <v>1332163</v>
      </c>
      <c r="AF34" s="327">
        <v>2492895</v>
      </c>
      <c r="AG34" s="327">
        <v>2106751</v>
      </c>
      <c r="AH34" s="328">
        <v>8590277</v>
      </c>
      <c r="AI34" s="330">
        <v>8590277</v>
      </c>
      <c r="AJ34" s="326">
        <v>0</v>
      </c>
      <c r="AK34" s="327">
        <v>0</v>
      </c>
      <c r="AL34" s="328">
        <v>0</v>
      </c>
      <c r="AM34" s="326">
        <v>0</v>
      </c>
      <c r="AN34" s="327">
        <v>0</v>
      </c>
      <c r="AO34" s="327">
        <v>51953</v>
      </c>
      <c r="AP34" s="327">
        <v>88375</v>
      </c>
      <c r="AQ34" s="327">
        <v>104665</v>
      </c>
      <c r="AR34" s="327">
        <v>369486</v>
      </c>
      <c r="AS34" s="328">
        <v>614479</v>
      </c>
      <c r="AT34" s="330">
        <v>614479</v>
      </c>
      <c r="AU34" s="326">
        <v>63182</v>
      </c>
      <c r="AV34" s="327">
        <v>154432</v>
      </c>
      <c r="AW34" s="328">
        <v>217614</v>
      </c>
      <c r="AX34" s="326">
        <v>0</v>
      </c>
      <c r="AY34" s="327">
        <v>922133</v>
      </c>
      <c r="AZ34" s="327">
        <v>1039871</v>
      </c>
      <c r="BA34" s="327">
        <v>583405</v>
      </c>
      <c r="BB34" s="327">
        <v>518097</v>
      </c>
      <c r="BC34" s="327">
        <v>304011</v>
      </c>
      <c r="BD34" s="328">
        <v>3367517</v>
      </c>
      <c r="BE34" s="330">
        <v>3585131</v>
      </c>
      <c r="BF34" s="326">
        <v>0</v>
      </c>
      <c r="BG34" s="327">
        <v>22571</v>
      </c>
      <c r="BH34" s="331">
        <v>22571</v>
      </c>
      <c r="BI34" s="332">
        <v>0</v>
      </c>
      <c r="BJ34" s="327">
        <v>17555</v>
      </c>
      <c r="BK34" s="327">
        <v>115840</v>
      </c>
      <c r="BL34" s="327">
        <v>70990</v>
      </c>
      <c r="BM34" s="327">
        <v>100459</v>
      </c>
      <c r="BN34" s="327">
        <v>0</v>
      </c>
      <c r="BO34" s="328">
        <v>304844</v>
      </c>
      <c r="BP34" s="330">
        <v>327415</v>
      </c>
      <c r="BQ34" s="326">
        <v>75170</v>
      </c>
      <c r="BR34" s="327">
        <v>9306</v>
      </c>
      <c r="BS34" s="328">
        <v>84476</v>
      </c>
      <c r="BT34" s="326">
        <v>0</v>
      </c>
      <c r="BU34" s="327">
        <v>359501</v>
      </c>
      <c r="BV34" s="327">
        <v>331128</v>
      </c>
      <c r="BW34" s="327">
        <v>271683</v>
      </c>
      <c r="BX34" s="327">
        <v>388199</v>
      </c>
      <c r="BY34" s="327">
        <v>219249</v>
      </c>
      <c r="BZ34" s="328">
        <v>1569760</v>
      </c>
      <c r="CA34" s="330">
        <v>1654236</v>
      </c>
      <c r="CB34" s="326">
        <v>45275</v>
      </c>
      <c r="CC34" s="327">
        <v>340316</v>
      </c>
      <c r="CD34" s="328">
        <v>385591</v>
      </c>
      <c r="CE34" s="326">
        <v>0</v>
      </c>
      <c r="CF34" s="327">
        <v>2448635</v>
      </c>
      <c r="CG34" s="327">
        <v>3691665</v>
      </c>
      <c r="CH34" s="327">
        <v>3179100</v>
      </c>
      <c r="CI34" s="327">
        <v>2245700</v>
      </c>
      <c r="CJ34" s="327">
        <v>776123</v>
      </c>
      <c r="CK34" s="328">
        <v>12341223</v>
      </c>
      <c r="CL34" s="330">
        <v>12726814</v>
      </c>
      <c r="CM34" s="326">
        <v>0</v>
      </c>
      <c r="CN34" s="327">
        <v>0</v>
      </c>
      <c r="CO34" s="328">
        <v>0</v>
      </c>
      <c r="CP34" s="332">
        <v>0</v>
      </c>
      <c r="CQ34" s="327">
        <v>1945117</v>
      </c>
      <c r="CR34" s="327">
        <v>2764073</v>
      </c>
      <c r="CS34" s="327">
        <v>2120631</v>
      </c>
      <c r="CT34" s="327">
        <v>1801652</v>
      </c>
      <c r="CU34" s="327">
        <v>585098</v>
      </c>
      <c r="CV34" s="328">
        <v>9216571</v>
      </c>
      <c r="CW34" s="330">
        <v>9216571</v>
      </c>
      <c r="CX34" s="326">
        <v>45275</v>
      </c>
      <c r="CY34" s="327">
        <v>340316</v>
      </c>
      <c r="CZ34" s="328">
        <v>385591</v>
      </c>
      <c r="DA34" s="326">
        <v>0</v>
      </c>
      <c r="DB34" s="327">
        <v>503518</v>
      </c>
      <c r="DC34" s="327">
        <v>927592</v>
      </c>
      <c r="DD34" s="327">
        <v>1058469</v>
      </c>
      <c r="DE34" s="327">
        <v>444048</v>
      </c>
      <c r="DF34" s="327">
        <v>191025</v>
      </c>
      <c r="DG34" s="328">
        <v>3124652</v>
      </c>
      <c r="DH34" s="330">
        <v>3510243</v>
      </c>
      <c r="DI34" s="326">
        <v>0</v>
      </c>
      <c r="DJ34" s="327">
        <v>26698</v>
      </c>
      <c r="DK34" s="331">
        <v>26698</v>
      </c>
      <c r="DL34" s="332">
        <v>0</v>
      </c>
      <c r="DM34" s="327">
        <v>295280</v>
      </c>
      <c r="DN34" s="327">
        <v>271522</v>
      </c>
      <c r="DO34" s="327">
        <v>875780</v>
      </c>
      <c r="DP34" s="327">
        <v>340074</v>
      </c>
      <c r="DQ34" s="327">
        <v>753866</v>
      </c>
      <c r="DR34" s="328">
        <v>2536522</v>
      </c>
      <c r="DS34" s="330">
        <v>2563220</v>
      </c>
      <c r="DT34" s="326">
        <v>0</v>
      </c>
      <c r="DU34" s="327">
        <v>26698</v>
      </c>
      <c r="DV34" s="328">
        <v>26698</v>
      </c>
      <c r="DW34" s="326">
        <v>0</v>
      </c>
      <c r="DX34" s="327">
        <v>295280</v>
      </c>
      <c r="DY34" s="327">
        <v>233969</v>
      </c>
      <c r="DZ34" s="327">
        <v>753307</v>
      </c>
      <c r="EA34" s="327">
        <v>340074</v>
      </c>
      <c r="EB34" s="327">
        <v>753866</v>
      </c>
      <c r="EC34" s="328">
        <v>2376496</v>
      </c>
      <c r="ED34" s="330">
        <v>2403194</v>
      </c>
      <c r="EE34" s="326">
        <v>0</v>
      </c>
      <c r="EF34" s="331">
        <v>0</v>
      </c>
      <c r="EG34" s="328">
        <v>0</v>
      </c>
      <c r="EH34" s="326">
        <v>0</v>
      </c>
      <c r="EI34" s="327">
        <v>0</v>
      </c>
      <c r="EJ34" s="327">
        <v>37553</v>
      </c>
      <c r="EK34" s="327">
        <v>122473</v>
      </c>
      <c r="EL34" s="327">
        <v>0</v>
      </c>
      <c r="EM34" s="327">
        <v>0</v>
      </c>
      <c r="EN34" s="331">
        <v>160026</v>
      </c>
      <c r="EO34" s="330">
        <v>160026</v>
      </c>
      <c r="EP34" s="326">
        <v>0</v>
      </c>
      <c r="EQ34" s="327">
        <v>0</v>
      </c>
      <c r="ER34" s="331">
        <v>0</v>
      </c>
      <c r="ES34" s="332">
        <v>0</v>
      </c>
      <c r="ET34" s="327">
        <v>0</v>
      </c>
      <c r="EU34" s="327">
        <v>0</v>
      </c>
      <c r="EV34" s="327">
        <v>0</v>
      </c>
      <c r="EW34" s="327">
        <v>0</v>
      </c>
      <c r="EX34" s="327">
        <v>0</v>
      </c>
      <c r="EY34" s="328">
        <v>0</v>
      </c>
      <c r="EZ34" s="330">
        <v>0</v>
      </c>
      <c r="FA34" s="326">
        <v>0</v>
      </c>
      <c r="FB34" s="327">
        <v>0</v>
      </c>
      <c r="FC34" s="331">
        <v>0</v>
      </c>
      <c r="FD34" s="332">
        <v>0</v>
      </c>
      <c r="FE34" s="327">
        <v>0</v>
      </c>
      <c r="FF34" s="327">
        <v>0</v>
      </c>
      <c r="FG34" s="327">
        <v>0</v>
      </c>
      <c r="FH34" s="327">
        <v>0</v>
      </c>
      <c r="FI34" s="327">
        <v>0</v>
      </c>
      <c r="FJ34" s="328">
        <v>0</v>
      </c>
      <c r="FK34" s="330">
        <v>0</v>
      </c>
      <c r="FL34" s="326">
        <v>209880</v>
      </c>
      <c r="FM34" s="327">
        <v>468378</v>
      </c>
      <c r="FN34" s="328">
        <v>678258</v>
      </c>
      <c r="FO34" s="326">
        <v>0</v>
      </c>
      <c r="FP34" s="327">
        <v>551775</v>
      </c>
      <c r="FQ34" s="327">
        <v>1112650</v>
      </c>
      <c r="FR34" s="327">
        <v>857718</v>
      </c>
      <c r="FS34" s="327">
        <v>1068846</v>
      </c>
      <c r="FT34" s="327">
        <v>551997</v>
      </c>
      <c r="FU34" s="328">
        <v>4142986</v>
      </c>
      <c r="FV34" s="330">
        <v>4821244</v>
      </c>
      <c r="FW34" s="333">
        <v>186120</v>
      </c>
      <c r="FX34" s="327">
        <v>260388</v>
      </c>
      <c r="FY34" s="331">
        <v>446508</v>
      </c>
      <c r="FZ34" s="332">
        <v>0</v>
      </c>
      <c r="GA34" s="327">
        <v>431175</v>
      </c>
      <c r="GB34" s="327">
        <v>1082050</v>
      </c>
      <c r="GC34" s="327">
        <v>768708</v>
      </c>
      <c r="GD34" s="327">
        <v>1068846</v>
      </c>
      <c r="GE34" s="327">
        <v>551997</v>
      </c>
      <c r="GF34" s="328">
        <v>3902776</v>
      </c>
      <c r="GG34" s="334">
        <v>4349284</v>
      </c>
      <c r="GH34" s="333">
        <v>23760</v>
      </c>
      <c r="GI34" s="327">
        <v>0</v>
      </c>
      <c r="GJ34" s="331">
        <v>23760</v>
      </c>
      <c r="GK34" s="332">
        <v>0</v>
      </c>
      <c r="GL34" s="327">
        <v>0</v>
      </c>
      <c r="GM34" s="327">
        <v>30600</v>
      </c>
      <c r="GN34" s="327">
        <v>57330</v>
      </c>
      <c r="GO34" s="327">
        <v>0</v>
      </c>
      <c r="GP34" s="327">
        <v>0</v>
      </c>
      <c r="GQ34" s="328">
        <v>87930</v>
      </c>
      <c r="GR34" s="330">
        <v>111690</v>
      </c>
      <c r="GS34" s="326">
        <v>0</v>
      </c>
      <c r="GT34" s="327">
        <v>207990</v>
      </c>
      <c r="GU34" s="328">
        <v>207990</v>
      </c>
      <c r="GV34" s="326">
        <v>0</v>
      </c>
      <c r="GW34" s="327">
        <v>120600</v>
      </c>
      <c r="GX34" s="327">
        <v>0</v>
      </c>
      <c r="GY34" s="327">
        <v>31680</v>
      </c>
      <c r="GZ34" s="327">
        <v>0</v>
      </c>
      <c r="HA34" s="327">
        <v>0</v>
      </c>
      <c r="HB34" s="331">
        <v>152280</v>
      </c>
      <c r="HC34" s="330">
        <v>360270</v>
      </c>
      <c r="HD34" s="326">
        <v>85003</v>
      </c>
      <c r="HE34" s="327">
        <v>0</v>
      </c>
      <c r="HF34" s="331">
        <v>85003</v>
      </c>
      <c r="HG34" s="332">
        <v>0</v>
      </c>
      <c r="HH34" s="327">
        <v>1407703</v>
      </c>
      <c r="HI34" s="327">
        <v>972789</v>
      </c>
      <c r="HJ34" s="327">
        <v>657697</v>
      </c>
      <c r="HK34" s="327">
        <v>1973106</v>
      </c>
      <c r="HL34" s="327">
        <v>817598</v>
      </c>
      <c r="HM34" s="328">
        <v>5828893</v>
      </c>
      <c r="HN34" s="329">
        <v>5913896</v>
      </c>
      <c r="HO34" s="333">
        <v>165120</v>
      </c>
      <c r="HP34" s="327">
        <v>230691</v>
      </c>
      <c r="HQ34" s="328">
        <v>395811</v>
      </c>
      <c r="HR34" s="326">
        <v>0</v>
      </c>
      <c r="HS34" s="327">
        <v>1290869</v>
      </c>
      <c r="HT34" s="327">
        <v>1461009</v>
      </c>
      <c r="HU34" s="327">
        <v>1029103</v>
      </c>
      <c r="HV34" s="327">
        <v>727185</v>
      </c>
      <c r="HW34" s="327">
        <v>449273</v>
      </c>
      <c r="HX34" s="331">
        <v>4957439</v>
      </c>
      <c r="HY34" s="330">
        <v>5353250</v>
      </c>
      <c r="HZ34" s="358">
        <v>84906</v>
      </c>
      <c r="IA34" s="356">
        <v>0</v>
      </c>
      <c r="IB34" s="358">
        <v>84906</v>
      </c>
      <c r="IC34" s="355">
        <v>0</v>
      </c>
      <c r="ID34" s="356">
        <v>2724160</v>
      </c>
      <c r="IE34" s="357">
        <v>4714615</v>
      </c>
      <c r="IF34" s="358">
        <v>8922629</v>
      </c>
      <c r="IG34" s="356">
        <v>6880222</v>
      </c>
      <c r="IH34" s="358">
        <v>2667498</v>
      </c>
      <c r="II34" s="359">
        <v>25909124</v>
      </c>
      <c r="IJ34" s="358">
        <v>25994030</v>
      </c>
      <c r="IK34" s="342">
        <v>0</v>
      </c>
      <c r="IL34" s="343">
        <v>0</v>
      </c>
      <c r="IM34" s="344">
        <v>0</v>
      </c>
      <c r="IN34" s="404">
        <v>0</v>
      </c>
      <c r="IO34" s="345">
        <v>110727</v>
      </c>
      <c r="IP34" s="345">
        <v>0</v>
      </c>
      <c r="IQ34" s="345">
        <v>149280</v>
      </c>
      <c r="IR34" s="345">
        <v>0</v>
      </c>
      <c r="IS34" s="345">
        <v>0</v>
      </c>
      <c r="IT34" s="346">
        <v>260007</v>
      </c>
      <c r="IU34" s="347">
        <v>260007</v>
      </c>
      <c r="IV34" s="348">
        <v>0</v>
      </c>
      <c r="IW34" s="345">
        <v>0</v>
      </c>
      <c r="IX34" s="349">
        <v>0</v>
      </c>
      <c r="IY34" s="413">
        <v>0</v>
      </c>
      <c r="IZ34" s="345">
        <v>0</v>
      </c>
      <c r="JA34" s="345">
        <v>0</v>
      </c>
      <c r="JB34" s="345">
        <v>0</v>
      </c>
      <c r="JC34" s="345">
        <v>0</v>
      </c>
      <c r="JD34" s="345">
        <v>0</v>
      </c>
      <c r="JE34" s="349">
        <v>0</v>
      </c>
      <c r="JF34" s="350">
        <v>0</v>
      </c>
      <c r="JG34" s="348">
        <v>0</v>
      </c>
      <c r="JH34" s="345">
        <v>0</v>
      </c>
      <c r="JI34" s="346">
        <v>0</v>
      </c>
      <c r="JJ34" s="351">
        <v>0</v>
      </c>
      <c r="JK34" s="345">
        <v>509640</v>
      </c>
      <c r="JL34" s="345">
        <v>1094679</v>
      </c>
      <c r="JM34" s="345">
        <v>608800</v>
      </c>
      <c r="JN34" s="345">
        <v>854338</v>
      </c>
      <c r="JO34" s="345">
        <v>164178</v>
      </c>
      <c r="JP34" s="349">
        <v>3231635</v>
      </c>
      <c r="JQ34" s="347">
        <v>3231635</v>
      </c>
      <c r="JR34" s="348">
        <v>0</v>
      </c>
      <c r="JS34" s="345">
        <v>0</v>
      </c>
      <c r="JT34" s="346">
        <v>0</v>
      </c>
      <c r="JU34" s="351">
        <v>0</v>
      </c>
      <c r="JV34" s="345">
        <v>203209</v>
      </c>
      <c r="JW34" s="345">
        <v>190026</v>
      </c>
      <c r="JX34" s="345">
        <v>0</v>
      </c>
      <c r="JY34" s="345">
        <v>0</v>
      </c>
      <c r="JZ34" s="345">
        <v>0</v>
      </c>
      <c r="KA34" s="349">
        <v>393235</v>
      </c>
      <c r="KB34" s="347">
        <v>393235</v>
      </c>
      <c r="KC34" s="352">
        <v>84906</v>
      </c>
      <c r="KD34" s="353">
        <v>0</v>
      </c>
      <c r="KE34" s="349">
        <v>84906</v>
      </c>
      <c r="KF34" s="351">
        <v>0</v>
      </c>
      <c r="KG34" s="345">
        <v>302328</v>
      </c>
      <c r="KH34" s="345">
        <v>1055629</v>
      </c>
      <c r="KI34" s="345">
        <v>1805319</v>
      </c>
      <c r="KJ34" s="345">
        <v>2730870</v>
      </c>
      <c r="KK34" s="345">
        <v>580146</v>
      </c>
      <c r="KL34" s="349">
        <v>6474292</v>
      </c>
      <c r="KM34" s="354">
        <v>6559198</v>
      </c>
      <c r="KN34" s="342">
        <v>0</v>
      </c>
      <c r="KO34" s="343">
        <v>0</v>
      </c>
      <c r="KP34" s="344">
        <v>0</v>
      </c>
      <c r="KQ34" s="413">
        <v>0</v>
      </c>
      <c r="KR34" s="345">
        <v>1598256</v>
      </c>
      <c r="KS34" s="345">
        <v>2374281</v>
      </c>
      <c r="KT34" s="345">
        <v>3572442</v>
      </c>
      <c r="KU34" s="345">
        <v>865818</v>
      </c>
      <c r="KV34" s="345">
        <v>302256</v>
      </c>
      <c r="KW34" s="349">
        <v>8713053</v>
      </c>
      <c r="KX34" s="347">
        <v>8713053</v>
      </c>
      <c r="KY34" s="348">
        <v>0</v>
      </c>
      <c r="KZ34" s="345">
        <v>0</v>
      </c>
      <c r="LA34" s="349">
        <v>0</v>
      </c>
      <c r="LB34" s="413">
        <v>0</v>
      </c>
      <c r="LC34" s="345">
        <v>0</v>
      </c>
      <c r="LD34" s="345">
        <v>0</v>
      </c>
      <c r="LE34" s="345">
        <v>0</v>
      </c>
      <c r="LF34" s="345">
        <v>0</v>
      </c>
      <c r="LG34" s="345">
        <v>0</v>
      </c>
      <c r="LH34" s="349">
        <v>0</v>
      </c>
      <c r="LI34" s="350">
        <v>0</v>
      </c>
      <c r="LJ34" s="348">
        <v>0</v>
      </c>
      <c r="LK34" s="345">
        <v>0</v>
      </c>
      <c r="LL34" s="349">
        <v>0</v>
      </c>
      <c r="LM34" s="413">
        <v>0</v>
      </c>
      <c r="LN34" s="345">
        <v>0</v>
      </c>
      <c r="LO34" s="345">
        <v>0</v>
      </c>
      <c r="LP34" s="345">
        <v>2786788</v>
      </c>
      <c r="LQ34" s="345">
        <v>2429196</v>
      </c>
      <c r="LR34" s="345">
        <v>1620918</v>
      </c>
      <c r="LS34" s="349">
        <v>6836902</v>
      </c>
      <c r="LT34" s="347">
        <v>6836902</v>
      </c>
      <c r="LU34" s="348">
        <v>0</v>
      </c>
      <c r="LV34" s="345">
        <v>0</v>
      </c>
      <c r="LW34" s="349">
        <v>0</v>
      </c>
      <c r="LX34" s="413">
        <v>0</v>
      </c>
      <c r="LY34" s="345">
        <v>0</v>
      </c>
      <c r="LZ34" s="345">
        <v>0</v>
      </c>
      <c r="MA34" s="345">
        <v>0</v>
      </c>
      <c r="MB34" s="345">
        <v>0</v>
      </c>
      <c r="MC34" s="345">
        <v>0</v>
      </c>
      <c r="MD34" s="349">
        <v>0</v>
      </c>
      <c r="ME34" s="350">
        <v>0</v>
      </c>
      <c r="MF34" s="348">
        <v>0</v>
      </c>
      <c r="MG34" s="345">
        <v>0</v>
      </c>
      <c r="MH34" s="349">
        <v>0</v>
      </c>
      <c r="MI34" s="413">
        <v>0</v>
      </c>
      <c r="MJ34" s="345">
        <v>1097729</v>
      </c>
      <c r="MK34" s="345">
        <v>2221600</v>
      </c>
      <c r="ML34" s="345">
        <v>5239635</v>
      </c>
      <c r="MM34" s="345">
        <v>10739153</v>
      </c>
      <c r="MN34" s="345">
        <v>8921397</v>
      </c>
      <c r="MO34" s="349">
        <v>28219514</v>
      </c>
      <c r="MP34" s="354">
        <v>28219514</v>
      </c>
      <c r="MQ34" s="348">
        <v>0</v>
      </c>
      <c r="MR34" s="345">
        <v>0</v>
      </c>
      <c r="MS34" s="349">
        <v>0</v>
      </c>
      <c r="MT34" s="413">
        <v>0</v>
      </c>
      <c r="MU34" s="345">
        <v>0</v>
      </c>
      <c r="MV34" s="345">
        <v>453972</v>
      </c>
      <c r="MW34" s="345">
        <v>1797062</v>
      </c>
      <c r="MX34" s="345">
        <v>6795883</v>
      </c>
      <c r="MY34" s="345">
        <v>6115975</v>
      </c>
      <c r="MZ34" s="349">
        <v>15162892</v>
      </c>
      <c r="NA34" s="354">
        <v>15162892</v>
      </c>
      <c r="NB34" s="348">
        <v>0</v>
      </c>
      <c r="NC34" s="345">
        <v>0</v>
      </c>
      <c r="ND34" s="349">
        <v>0</v>
      </c>
      <c r="NE34" s="413">
        <v>0</v>
      </c>
      <c r="NF34" s="345">
        <v>1097729</v>
      </c>
      <c r="NG34" s="345">
        <v>1767628</v>
      </c>
      <c r="NH34" s="345">
        <v>3442573</v>
      </c>
      <c r="NI34" s="345">
        <v>3943270</v>
      </c>
      <c r="NJ34" s="345">
        <v>2805422</v>
      </c>
      <c r="NK34" s="349">
        <v>13056622</v>
      </c>
      <c r="NL34" s="347">
        <v>13056622</v>
      </c>
      <c r="NM34" s="348">
        <v>0</v>
      </c>
      <c r="NN34" s="345">
        <v>0</v>
      </c>
      <c r="NO34" s="349">
        <v>0</v>
      </c>
      <c r="NP34" s="413">
        <v>0</v>
      </c>
      <c r="NQ34" s="345">
        <v>0</v>
      </c>
      <c r="NR34" s="345">
        <v>0</v>
      </c>
      <c r="NS34" s="345">
        <v>0</v>
      </c>
      <c r="NT34" s="345">
        <v>0</v>
      </c>
      <c r="NU34" s="345">
        <v>0</v>
      </c>
      <c r="NV34" s="349">
        <v>0</v>
      </c>
      <c r="NW34" s="350">
        <v>0</v>
      </c>
      <c r="NX34" s="348">
        <v>0</v>
      </c>
      <c r="NY34" s="345">
        <v>0</v>
      </c>
      <c r="NZ34" s="349">
        <v>0</v>
      </c>
      <c r="OA34" s="413">
        <v>0</v>
      </c>
      <c r="OB34" s="345">
        <v>0</v>
      </c>
      <c r="OC34" s="345">
        <v>0</v>
      </c>
      <c r="OD34" s="345">
        <v>0</v>
      </c>
      <c r="OE34" s="345">
        <v>0</v>
      </c>
      <c r="OF34" s="345">
        <v>0</v>
      </c>
      <c r="OG34" s="349">
        <v>0</v>
      </c>
      <c r="OH34" s="350">
        <v>0</v>
      </c>
      <c r="OI34" s="348">
        <v>728536</v>
      </c>
      <c r="OJ34" s="345">
        <v>1252392</v>
      </c>
      <c r="OK34" s="346">
        <v>1980928</v>
      </c>
      <c r="OL34" s="351">
        <v>0</v>
      </c>
      <c r="OM34" s="345">
        <v>12018434</v>
      </c>
      <c r="ON34" s="345">
        <v>17740016</v>
      </c>
      <c r="OO34" s="345">
        <v>23108278</v>
      </c>
      <c r="OP34" s="345">
        <v>27578601</v>
      </c>
      <c r="OQ34" s="345">
        <v>17937249</v>
      </c>
      <c r="OR34" s="349">
        <v>98382578</v>
      </c>
      <c r="OS34" s="354">
        <v>100363506</v>
      </c>
    </row>
    <row r="35" spans="2:409" s="70" customFormat="1" ht="21" customHeight="1" x14ac:dyDescent="0.2">
      <c r="B35" s="410" t="s">
        <v>30</v>
      </c>
      <c r="C35" s="326">
        <v>889998</v>
      </c>
      <c r="D35" s="327">
        <v>1031597</v>
      </c>
      <c r="E35" s="368">
        <v>1921595</v>
      </c>
      <c r="F35" s="370">
        <v>0</v>
      </c>
      <c r="G35" s="369">
        <v>9661962</v>
      </c>
      <c r="H35" s="369">
        <v>8197635</v>
      </c>
      <c r="I35" s="369">
        <v>9804473</v>
      </c>
      <c r="J35" s="369">
        <v>7190472</v>
      </c>
      <c r="K35" s="369">
        <v>2541951</v>
      </c>
      <c r="L35" s="370">
        <v>37396493</v>
      </c>
      <c r="M35" s="330">
        <v>39318088</v>
      </c>
      <c r="N35" s="326">
        <v>154837</v>
      </c>
      <c r="O35" s="327">
        <v>373738</v>
      </c>
      <c r="P35" s="328">
        <v>528575</v>
      </c>
      <c r="Q35" s="326">
        <v>0</v>
      </c>
      <c r="R35" s="327">
        <v>3245797</v>
      </c>
      <c r="S35" s="327">
        <v>1841940</v>
      </c>
      <c r="T35" s="327">
        <v>3710385</v>
      </c>
      <c r="U35" s="327">
        <v>2879412</v>
      </c>
      <c r="V35" s="327">
        <v>1688460</v>
      </c>
      <c r="W35" s="328">
        <v>13365994</v>
      </c>
      <c r="X35" s="330">
        <v>13894569</v>
      </c>
      <c r="Y35" s="326">
        <v>0</v>
      </c>
      <c r="Z35" s="327">
        <v>0</v>
      </c>
      <c r="AA35" s="328">
        <v>0</v>
      </c>
      <c r="AB35" s="326">
        <v>0</v>
      </c>
      <c r="AC35" s="327">
        <v>1571820</v>
      </c>
      <c r="AD35" s="327">
        <v>854897</v>
      </c>
      <c r="AE35" s="327">
        <v>1948138</v>
      </c>
      <c r="AF35" s="327">
        <v>1721290</v>
      </c>
      <c r="AG35" s="327">
        <v>1391150</v>
      </c>
      <c r="AH35" s="328">
        <v>7487295</v>
      </c>
      <c r="AI35" s="330">
        <v>7487295</v>
      </c>
      <c r="AJ35" s="326">
        <v>0</v>
      </c>
      <c r="AK35" s="327">
        <v>0</v>
      </c>
      <c r="AL35" s="328">
        <v>0</v>
      </c>
      <c r="AM35" s="326">
        <v>0</v>
      </c>
      <c r="AN35" s="327">
        <v>0</v>
      </c>
      <c r="AO35" s="327">
        <v>26482</v>
      </c>
      <c r="AP35" s="327">
        <v>384547</v>
      </c>
      <c r="AQ35" s="327">
        <v>352192</v>
      </c>
      <c r="AR35" s="327">
        <v>76873</v>
      </c>
      <c r="AS35" s="328">
        <v>840094</v>
      </c>
      <c r="AT35" s="330">
        <v>840094</v>
      </c>
      <c r="AU35" s="326">
        <v>98758</v>
      </c>
      <c r="AV35" s="327">
        <v>349141</v>
      </c>
      <c r="AW35" s="328">
        <v>447899</v>
      </c>
      <c r="AX35" s="326">
        <v>0</v>
      </c>
      <c r="AY35" s="327">
        <v>969111</v>
      </c>
      <c r="AZ35" s="327">
        <v>626124</v>
      </c>
      <c r="BA35" s="327">
        <v>859969</v>
      </c>
      <c r="BB35" s="327">
        <v>455095</v>
      </c>
      <c r="BC35" s="327">
        <v>171981</v>
      </c>
      <c r="BD35" s="328">
        <v>3082280</v>
      </c>
      <c r="BE35" s="330">
        <v>3530179</v>
      </c>
      <c r="BF35" s="326">
        <v>16695</v>
      </c>
      <c r="BG35" s="327">
        <v>0</v>
      </c>
      <c r="BH35" s="331">
        <v>16695</v>
      </c>
      <c r="BI35" s="332">
        <v>0</v>
      </c>
      <c r="BJ35" s="327">
        <v>157997</v>
      </c>
      <c r="BK35" s="327">
        <v>56810</v>
      </c>
      <c r="BL35" s="327">
        <v>105330</v>
      </c>
      <c r="BM35" s="327">
        <v>0</v>
      </c>
      <c r="BN35" s="327">
        <v>0</v>
      </c>
      <c r="BO35" s="328">
        <v>320137</v>
      </c>
      <c r="BP35" s="330">
        <v>336832</v>
      </c>
      <c r="BQ35" s="326">
        <v>39384</v>
      </c>
      <c r="BR35" s="327">
        <v>24597</v>
      </c>
      <c r="BS35" s="328">
        <v>63981</v>
      </c>
      <c r="BT35" s="326">
        <v>0</v>
      </c>
      <c r="BU35" s="327">
        <v>546869</v>
      </c>
      <c r="BV35" s="327">
        <v>277627</v>
      </c>
      <c r="BW35" s="327">
        <v>412401</v>
      </c>
      <c r="BX35" s="327">
        <v>350835</v>
      </c>
      <c r="BY35" s="327">
        <v>48456</v>
      </c>
      <c r="BZ35" s="328">
        <v>1636188</v>
      </c>
      <c r="CA35" s="330">
        <v>1700169</v>
      </c>
      <c r="CB35" s="326">
        <v>118170</v>
      </c>
      <c r="CC35" s="327">
        <v>209080</v>
      </c>
      <c r="CD35" s="328">
        <v>327250</v>
      </c>
      <c r="CE35" s="326">
        <v>0</v>
      </c>
      <c r="CF35" s="327">
        <v>2226605</v>
      </c>
      <c r="CG35" s="327">
        <v>2618571</v>
      </c>
      <c r="CH35" s="327">
        <v>1721590</v>
      </c>
      <c r="CI35" s="327">
        <v>1398673</v>
      </c>
      <c r="CJ35" s="327">
        <v>247670</v>
      </c>
      <c r="CK35" s="328">
        <v>8213109</v>
      </c>
      <c r="CL35" s="330">
        <v>8540359</v>
      </c>
      <c r="CM35" s="326">
        <v>0</v>
      </c>
      <c r="CN35" s="327">
        <v>0</v>
      </c>
      <c r="CO35" s="328">
        <v>0</v>
      </c>
      <c r="CP35" s="332">
        <v>0</v>
      </c>
      <c r="CQ35" s="327">
        <v>1839073</v>
      </c>
      <c r="CR35" s="327">
        <v>2062887</v>
      </c>
      <c r="CS35" s="327">
        <v>1239186</v>
      </c>
      <c r="CT35" s="327">
        <v>1095985</v>
      </c>
      <c r="CU35" s="327">
        <v>138288</v>
      </c>
      <c r="CV35" s="328">
        <v>6375419</v>
      </c>
      <c r="CW35" s="330">
        <v>6375419</v>
      </c>
      <c r="CX35" s="326">
        <v>118170</v>
      </c>
      <c r="CY35" s="327">
        <v>209080</v>
      </c>
      <c r="CZ35" s="328">
        <v>327250</v>
      </c>
      <c r="DA35" s="326">
        <v>0</v>
      </c>
      <c r="DB35" s="327">
        <v>387532</v>
      </c>
      <c r="DC35" s="327">
        <v>555684</v>
      </c>
      <c r="DD35" s="327">
        <v>482404</v>
      </c>
      <c r="DE35" s="327">
        <v>302688</v>
      </c>
      <c r="DF35" s="327">
        <v>109382</v>
      </c>
      <c r="DG35" s="328">
        <v>1837690</v>
      </c>
      <c r="DH35" s="330">
        <v>2164940</v>
      </c>
      <c r="DI35" s="326">
        <v>0</v>
      </c>
      <c r="DJ35" s="327">
        <v>35091</v>
      </c>
      <c r="DK35" s="331">
        <v>35091</v>
      </c>
      <c r="DL35" s="332">
        <v>0</v>
      </c>
      <c r="DM35" s="327">
        <v>241203</v>
      </c>
      <c r="DN35" s="327">
        <v>373671</v>
      </c>
      <c r="DO35" s="327">
        <v>1399531</v>
      </c>
      <c r="DP35" s="327">
        <v>815695</v>
      </c>
      <c r="DQ35" s="327">
        <v>176861</v>
      </c>
      <c r="DR35" s="328">
        <v>3006961</v>
      </c>
      <c r="DS35" s="330">
        <v>3042052</v>
      </c>
      <c r="DT35" s="326">
        <v>0</v>
      </c>
      <c r="DU35" s="327">
        <v>35091</v>
      </c>
      <c r="DV35" s="328">
        <v>35091</v>
      </c>
      <c r="DW35" s="326">
        <v>0</v>
      </c>
      <c r="DX35" s="327">
        <v>212419</v>
      </c>
      <c r="DY35" s="327">
        <v>343836</v>
      </c>
      <c r="DZ35" s="327">
        <v>1363078</v>
      </c>
      <c r="EA35" s="327">
        <v>356187</v>
      </c>
      <c r="EB35" s="327">
        <v>152089</v>
      </c>
      <c r="EC35" s="328">
        <v>2427609</v>
      </c>
      <c r="ED35" s="330">
        <v>2462700</v>
      </c>
      <c r="EE35" s="326">
        <v>0</v>
      </c>
      <c r="EF35" s="331">
        <v>0</v>
      </c>
      <c r="EG35" s="328">
        <v>0</v>
      </c>
      <c r="EH35" s="326">
        <v>0</v>
      </c>
      <c r="EI35" s="327">
        <v>28784</v>
      </c>
      <c r="EJ35" s="327">
        <v>29835</v>
      </c>
      <c r="EK35" s="327">
        <v>36453</v>
      </c>
      <c r="EL35" s="327">
        <v>459508</v>
      </c>
      <c r="EM35" s="327">
        <v>24772</v>
      </c>
      <c r="EN35" s="331">
        <v>579352</v>
      </c>
      <c r="EO35" s="330">
        <v>579352</v>
      </c>
      <c r="EP35" s="326">
        <v>0</v>
      </c>
      <c r="EQ35" s="327">
        <v>0</v>
      </c>
      <c r="ER35" s="331">
        <v>0</v>
      </c>
      <c r="ES35" s="332">
        <v>0</v>
      </c>
      <c r="ET35" s="327">
        <v>0</v>
      </c>
      <c r="EU35" s="327">
        <v>0</v>
      </c>
      <c r="EV35" s="327">
        <v>0</v>
      </c>
      <c r="EW35" s="327">
        <v>0</v>
      </c>
      <c r="EX35" s="327">
        <v>0</v>
      </c>
      <c r="EY35" s="328">
        <v>0</v>
      </c>
      <c r="EZ35" s="330">
        <v>0</v>
      </c>
      <c r="FA35" s="326">
        <v>0</v>
      </c>
      <c r="FB35" s="327">
        <v>0</v>
      </c>
      <c r="FC35" s="331">
        <v>0</v>
      </c>
      <c r="FD35" s="332">
        <v>0</v>
      </c>
      <c r="FE35" s="327">
        <v>0</v>
      </c>
      <c r="FF35" s="327">
        <v>0</v>
      </c>
      <c r="FG35" s="327">
        <v>0</v>
      </c>
      <c r="FH35" s="327">
        <v>0</v>
      </c>
      <c r="FI35" s="327">
        <v>0</v>
      </c>
      <c r="FJ35" s="328">
        <v>0</v>
      </c>
      <c r="FK35" s="330">
        <v>0</v>
      </c>
      <c r="FL35" s="326">
        <v>318346</v>
      </c>
      <c r="FM35" s="327">
        <v>244842</v>
      </c>
      <c r="FN35" s="328">
        <v>563188</v>
      </c>
      <c r="FO35" s="326">
        <v>0</v>
      </c>
      <c r="FP35" s="327">
        <v>556513</v>
      </c>
      <c r="FQ35" s="327">
        <v>808827</v>
      </c>
      <c r="FR35" s="327">
        <v>1293364</v>
      </c>
      <c r="FS35" s="327">
        <v>482159</v>
      </c>
      <c r="FT35" s="327">
        <v>209872</v>
      </c>
      <c r="FU35" s="328">
        <v>3350735</v>
      </c>
      <c r="FV35" s="330">
        <v>3913923</v>
      </c>
      <c r="FW35" s="333">
        <v>254436</v>
      </c>
      <c r="FX35" s="327">
        <v>244842</v>
      </c>
      <c r="FY35" s="331">
        <v>499278</v>
      </c>
      <c r="FZ35" s="332">
        <v>0</v>
      </c>
      <c r="GA35" s="327">
        <v>514213</v>
      </c>
      <c r="GB35" s="327">
        <v>795284</v>
      </c>
      <c r="GC35" s="327">
        <v>1100959</v>
      </c>
      <c r="GD35" s="327">
        <v>450479</v>
      </c>
      <c r="GE35" s="327">
        <v>209872</v>
      </c>
      <c r="GF35" s="328">
        <v>3070807</v>
      </c>
      <c r="GG35" s="334">
        <v>3570085</v>
      </c>
      <c r="GH35" s="333">
        <v>0</v>
      </c>
      <c r="GI35" s="327">
        <v>0</v>
      </c>
      <c r="GJ35" s="331">
        <v>0</v>
      </c>
      <c r="GK35" s="332">
        <v>0</v>
      </c>
      <c r="GL35" s="327">
        <v>0</v>
      </c>
      <c r="GM35" s="327">
        <v>13543</v>
      </c>
      <c r="GN35" s="327">
        <v>117165</v>
      </c>
      <c r="GO35" s="327">
        <v>31680</v>
      </c>
      <c r="GP35" s="327">
        <v>0</v>
      </c>
      <c r="GQ35" s="328">
        <v>162388</v>
      </c>
      <c r="GR35" s="330">
        <v>162388</v>
      </c>
      <c r="GS35" s="326">
        <v>63910</v>
      </c>
      <c r="GT35" s="327">
        <v>0</v>
      </c>
      <c r="GU35" s="328">
        <v>63910</v>
      </c>
      <c r="GV35" s="326">
        <v>0</v>
      </c>
      <c r="GW35" s="327">
        <v>42300</v>
      </c>
      <c r="GX35" s="327">
        <v>0</v>
      </c>
      <c r="GY35" s="327">
        <v>75240</v>
      </c>
      <c r="GZ35" s="327">
        <v>0</v>
      </c>
      <c r="HA35" s="327">
        <v>0</v>
      </c>
      <c r="HB35" s="331">
        <v>117540</v>
      </c>
      <c r="HC35" s="330">
        <v>181450</v>
      </c>
      <c r="HD35" s="326">
        <v>118845</v>
      </c>
      <c r="HE35" s="327">
        <v>21406</v>
      </c>
      <c r="HF35" s="331">
        <v>140251</v>
      </c>
      <c r="HG35" s="332">
        <v>0</v>
      </c>
      <c r="HH35" s="327">
        <v>2061057</v>
      </c>
      <c r="HI35" s="327">
        <v>1593675</v>
      </c>
      <c r="HJ35" s="327">
        <v>677987</v>
      </c>
      <c r="HK35" s="327">
        <v>1206450</v>
      </c>
      <c r="HL35" s="327">
        <v>2926</v>
      </c>
      <c r="HM35" s="328">
        <v>5542095</v>
      </c>
      <c r="HN35" s="329">
        <v>5682346</v>
      </c>
      <c r="HO35" s="333">
        <v>179800</v>
      </c>
      <c r="HP35" s="327">
        <v>147440</v>
      </c>
      <c r="HQ35" s="328">
        <v>327240</v>
      </c>
      <c r="HR35" s="326">
        <v>0</v>
      </c>
      <c r="HS35" s="327">
        <v>1330787</v>
      </c>
      <c r="HT35" s="327">
        <v>960951</v>
      </c>
      <c r="HU35" s="327">
        <v>1001616</v>
      </c>
      <c r="HV35" s="327">
        <v>408083</v>
      </c>
      <c r="HW35" s="327">
        <v>216162</v>
      </c>
      <c r="HX35" s="331">
        <v>3917599</v>
      </c>
      <c r="HY35" s="330">
        <v>4244839</v>
      </c>
      <c r="HZ35" s="335">
        <v>0</v>
      </c>
      <c r="IA35" s="336">
        <v>0</v>
      </c>
      <c r="IB35" s="337">
        <v>0</v>
      </c>
      <c r="IC35" s="338">
        <v>0</v>
      </c>
      <c r="ID35" s="336">
        <v>2311010</v>
      </c>
      <c r="IE35" s="339">
        <v>2711977</v>
      </c>
      <c r="IF35" s="337">
        <v>2778563</v>
      </c>
      <c r="IG35" s="336">
        <v>1154319</v>
      </c>
      <c r="IH35" s="337">
        <v>703143</v>
      </c>
      <c r="II35" s="340">
        <v>9659012</v>
      </c>
      <c r="IJ35" s="341">
        <v>9659012</v>
      </c>
      <c r="IK35" s="342">
        <v>0</v>
      </c>
      <c r="IL35" s="343">
        <v>0</v>
      </c>
      <c r="IM35" s="344">
        <v>0</v>
      </c>
      <c r="IN35" s="404">
        <v>0</v>
      </c>
      <c r="IO35" s="345">
        <v>0</v>
      </c>
      <c r="IP35" s="345">
        <v>244422</v>
      </c>
      <c r="IQ35" s="345">
        <v>178245</v>
      </c>
      <c r="IR35" s="345">
        <v>0</v>
      </c>
      <c r="IS35" s="345">
        <v>0</v>
      </c>
      <c r="IT35" s="346">
        <v>422667</v>
      </c>
      <c r="IU35" s="347">
        <v>422667</v>
      </c>
      <c r="IV35" s="348">
        <v>0</v>
      </c>
      <c r="IW35" s="345">
        <v>0</v>
      </c>
      <c r="IX35" s="349">
        <v>0</v>
      </c>
      <c r="IY35" s="413">
        <v>0</v>
      </c>
      <c r="IZ35" s="345">
        <v>0</v>
      </c>
      <c r="JA35" s="345">
        <v>0</v>
      </c>
      <c r="JB35" s="345">
        <v>0</v>
      </c>
      <c r="JC35" s="345">
        <v>0</v>
      </c>
      <c r="JD35" s="345">
        <v>0</v>
      </c>
      <c r="JE35" s="349">
        <v>0</v>
      </c>
      <c r="JF35" s="350">
        <v>0</v>
      </c>
      <c r="JG35" s="348">
        <v>0</v>
      </c>
      <c r="JH35" s="345">
        <v>0</v>
      </c>
      <c r="JI35" s="346">
        <v>0</v>
      </c>
      <c r="JJ35" s="351">
        <v>0</v>
      </c>
      <c r="JK35" s="345">
        <v>1336931</v>
      </c>
      <c r="JL35" s="345">
        <v>1031551</v>
      </c>
      <c r="JM35" s="345">
        <v>1192905</v>
      </c>
      <c r="JN35" s="345">
        <v>0</v>
      </c>
      <c r="JO35" s="345">
        <v>120411</v>
      </c>
      <c r="JP35" s="349">
        <v>3681798</v>
      </c>
      <c r="JQ35" s="347">
        <v>3681798</v>
      </c>
      <c r="JR35" s="348">
        <v>0</v>
      </c>
      <c r="JS35" s="345">
        <v>0</v>
      </c>
      <c r="JT35" s="346">
        <v>0</v>
      </c>
      <c r="JU35" s="351">
        <v>0</v>
      </c>
      <c r="JV35" s="345">
        <v>0</v>
      </c>
      <c r="JW35" s="345">
        <v>0</v>
      </c>
      <c r="JX35" s="345">
        <v>335191</v>
      </c>
      <c r="JY35" s="345">
        <v>0</v>
      </c>
      <c r="JZ35" s="345">
        <v>0</v>
      </c>
      <c r="KA35" s="349">
        <v>335191</v>
      </c>
      <c r="KB35" s="347">
        <v>335191</v>
      </c>
      <c r="KC35" s="352">
        <v>0</v>
      </c>
      <c r="KD35" s="353">
        <v>0</v>
      </c>
      <c r="KE35" s="349">
        <v>0</v>
      </c>
      <c r="KF35" s="351">
        <v>0</v>
      </c>
      <c r="KG35" s="345">
        <v>102339</v>
      </c>
      <c r="KH35" s="345">
        <v>0</v>
      </c>
      <c r="KI35" s="345">
        <v>278163</v>
      </c>
      <c r="KJ35" s="345">
        <v>0</v>
      </c>
      <c r="KK35" s="345">
        <v>0</v>
      </c>
      <c r="KL35" s="349">
        <v>380502</v>
      </c>
      <c r="KM35" s="354">
        <v>380502</v>
      </c>
      <c r="KN35" s="342">
        <v>0</v>
      </c>
      <c r="KO35" s="343">
        <v>0</v>
      </c>
      <c r="KP35" s="344">
        <v>0</v>
      </c>
      <c r="KQ35" s="413">
        <v>0</v>
      </c>
      <c r="KR35" s="345">
        <v>871740</v>
      </c>
      <c r="KS35" s="345">
        <v>1436004</v>
      </c>
      <c r="KT35" s="345">
        <v>794059</v>
      </c>
      <c r="KU35" s="345">
        <v>1154319</v>
      </c>
      <c r="KV35" s="345">
        <v>582732</v>
      </c>
      <c r="KW35" s="349">
        <v>4838854</v>
      </c>
      <c r="KX35" s="347">
        <v>4838854</v>
      </c>
      <c r="KY35" s="348">
        <v>0</v>
      </c>
      <c r="KZ35" s="345">
        <v>0</v>
      </c>
      <c r="LA35" s="349">
        <v>0</v>
      </c>
      <c r="LB35" s="413">
        <v>0</v>
      </c>
      <c r="LC35" s="345">
        <v>0</v>
      </c>
      <c r="LD35" s="345">
        <v>0</v>
      </c>
      <c r="LE35" s="345">
        <v>0</v>
      </c>
      <c r="LF35" s="345">
        <v>0</v>
      </c>
      <c r="LG35" s="345">
        <v>0</v>
      </c>
      <c r="LH35" s="349">
        <v>0</v>
      </c>
      <c r="LI35" s="350">
        <v>0</v>
      </c>
      <c r="LJ35" s="348">
        <v>0</v>
      </c>
      <c r="LK35" s="345">
        <v>0</v>
      </c>
      <c r="LL35" s="349">
        <v>0</v>
      </c>
      <c r="LM35" s="413">
        <v>0</v>
      </c>
      <c r="LN35" s="345">
        <v>0</v>
      </c>
      <c r="LO35" s="345">
        <v>0</v>
      </c>
      <c r="LP35" s="345">
        <v>0</v>
      </c>
      <c r="LQ35" s="345">
        <v>0</v>
      </c>
      <c r="LR35" s="345">
        <v>0</v>
      </c>
      <c r="LS35" s="349">
        <v>0</v>
      </c>
      <c r="LT35" s="347">
        <v>0</v>
      </c>
      <c r="LU35" s="348">
        <v>0</v>
      </c>
      <c r="LV35" s="345">
        <v>0</v>
      </c>
      <c r="LW35" s="349">
        <v>0</v>
      </c>
      <c r="LX35" s="413">
        <v>0</v>
      </c>
      <c r="LY35" s="345">
        <v>0</v>
      </c>
      <c r="LZ35" s="345">
        <v>0</v>
      </c>
      <c r="MA35" s="345">
        <v>0</v>
      </c>
      <c r="MB35" s="345">
        <v>0</v>
      </c>
      <c r="MC35" s="345">
        <v>0</v>
      </c>
      <c r="MD35" s="349">
        <v>0</v>
      </c>
      <c r="ME35" s="350">
        <v>0</v>
      </c>
      <c r="MF35" s="348">
        <v>0</v>
      </c>
      <c r="MG35" s="345">
        <v>0</v>
      </c>
      <c r="MH35" s="349">
        <v>0</v>
      </c>
      <c r="MI35" s="413">
        <v>0</v>
      </c>
      <c r="MJ35" s="345">
        <v>2593735</v>
      </c>
      <c r="MK35" s="345">
        <v>4015884</v>
      </c>
      <c r="ML35" s="345">
        <v>8732314</v>
      </c>
      <c r="MM35" s="345">
        <v>15733089</v>
      </c>
      <c r="MN35" s="345">
        <v>7978320</v>
      </c>
      <c r="MO35" s="349">
        <v>39053342</v>
      </c>
      <c r="MP35" s="354">
        <v>39053342</v>
      </c>
      <c r="MQ35" s="348">
        <v>0</v>
      </c>
      <c r="MR35" s="345">
        <v>0</v>
      </c>
      <c r="MS35" s="349">
        <v>0</v>
      </c>
      <c r="MT35" s="413">
        <v>0</v>
      </c>
      <c r="MU35" s="345">
        <v>0</v>
      </c>
      <c r="MV35" s="345">
        <v>1102379</v>
      </c>
      <c r="MW35" s="345">
        <v>4982325</v>
      </c>
      <c r="MX35" s="345">
        <v>9232987</v>
      </c>
      <c r="MY35" s="345">
        <v>6328193</v>
      </c>
      <c r="MZ35" s="349">
        <v>21645884</v>
      </c>
      <c r="NA35" s="354">
        <v>21645884</v>
      </c>
      <c r="NB35" s="348">
        <v>0</v>
      </c>
      <c r="NC35" s="345">
        <v>0</v>
      </c>
      <c r="ND35" s="349">
        <v>0</v>
      </c>
      <c r="NE35" s="413">
        <v>0</v>
      </c>
      <c r="NF35" s="345">
        <v>2593735</v>
      </c>
      <c r="NG35" s="345">
        <v>2913505</v>
      </c>
      <c r="NH35" s="345">
        <v>3749989</v>
      </c>
      <c r="NI35" s="345">
        <v>6500102</v>
      </c>
      <c r="NJ35" s="345">
        <v>926221</v>
      </c>
      <c r="NK35" s="349">
        <v>16683552</v>
      </c>
      <c r="NL35" s="347">
        <v>16683552</v>
      </c>
      <c r="NM35" s="348">
        <v>0</v>
      </c>
      <c r="NN35" s="345">
        <v>0</v>
      </c>
      <c r="NO35" s="349">
        <v>0</v>
      </c>
      <c r="NP35" s="413">
        <v>0</v>
      </c>
      <c r="NQ35" s="345">
        <v>0</v>
      </c>
      <c r="NR35" s="345">
        <v>0</v>
      </c>
      <c r="NS35" s="345">
        <v>0</v>
      </c>
      <c r="NT35" s="345">
        <v>0</v>
      </c>
      <c r="NU35" s="345">
        <v>0</v>
      </c>
      <c r="NV35" s="349">
        <v>0</v>
      </c>
      <c r="NW35" s="350">
        <v>0</v>
      </c>
      <c r="NX35" s="348">
        <v>0</v>
      </c>
      <c r="NY35" s="345">
        <v>0</v>
      </c>
      <c r="NZ35" s="349">
        <v>0</v>
      </c>
      <c r="OA35" s="413">
        <v>0</v>
      </c>
      <c r="OB35" s="345">
        <v>0</v>
      </c>
      <c r="OC35" s="345">
        <v>0</v>
      </c>
      <c r="OD35" s="345">
        <v>0</v>
      </c>
      <c r="OE35" s="345">
        <v>0</v>
      </c>
      <c r="OF35" s="345">
        <v>723906</v>
      </c>
      <c r="OG35" s="349">
        <v>723906</v>
      </c>
      <c r="OH35" s="350">
        <v>723906</v>
      </c>
      <c r="OI35" s="348">
        <v>889998</v>
      </c>
      <c r="OJ35" s="345">
        <v>1031597</v>
      </c>
      <c r="OK35" s="346">
        <v>1921595</v>
      </c>
      <c r="OL35" s="351">
        <v>0</v>
      </c>
      <c r="OM35" s="345">
        <v>14566707</v>
      </c>
      <c r="ON35" s="345">
        <v>14925496</v>
      </c>
      <c r="OO35" s="345">
        <v>21315350</v>
      </c>
      <c r="OP35" s="345">
        <v>24077880</v>
      </c>
      <c r="OQ35" s="345">
        <v>11223414</v>
      </c>
      <c r="OR35" s="349">
        <v>86108847</v>
      </c>
      <c r="OS35" s="354">
        <v>88030442</v>
      </c>
    </row>
    <row r="36" spans="2:409" s="70" customFormat="1" ht="21" customHeight="1" x14ac:dyDescent="0.2">
      <c r="B36" s="410" t="s">
        <v>31</v>
      </c>
      <c r="C36" s="326">
        <v>587822</v>
      </c>
      <c r="D36" s="327">
        <v>1131014</v>
      </c>
      <c r="E36" s="328">
        <v>1718836</v>
      </c>
      <c r="F36" s="329">
        <v>0</v>
      </c>
      <c r="G36" s="327">
        <v>7719739</v>
      </c>
      <c r="H36" s="327">
        <v>10592740</v>
      </c>
      <c r="I36" s="327">
        <v>9846841</v>
      </c>
      <c r="J36" s="327">
        <v>7690422</v>
      </c>
      <c r="K36" s="327">
        <v>3327777</v>
      </c>
      <c r="L36" s="367">
        <v>39177519</v>
      </c>
      <c r="M36" s="330">
        <v>40896355</v>
      </c>
      <c r="N36" s="326">
        <v>84114</v>
      </c>
      <c r="O36" s="327">
        <v>138228</v>
      </c>
      <c r="P36" s="328">
        <v>222342</v>
      </c>
      <c r="Q36" s="326">
        <v>0</v>
      </c>
      <c r="R36" s="327">
        <v>1630022</v>
      </c>
      <c r="S36" s="327">
        <v>2306902</v>
      </c>
      <c r="T36" s="327">
        <v>2181353</v>
      </c>
      <c r="U36" s="327">
        <v>2734333</v>
      </c>
      <c r="V36" s="327">
        <v>1252366</v>
      </c>
      <c r="W36" s="328">
        <v>10104976</v>
      </c>
      <c r="X36" s="330">
        <v>10327318</v>
      </c>
      <c r="Y36" s="326">
        <v>0</v>
      </c>
      <c r="Z36" s="327">
        <v>0</v>
      </c>
      <c r="AA36" s="328">
        <v>0</v>
      </c>
      <c r="AB36" s="326">
        <v>0</v>
      </c>
      <c r="AC36" s="327">
        <v>401526</v>
      </c>
      <c r="AD36" s="327">
        <v>798934</v>
      </c>
      <c r="AE36" s="327">
        <v>931520</v>
      </c>
      <c r="AF36" s="327">
        <v>1416960</v>
      </c>
      <c r="AG36" s="327">
        <v>288516</v>
      </c>
      <c r="AH36" s="328">
        <v>3837456</v>
      </c>
      <c r="AI36" s="330">
        <v>3837456</v>
      </c>
      <c r="AJ36" s="326">
        <v>0</v>
      </c>
      <c r="AK36" s="327">
        <v>0</v>
      </c>
      <c r="AL36" s="328">
        <v>0</v>
      </c>
      <c r="AM36" s="326">
        <v>0</v>
      </c>
      <c r="AN36" s="327">
        <v>172136</v>
      </c>
      <c r="AO36" s="327">
        <v>229974</v>
      </c>
      <c r="AP36" s="327">
        <v>91144</v>
      </c>
      <c r="AQ36" s="327">
        <v>298923</v>
      </c>
      <c r="AR36" s="327">
        <v>507188</v>
      </c>
      <c r="AS36" s="328">
        <v>1299365</v>
      </c>
      <c r="AT36" s="330">
        <v>1299365</v>
      </c>
      <c r="AU36" s="326">
        <v>62406</v>
      </c>
      <c r="AV36" s="327">
        <v>87024</v>
      </c>
      <c r="AW36" s="328">
        <v>149430</v>
      </c>
      <c r="AX36" s="326">
        <v>0</v>
      </c>
      <c r="AY36" s="327">
        <v>726786</v>
      </c>
      <c r="AZ36" s="327">
        <v>969398</v>
      </c>
      <c r="BA36" s="327">
        <v>845706</v>
      </c>
      <c r="BB36" s="327">
        <v>644838</v>
      </c>
      <c r="BC36" s="327">
        <v>371020</v>
      </c>
      <c r="BD36" s="328">
        <v>3557748</v>
      </c>
      <c r="BE36" s="330">
        <v>3707178</v>
      </c>
      <c r="BF36" s="326">
        <v>0</v>
      </c>
      <c r="BG36" s="327">
        <v>45142</v>
      </c>
      <c r="BH36" s="331">
        <v>45142</v>
      </c>
      <c r="BI36" s="332">
        <v>0</v>
      </c>
      <c r="BJ36" s="327">
        <v>105330</v>
      </c>
      <c r="BK36" s="327">
        <v>35110</v>
      </c>
      <c r="BL36" s="327">
        <v>96796</v>
      </c>
      <c r="BM36" s="327">
        <v>122886</v>
      </c>
      <c r="BN36" s="327">
        <v>0</v>
      </c>
      <c r="BO36" s="328">
        <v>360122</v>
      </c>
      <c r="BP36" s="330">
        <v>405264</v>
      </c>
      <c r="BQ36" s="326">
        <v>21708</v>
      </c>
      <c r="BR36" s="327">
        <v>6062</v>
      </c>
      <c r="BS36" s="328">
        <v>27770</v>
      </c>
      <c r="BT36" s="326">
        <v>0</v>
      </c>
      <c r="BU36" s="327">
        <v>224244</v>
      </c>
      <c r="BV36" s="327">
        <v>273486</v>
      </c>
      <c r="BW36" s="327">
        <v>216187</v>
      </c>
      <c r="BX36" s="327">
        <v>250726</v>
      </c>
      <c r="BY36" s="327">
        <v>85642</v>
      </c>
      <c r="BZ36" s="328">
        <v>1050285</v>
      </c>
      <c r="CA36" s="330">
        <v>1078055</v>
      </c>
      <c r="CB36" s="326">
        <v>92770</v>
      </c>
      <c r="CC36" s="327">
        <v>172912</v>
      </c>
      <c r="CD36" s="328">
        <v>265682</v>
      </c>
      <c r="CE36" s="326">
        <v>0</v>
      </c>
      <c r="CF36" s="327">
        <v>2601296</v>
      </c>
      <c r="CG36" s="327">
        <v>3585309</v>
      </c>
      <c r="CH36" s="327">
        <v>2470081</v>
      </c>
      <c r="CI36" s="327">
        <v>1132138</v>
      </c>
      <c r="CJ36" s="327">
        <v>892046</v>
      </c>
      <c r="CK36" s="328">
        <v>10680870</v>
      </c>
      <c r="CL36" s="330">
        <v>10946552</v>
      </c>
      <c r="CM36" s="326">
        <v>0</v>
      </c>
      <c r="CN36" s="327">
        <v>0</v>
      </c>
      <c r="CO36" s="328">
        <v>0</v>
      </c>
      <c r="CP36" s="332">
        <v>0</v>
      </c>
      <c r="CQ36" s="327">
        <v>2233208</v>
      </c>
      <c r="CR36" s="327">
        <v>2976867</v>
      </c>
      <c r="CS36" s="327">
        <v>1674905</v>
      </c>
      <c r="CT36" s="327">
        <v>653278</v>
      </c>
      <c r="CU36" s="327">
        <v>663075</v>
      </c>
      <c r="CV36" s="328">
        <v>8201333</v>
      </c>
      <c r="CW36" s="330">
        <v>8201333</v>
      </c>
      <c r="CX36" s="326">
        <v>92770</v>
      </c>
      <c r="CY36" s="327">
        <v>172912</v>
      </c>
      <c r="CZ36" s="328">
        <v>265682</v>
      </c>
      <c r="DA36" s="326">
        <v>0</v>
      </c>
      <c r="DB36" s="327">
        <v>368088</v>
      </c>
      <c r="DC36" s="327">
        <v>608442</v>
      </c>
      <c r="DD36" s="327">
        <v>795176</v>
      </c>
      <c r="DE36" s="327">
        <v>478860</v>
      </c>
      <c r="DF36" s="327">
        <v>228971</v>
      </c>
      <c r="DG36" s="328">
        <v>2479537</v>
      </c>
      <c r="DH36" s="330">
        <v>2745219</v>
      </c>
      <c r="DI36" s="326">
        <v>0</v>
      </c>
      <c r="DJ36" s="327">
        <v>43771</v>
      </c>
      <c r="DK36" s="331">
        <v>43771</v>
      </c>
      <c r="DL36" s="332">
        <v>0</v>
      </c>
      <c r="DM36" s="327">
        <v>470133</v>
      </c>
      <c r="DN36" s="327">
        <v>679484</v>
      </c>
      <c r="DO36" s="327">
        <v>2104515</v>
      </c>
      <c r="DP36" s="327">
        <v>1049906</v>
      </c>
      <c r="DQ36" s="327">
        <v>135439</v>
      </c>
      <c r="DR36" s="328">
        <v>4439477</v>
      </c>
      <c r="DS36" s="330">
        <v>4483248</v>
      </c>
      <c r="DT36" s="326">
        <v>0</v>
      </c>
      <c r="DU36" s="327">
        <v>43771</v>
      </c>
      <c r="DV36" s="328">
        <v>43771</v>
      </c>
      <c r="DW36" s="326">
        <v>0</v>
      </c>
      <c r="DX36" s="327">
        <v>312713</v>
      </c>
      <c r="DY36" s="327">
        <v>629591</v>
      </c>
      <c r="DZ36" s="327">
        <v>1972940</v>
      </c>
      <c r="EA36" s="327">
        <v>877423</v>
      </c>
      <c r="EB36" s="327">
        <v>0</v>
      </c>
      <c r="EC36" s="328">
        <v>3792667</v>
      </c>
      <c r="ED36" s="330">
        <v>3836438</v>
      </c>
      <c r="EE36" s="326">
        <v>0</v>
      </c>
      <c r="EF36" s="331">
        <v>0</v>
      </c>
      <c r="EG36" s="328">
        <v>0</v>
      </c>
      <c r="EH36" s="326">
        <v>0</v>
      </c>
      <c r="EI36" s="327">
        <v>157420</v>
      </c>
      <c r="EJ36" s="327">
        <v>49893</v>
      </c>
      <c r="EK36" s="327">
        <v>131575</v>
      </c>
      <c r="EL36" s="327">
        <v>172483</v>
      </c>
      <c r="EM36" s="327">
        <v>135439</v>
      </c>
      <c r="EN36" s="331">
        <v>646810</v>
      </c>
      <c r="EO36" s="330">
        <v>646810</v>
      </c>
      <c r="EP36" s="326">
        <v>0</v>
      </c>
      <c r="EQ36" s="327">
        <v>0</v>
      </c>
      <c r="ER36" s="331">
        <v>0</v>
      </c>
      <c r="ES36" s="332">
        <v>0</v>
      </c>
      <c r="ET36" s="327">
        <v>0</v>
      </c>
      <c r="EU36" s="327">
        <v>0</v>
      </c>
      <c r="EV36" s="327">
        <v>0</v>
      </c>
      <c r="EW36" s="327">
        <v>0</v>
      </c>
      <c r="EX36" s="327">
        <v>0</v>
      </c>
      <c r="EY36" s="328">
        <v>0</v>
      </c>
      <c r="EZ36" s="330">
        <v>0</v>
      </c>
      <c r="FA36" s="326">
        <v>0</v>
      </c>
      <c r="FB36" s="327">
        <v>0</v>
      </c>
      <c r="FC36" s="331">
        <v>0</v>
      </c>
      <c r="FD36" s="332">
        <v>0</v>
      </c>
      <c r="FE36" s="327">
        <v>0</v>
      </c>
      <c r="FF36" s="327">
        <v>0</v>
      </c>
      <c r="FG36" s="327">
        <v>0</v>
      </c>
      <c r="FH36" s="327">
        <v>0</v>
      </c>
      <c r="FI36" s="327">
        <v>0</v>
      </c>
      <c r="FJ36" s="328">
        <v>0</v>
      </c>
      <c r="FK36" s="330">
        <v>0</v>
      </c>
      <c r="FL36" s="326">
        <v>167554</v>
      </c>
      <c r="FM36" s="327">
        <v>466224</v>
      </c>
      <c r="FN36" s="328">
        <v>633778</v>
      </c>
      <c r="FO36" s="326">
        <v>0</v>
      </c>
      <c r="FP36" s="327">
        <v>393549</v>
      </c>
      <c r="FQ36" s="327">
        <v>1202806</v>
      </c>
      <c r="FR36" s="327">
        <v>710459</v>
      </c>
      <c r="FS36" s="327">
        <v>680282</v>
      </c>
      <c r="FT36" s="327">
        <v>345637</v>
      </c>
      <c r="FU36" s="328">
        <v>3332733</v>
      </c>
      <c r="FV36" s="330">
        <v>3966511</v>
      </c>
      <c r="FW36" s="333">
        <v>136954</v>
      </c>
      <c r="FX36" s="327">
        <v>466224</v>
      </c>
      <c r="FY36" s="331">
        <v>603178</v>
      </c>
      <c r="FZ36" s="332">
        <v>0</v>
      </c>
      <c r="GA36" s="327">
        <v>393549</v>
      </c>
      <c r="GB36" s="327">
        <v>1118440</v>
      </c>
      <c r="GC36" s="327">
        <v>710459</v>
      </c>
      <c r="GD36" s="327">
        <v>680282</v>
      </c>
      <c r="GE36" s="327">
        <v>345637</v>
      </c>
      <c r="GF36" s="328">
        <v>3248367</v>
      </c>
      <c r="GG36" s="334">
        <v>3851545</v>
      </c>
      <c r="GH36" s="333">
        <v>30600</v>
      </c>
      <c r="GI36" s="327">
        <v>0</v>
      </c>
      <c r="GJ36" s="331">
        <v>30600</v>
      </c>
      <c r="GK36" s="332">
        <v>0</v>
      </c>
      <c r="GL36" s="327">
        <v>0</v>
      </c>
      <c r="GM36" s="327">
        <v>39816</v>
      </c>
      <c r="GN36" s="327">
        <v>0</v>
      </c>
      <c r="GO36" s="327">
        <v>0</v>
      </c>
      <c r="GP36" s="327">
        <v>0</v>
      </c>
      <c r="GQ36" s="328">
        <v>39816</v>
      </c>
      <c r="GR36" s="330">
        <v>70416</v>
      </c>
      <c r="GS36" s="326">
        <v>0</v>
      </c>
      <c r="GT36" s="327">
        <v>0</v>
      </c>
      <c r="GU36" s="328">
        <v>0</v>
      </c>
      <c r="GV36" s="326">
        <v>0</v>
      </c>
      <c r="GW36" s="327">
        <v>0</v>
      </c>
      <c r="GX36" s="327">
        <v>44550</v>
      </c>
      <c r="GY36" s="327">
        <v>0</v>
      </c>
      <c r="GZ36" s="327">
        <v>0</v>
      </c>
      <c r="HA36" s="327">
        <v>0</v>
      </c>
      <c r="HB36" s="331">
        <v>44550</v>
      </c>
      <c r="HC36" s="330">
        <v>44550</v>
      </c>
      <c r="HD36" s="326">
        <v>117048</v>
      </c>
      <c r="HE36" s="327">
        <v>0</v>
      </c>
      <c r="HF36" s="331">
        <v>117048</v>
      </c>
      <c r="HG36" s="332">
        <v>0</v>
      </c>
      <c r="HH36" s="327">
        <v>1169080</v>
      </c>
      <c r="HI36" s="327">
        <v>1575346</v>
      </c>
      <c r="HJ36" s="327">
        <v>1408725</v>
      </c>
      <c r="HK36" s="327">
        <v>1528620</v>
      </c>
      <c r="HL36" s="327">
        <v>520209</v>
      </c>
      <c r="HM36" s="328">
        <v>6201980</v>
      </c>
      <c r="HN36" s="329">
        <v>6319028</v>
      </c>
      <c r="HO36" s="333">
        <v>126336</v>
      </c>
      <c r="HP36" s="327">
        <v>309879</v>
      </c>
      <c r="HQ36" s="328">
        <v>436215</v>
      </c>
      <c r="HR36" s="326">
        <v>0</v>
      </c>
      <c r="HS36" s="327">
        <v>1455659</v>
      </c>
      <c r="HT36" s="327">
        <v>1242893</v>
      </c>
      <c r="HU36" s="327">
        <v>971708</v>
      </c>
      <c r="HV36" s="327">
        <v>565143</v>
      </c>
      <c r="HW36" s="327">
        <v>182080</v>
      </c>
      <c r="HX36" s="331">
        <v>4417483</v>
      </c>
      <c r="HY36" s="330">
        <v>4853698</v>
      </c>
      <c r="HZ36" s="358">
        <v>0</v>
      </c>
      <c r="IA36" s="356">
        <v>93095</v>
      </c>
      <c r="IB36" s="358">
        <v>93095</v>
      </c>
      <c r="IC36" s="355">
        <v>0</v>
      </c>
      <c r="ID36" s="356">
        <v>2491793</v>
      </c>
      <c r="IE36" s="357">
        <v>5009892</v>
      </c>
      <c r="IF36" s="358">
        <v>6581868</v>
      </c>
      <c r="IG36" s="356">
        <v>4157840</v>
      </c>
      <c r="IH36" s="358">
        <v>816982</v>
      </c>
      <c r="II36" s="359">
        <v>19058375</v>
      </c>
      <c r="IJ36" s="358">
        <v>19151470</v>
      </c>
      <c r="IK36" s="342">
        <v>0</v>
      </c>
      <c r="IL36" s="343">
        <v>0</v>
      </c>
      <c r="IM36" s="344">
        <v>0</v>
      </c>
      <c r="IN36" s="404">
        <v>0</v>
      </c>
      <c r="IO36" s="345">
        <v>0</v>
      </c>
      <c r="IP36" s="345">
        <v>0</v>
      </c>
      <c r="IQ36" s="345">
        <v>186498</v>
      </c>
      <c r="IR36" s="345">
        <v>0</v>
      </c>
      <c r="IS36" s="345">
        <v>0</v>
      </c>
      <c r="IT36" s="346">
        <v>186498</v>
      </c>
      <c r="IU36" s="347">
        <v>186498</v>
      </c>
      <c r="IV36" s="348">
        <v>0</v>
      </c>
      <c r="IW36" s="345">
        <v>0</v>
      </c>
      <c r="IX36" s="349">
        <v>0</v>
      </c>
      <c r="IY36" s="413">
        <v>0</v>
      </c>
      <c r="IZ36" s="345">
        <v>0</v>
      </c>
      <c r="JA36" s="345">
        <v>0</v>
      </c>
      <c r="JB36" s="345">
        <v>0</v>
      </c>
      <c r="JC36" s="345">
        <v>0</v>
      </c>
      <c r="JD36" s="345">
        <v>0</v>
      </c>
      <c r="JE36" s="349">
        <v>0</v>
      </c>
      <c r="JF36" s="350">
        <v>0</v>
      </c>
      <c r="JG36" s="348">
        <v>0</v>
      </c>
      <c r="JH36" s="345">
        <v>0</v>
      </c>
      <c r="JI36" s="346">
        <v>0</v>
      </c>
      <c r="JJ36" s="351">
        <v>0</v>
      </c>
      <c r="JK36" s="345">
        <v>541556</v>
      </c>
      <c r="JL36" s="345">
        <v>923924</v>
      </c>
      <c r="JM36" s="345">
        <v>488883</v>
      </c>
      <c r="JN36" s="345">
        <v>36198</v>
      </c>
      <c r="JO36" s="345">
        <v>0</v>
      </c>
      <c r="JP36" s="349">
        <v>1990561</v>
      </c>
      <c r="JQ36" s="347">
        <v>1990561</v>
      </c>
      <c r="JR36" s="348">
        <v>0</v>
      </c>
      <c r="JS36" s="345">
        <v>0</v>
      </c>
      <c r="JT36" s="346">
        <v>0</v>
      </c>
      <c r="JU36" s="351">
        <v>0</v>
      </c>
      <c r="JV36" s="345">
        <v>0</v>
      </c>
      <c r="JW36" s="345">
        <v>0</v>
      </c>
      <c r="JX36" s="345">
        <v>236488</v>
      </c>
      <c r="JY36" s="345">
        <v>175332</v>
      </c>
      <c r="JZ36" s="345">
        <v>0</v>
      </c>
      <c r="KA36" s="349">
        <v>411820</v>
      </c>
      <c r="KB36" s="347">
        <v>411820</v>
      </c>
      <c r="KC36" s="352">
        <v>0</v>
      </c>
      <c r="KD36" s="353">
        <v>93095</v>
      </c>
      <c r="KE36" s="349">
        <v>93095</v>
      </c>
      <c r="KF36" s="351">
        <v>0</v>
      </c>
      <c r="KG36" s="345">
        <v>572243</v>
      </c>
      <c r="KH36" s="345">
        <v>1549512</v>
      </c>
      <c r="KI36" s="345">
        <v>1705436</v>
      </c>
      <c r="KJ36" s="345">
        <v>589726</v>
      </c>
      <c r="KK36" s="345">
        <v>263623</v>
      </c>
      <c r="KL36" s="349">
        <v>4680540</v>
      </c>
      <c r="KM36" s="354">
        <v>4773635</v>
      </c>
      <c r="KN36" s="342">
        <v>0</v>
      </c>
      <c r="KO36" s="343">
        <v>0</v>
      </c>
      <c r="KP36" s="344">
        <v>0</v>
      </c>
      <c r="KQ36" s="413">
        <v>0</v>
      </c>
      <c r="KR36" s="345">
        <v>1377994</v>
      </c>
      <c r="KS36" s="345">
        <v>2536456</v>
      </c>
      <c r="KT36" s="345">
        <v>3964563</v>
      </c>
      <c r="KU36" s="345">
        <v>3341408</v>
      </c>
      <c r="KV36" s="345">
        <v>553359</v>
      </c>
      <c r="KW36" s="349">
        <v>11773780</v>
      </c>
      <c r="KX36" s="347">
        <v>11773780</v>
      </c>
      <c r="KY36" s="348">
        <v>0</v>
      </c>
      <c r="KZ36" s="345">
        <v>0</v>
      </c>
      <c r="LA36" s="349">
        <v>0</v>
      </c>
      <c r="LB36" s="413">
        <v>0</v>
      </c>
      <c r="LC36" s="345">
        <v>0</v>
      </c>
      <c r="LD36" s="345">
        <v>0</v>
      </c>
      <c r="LE36" s="345">
        <v>0</v>
      </c>
      <c r="LF36" s="345">
        <v>0</v>
      </c>
      <c r="LG36" s="345">
        <v>0</v>
      </c>
      <c r="LH36" s="349">
        <v>0</v>
      </c>
      <c r="LI36" s="350">
        <v>0</v>
      </c>
      <c r="LJ36" s="348">
        <v>0</v>
      </c>
      <c r="LK36" s="345">
        <v>0</v>
      </c>
      <c r="LL36" s="349">
        <v>0</v>
      </c>
      <c r="LM36" s="413">
        <v>0</v>
      </c>
      <c r="LN36" s="345">
        <v>0</v>
      </c>
      <c r="LO36" s="345">
        <v>0</v>
      </c>
      <c r="LP36" s="345">
        <v>0</v>
      </c>
      <c r="LQ36" s="345">
        <v>15176</v>
      </c>
      <c r="LR36" s="345">
        <v>0</v>
      </c>
      <c r="LS36" s="349">
        <v>15176</v>
      </c>
      <c r="LT36" s="347">
        <v>15176</v>
      </c>
      <c r="LU36" s="348">
        <v>0</v>
      </c>
      <c r="LV36" s="345">
        <v>0</v>
      </c>
      <c r="LW36" s="349">
        <v>0</v>
      </c>
      <c r="LX36" s="413">
        <v>0</v>
      </c>
      <c r="LY36" s="345">
        <v>0</v>
      </c>
      <c r="LZ36" s="345">
        <v>0</v>
      </c>
      <c r="MA36" s="345">
        <v>0</v>
      </c>
      <c r="MB36" s="345">
        <v>0</v>
      </c>
      <c r="MC36" s="345">
        <v>0</v>
      </c>
      <c r="MD36" s="349">
        <v>0</v>
      </c>
      <c r="ME36" s="350">
        <v>0</v>
      </c>
      <c r="MF36" s="348">
        <v>0</v>
      </c>
      <c r="MG36" s="345">
        <v>0</v>
      </c>
      <c r="MH36" s="349">
        <v>0</v>
      </c>
      <c r="MI36" s="413">
        <v>0</v>
      </c>
      <c r="MJ36" s="345">
        <v>995433</v>
      </c>
      <c r="MK36" s="345">
        <v>2442072</v>
      </c>
      <c r="ML36" s="345">
        <v>9660134</v>
      </c>
      <c r="MM36" s="345">
        <v>9974810</v>
      </c>
      <c r="MN36" s="345">
        <v>8914775</v>
      </c>
      <c r="MO36" s="349">
        <v>31987224</v>
      </c>
      <c r="MP36" s="354">
        <v>31987224</v>
      </c>
      <c r="MQ36" s="348">
        <v>0</v>
      </c>
      <c r="MR36" s="345">
        <v>0</v>
      </c>
      <c r="MS36" s="349">
        <v>0</v>
      </c>
      <c r="MT36" s="413">
        <v>0</v>
      </c>
      <c r="MU36" s="345">
        <v>198490</v>
      </c>
      <c r="MV36" s="345">
        <v>218667</v>
      </c>
      <c r="MW36" s="345">
        <v>6782893</v>
      </c>
      <c r="MX36" s="345">
        <v>6500260</v>
      </c>
      <c r="MY36" s="345">
        <v>6421905</v>
      </c>
      <c r="MZ36" s="349">
        <v>20122215</v>
      </c>
      <c r="NA36" s="354">
        <v>20122215</v>
      </c>
      <c r="NB36" s="348">
        <v>0</v>
      </c>
      <c r="NC36" s="345">
        <v>0</v>
      </c>
      <c r="ND36" s="349">
        <v>0</v>
      </c>
      <c r="NE36" s="413">
        <v>0</v>
      </c>
      <c r="NF36" s="345">
        <v>515637</v>
      </c>
      <c r="NG36" s="345">
        <v>2223405</v>
      </c>
      <c r="NH36" s="345">
        <v>2877241</v>
      </c>
      <c r="NI36" s="345">
        <v>2671216</v>
      </c>
      <c r="NJ36" s="345">
        <v>1696080</v>
      </c>
      <c r="NK36" s="349">
        <v>9983579</v>
      </c>
      <c r="NL36" s="347">
        <v>9983579</v>
      </c>
      <c r="NM36" s="348">
        <v>0</v>
      </c>
      <c r="NN36" s="345">
        <v>0</v>
      </c>
      <c r="NO36" s="349">
        <v>0</v>
      </c>
      <c r="NP36" s="413">
        <v>0</v>
      </c>
      <c r="NQ36" s="345">
        <v>0</v>
      </c>
      <c r="NR36" s="345">
        <v>0</v>
      </c>
      <c r="NS36" s="345">
        <v>0</v>
      </c>
      <c r="NT36" s="345">
        <v>0</v>
      </c>
      <c r="NU36" s="345">
        <v>0</v>
      </c>
      <c r="NV36" s="349">
        <v>0</v>
      </c>
      <c r="NW36" s="350">
        <v>0</v>
      </c>
      <c r="NX36" s="348">
        <v>0</v>
      </c>
      <c r="NY36" s="345">
        <v>0</v>
      </c>
      <c r="NZ36" s="349">
        <v>0</v>
      </c>
      <c r="OA36" s="413">
        <v>0</v>
      </c>
      <c r="OB36" s="345">
        <v>281306</v>
      </c>
      <c r="OC36" s="345">
        <v>0</v>
      </c>
      <c r="OD36" s="345">
        <v>0</v>
      </c>
      <c r="OE36" s="345">
        <v>803334</v>
      </c>
      <c r="OF36" s="345">
        <v>796790</v>
      </c>
      <c r="OG36" s="349">
        <v>1881430</v>
      </c>
      <c r="OH36" s="350">
        <v>1881430</v>
      </c>
      <c r="OI36" s="348">
        <v>587822</v>
      </c>
      <c r="OJ36" s="345">
        <v>1224109</v>
      </c>
      <c r="OK36" s="346">
        <v>1811931</v>
      </c>
      <c r="OL36" s="351">
        <v>0</v>
      </c>
      <c r="OM36" s="345">
        <v>11206965</v>
      </c>
      <c r="ON36" s="345">
        <v>18044704</v>
      </c>
      <c r="OO36" s="345">
        <v>26088843</v>
      </c>
      <c r="OP36" s="345">
        <v>21823072</v>
      </c>
      <c r="OQ36" s="345">
        <v>13059534</v>
      </c>
      <c r="OR36" s="349">
        <v>90223118</v>
      </c>
      <c r="OS36" s="354">
        <v>92035049</v>
      </c>
    </row>
    <row r="37" spans="2:409" s="70" customFormat="1" ht="21" customHeight="1" x14ac:dyDescent="0.2">
      <c r="B37" s="410" t="s">
        <v>32</v>
      </c>
      <c r="C37" s="326">
        <v>1024368</v>
      </c>
      <c r="D37" s="327">
        <v>1704461</v>
      </c>
      <c r="E37" s="368">
        <v>2728829</v>
      </c>
      <c r="F37" s="370">
        <v>0</v>
      </c>
      <c r="G37" s="369">
        <v>10412593</v>
      </c>
      <c r="H37" s="369">
        <v>10904275</v>
      </c>
      <c r="I37" s="369">
        <v>8429304</v>
      </c>
      <c r="J37" s="369">
        <v>10253587</v>
      </c>
      <c r="K37" s="369">
        <v>7545553</v>
      </c>
      <c r="L37" s="370">
        <v>47545312</v>
      </c>
      <c r="M37" s="330">
        <v>50274141</v>
      </c>
      <c r="N37" s="326">
        <v>305895</v>
      </c>
      <c r="O37" s="327">
        <v>327821</v>
      </c>
      <c r="P37" s="328">
        <v>633716</v>
      </c>
      <c r="Q37" s="326">
        <v>0</v>
      </c>
      <c r="R37" s="327">
        <v>2662090</v>
      </c>
      <c r="S37" s="327">
        <v>2601549</v>
      </c>
      <c r="T37" s="327">
        <v>2010289</v>
      </c>
      <c r="U37" s="327">
        <v>2699160</v>
      </c>
      <c r="V37" s="327">
        <v>3758667</v>
      </c>
      <c r="W37" s="328">
        <v>13731755</v>
      </c>
      <c r="X37" s="330">
        <v>14365471</v>
      </c>
      <c r="Y37" s="326">
        <v>0</v>
      </c>
      <c r="Z37" s="327">
        <v>0</v>
      </c>
      <c r="AA37" s="328">
        <v>0</v>
      </c>
      <c r="AB37" s="326">
        <v>0</v>
      </c>
      <c r="AC37" s="327">
        <v>1231286</v>
      </c>
      <c r="AD37" s="327">
        <v>994784</v>
      </c>
      <c r="AE37" s="327">
        <v>982491</v>
      </c>
      <c r="AF37" s="327">
        <v>971559</v>
      </c>
      <c r="AG37" s="327">
        <v>2185589</v>
      </c>
      <c r="AH37" s="328">
        <v>6365709</v>
      </c>
      <c r="AI37" s="330">
        <v>6365709</v>
      </c>
      <c r="AJ37" s="326">
        <v>0</v>
      </c>
      <c r="AK37" s="327">
        <v>0</v>
      </c>
      <c r="AL37" s="328">
        <v>0</v>
      </c>
      <c r="AM37" s="326">
        <v>0</v>
      </c>
      <c r="AN37" s="327">
        <v>0</v>
      </c>
      <c r="AO37" s="327">
        <v>0</v>
      </c>
      <c r="AP37" s="327">
        <v>111815</v>
      </c>
      <c r="AQ37" s="327">
        <v>451756</v>
      </c>
      <c r="AR37" s="327">
        <v>479556</v>
      </c>
      <c r="AS37" s="328">
        <v>1043127</v>
      </c>
      <c r="AT37" s="330">
        <v>1043127</v>
      </c>
      <c r="AU37" s="326">
        <v>276942</v>
      </c>
      <c r="AV37" s="327">
        <v>216095</v>
      </c>
      <c r="AW37" s="328">
        <v>493037</v>
      </c>
      <c r="AX37" s="326">
        <v>0</v>
      </c>
      <c r="AY37" s="327">
        <v>953043</v>
      </c>
      <c r="AZ37" s="327">
        <v>1275334</v>
      </c>
      <c r="BA37" s="327">
        <v>526325</v>
      </c>
      <c r="BB37" s="327">
        <v>675891</v>
      </c>
      <c r="BC37" s="327">
        <v>728764</v>
      </c>
      <c r="BD37" s="328">
        <v>4159357</v>
      </c>
      <c r="BE37" s="330">
        <v>4652394</v>
      </c>
      <c r="BF37" s="326">
        <v>0</v>
      </c>
      <c r="BG37" s="327">
        <v>33390</v>
      </c>
      <c r="BH37" s="331">
        <v>33390</v>
      </c>
      <c r="BI37" s="332">
        <v>0</v>
      </c>
      <c r="BJ37" s="327">
        <v>196698</v>
      </c>
      <c r="BK37" s="327">
        <v>0</v>
      </c>
      <c r="BL37" s="327">
        <v>0</v>
      </c>
      <c r="BM37" s="327">
        <v>123861</v>
      </c>
      <c r="BN37" s="327">
        <v>65396</v>
      </c>
      <c r="BO37" s="328">
        <v>385955</v>
      </c>
      <c r="BP37" s="330">
        <v>419345</v>
      </c>
      <c r="BQ37" s="326">
        <v>28953</v>
      </c>
      <c r="BR37" s="327">
        <v>78336</v>
      </c>
      <c r="BS37" s="328">
        <v>107289</v>
      </c>
      <c r="BT37" s="326">
        <v>0</v>
      </c>
      <c r="BU37" s="327">
        <v>281063</v>
      </c>
      <c r="BV37" s="327">
        <v>331431</v>
      </c>
      <c r="BW37" s="327">
        <v>389658</v>
      </c>
      <c r="BX37" s="327">
        <v>476093</v>
      </c>
      <c r="BY37" s="327">
        <v>299362</v>
      </c>
      <c r="BZ37" s="328">
        <v>1777607</v>
      </c>
      <c r="CA37" s="330">
        <v>1884896</v>
      </c>
      <c r="CB37" s="326">
        <v>137380</v>
      </c>
      <c r="CC37" s="327">
        <v>165365</v>
      </c>
      <c r="CD37" s="328">
        <v>302745</v>
      </c>
      <c r="CE37" s="326">
        <v>0</v>
      </c>
      <c r="CF37" s="327">
        <v>3353539</v>
      </c>
      <c r="CG37" s="327">
        <v>3778165</v>
      </c>
      <c r="CH37" s="327">
        <v>3207960</v>
      </c>
      <c r="CI37" s="327">
        <v>2727303</v>
      </c>
      <c r="CJ37" s="327">
        <v>975674</v>
      </c>
      <c r="CK37" s="328">
        <v>14042641</v>
      </c>
      <c r="CL37" s="330">
        <v>14345386</v>
      </c>
      <c r="CM37" s="326">
        <v>0</v>
      </c>
      <c r="CN37" s="327">
        <v>0</v>
      </c>
      <c r="CO37" s="328">
        <v>0</v>
      </c>
      <c r="CP37" s="332">
        <v>0</v>
      </c>
      <c r="CQ37" s="327">
        <v>2991194</v>
      </c>
      <c r="CR37" s="327">
        <v>3038022</v>
      </c>
      <c r="CS37" s="327">
        <v>2972366</v>
      </c>
      <c r="CT37" s="327">
        <v>2388666</v>
      </c>
      <c r="CU37" s="327">
        <v>825475</v>
      </c>
      <c r="CV37" s="328">
        <v>12215723</v>
      </c>
      <c r="CW37" s="330">
        <v>12215723</v>
      </c>
      <c r="CX37" s="326">
        <v>137380</v>
      </c>
      <c r="CY37" s="327">
        <v>165365</v>
      </c>
      <c r="CZ37" s="328">
        <v>302745</v>
      </c>
      <c r="DA37" s="326">
        <v>0</v>
      </c>
      <c r="DB37" s="327">
        <v>362345</v>
      </c>
      <c r="DC37" s="327">
        <v>740143</v>
      </c>
      <c r="DD37" s="327">
        <v>235594</v>
      </c>
      <c r="DE37" s="327">
        <v>338637</v>
      </c>
      <c r="DF37" s="327">
        <v>150199</v>
      </c>
      <c r="DG37" s="328">
        <v>1826918</v>
      </c>
      <c r="DH37" s="330">
        <v>2129663</v>
      </c>
      <c r="DI37" s="326">
        <v>0</v>
      </c>
      <c r="DJ37" s="327">
        <v>43581</v>
      </c>
      <c r="DK37" s="331">
        <v>43581</v>
      </c>
      <c r="DL37" s="332">
        <v>0</v>
      </c>
      <c r="DM37" s="327">
        <v>137119</v>
      </c>
      <c r="DN37" s="327">
        <v>656056</v>
      </c>
      <c r="DO37" s="327">
        <v>918133</v>
      </c>
      <c r="DP37" s="327">
        <v>517742</v>
      </c>
      <c r="DQ37" s="327">
        <v>535164</v>
      </c>
      <c r="DR37" s="328">
        <v>2764214</v>
      </c>
      <c r="DS37" s="330">
        <v>2807795</v>
      </c>
      <c r="DT37" s="326">
        <v>0</v>
      </c>
      <c r="DU37" s="327">
        <v>43581</v>
      </c>
      <c r="DV37" s="328">
        <v>43581</v>
      </c>
      <c r="DW37" s="326">
        <v>0</v>
      </c>
      <c r="DX37" s="327">
        <v>137119</v>
      </c>
      <c r="DY37" s="327">
        <v>558293</v>
      </c>
      <c r="DZ37" s="327">
        <v>918133</v>
      </c>
      <c r="EA37" s="327">
        <v>517742</v>
      </c>
      <c r="EB37" s="327">
        <v>397395</v>
      </c>
      <c r="EC37" s="328">
        <v>2528682</v>
      </c>
      <c r="ED37" s="330">
        <v>2572263</v>
      </c>
      <c r="EE37" s="326">
        <v>0</v>
      </c>
      <c r="EF37" s="331">
        <v>0</v>
      </c>
      <c r="EG37" s="328">
        <v>0</v>
      </c>
      <c r="EH37" s="326">
        <v>0</v>
      </c>
      <c r="EI37" s="327">
        <v>0</v>
      </c>
      <c r="EJ37" s="327">
        <v>97763</v>
      </c>
      <c r="EK37" s="327">
        <v>0</v>
      </c>
      <c r="EL37" s="327">
        <v>0</v>
      </c>
      <c r="EM37" s="327">
        <v>137769</v>
      </c>
      <c r="EN37" s="331">
        <v>235532</v>
      </c>
      <c r="EO37" s="330">
        <v>235532</v>
      </c>
      <c r="EP37" s="326">
        <v>0</v>
      </c>
      <c r="EQ37" s="327">
        <v>0</v>
      </c>
      <c r="ER37" s="331">
        <v>0</v>
      </c>
      <c r="ES37" s="332">
        <v>0</v>
      </c>
      <c r="ET37" s="327">
        <v>0</v>
      </c>
      <c r="EU37" s="327">
        <v>0</v>
      </c>
      <c r="EV37" s="327">
        <v>0</v>
      </c>
      <c r="EW37" s="327">
        <v>0</v>
      </c>
      <c r="EX37" s="327">
        <v>0</v>
      </c>
      <c r="EY37" s="328">
        <v>0</v>
      </c>
      <c r="EZ37" s="330">
        <v>0</v>
      </c>
      <c r="FA37" s="326">
        <v>0</v>
      </c>
      <c r="FB37" s="327">
        <v>0</v>
      </c>
      <c r="FC37" s="331">
        <v>0</v>
      </c>
      <c r="FD37" s="332">
        <v>0</v>
      </c>
      <c r="FE37" s="327">
        <v>0</v>
      </c>
      <c r="FF37" s="327">
        <v>0</v>
      </c>
      <c r="FG37" s="327">
        <v>0</v>
      </c>
      <c r="FH37" s="327">
        <v>0</v>
      </c>
      <c r="FI37" s="327">
        <v>0</v>
      </c>
      <c r="FJ37" s="328">
        <v>0</v>
      </c>
      <c r="FK37" s="330">
        <v>0</v>
      </c>
      <c r="FL37" s="326">
        <v>205178</v>
      </c>
      <c r="FM37" s="327">
        <v>466624</v>
      </c>
      <c r="FN37" s="328">
        <v>671802</v>
      </c>
      <c r="FO37" s="326">
        <v>0</v>
      </c>
      <c r="FP37" s="327">
        <v>982825</v>
      </c>
      <c r="FQ37" s="327">
        <v>1166848</v>
      </c>
      <c r="FR37" s="327">
        <v>699400</v>
      </c>
      <c r="FS37" s="327">
        <v>787435</v>
      </c>
      <c r="FT37" s="327">
        <v>545017</v>
      </c>
      <c r="FU37" s="328">
        <v>4181525</v>
      </c>
      <c r="FV37" s="330">
        <v>4853327</v>
      </c>
      <c r="FW37" s="333">
        <v>205178</v>
      </c>
      <c r="FX37" s="327">
        <v>466624</v>
      </c>
      <c r="FY37" s="331">
        <v>671802</v>
      </c>
      <c r="FZ37" s="332">
        <v>0</v>
      </c>
      <c r="GA37" s="327">
        <v>706315</v>
      </c>
      <c r="GB37" s="327">
        <v>1132891</v>
      </c>
      <c r="GC37" s="327">
        <v>666433</v>
      </c>
      <c r="GD37" s="327">
        <v>754468</v>
      </c>
      <c r="GE37" s="327">
        <v>545017</v>
      </c>
      <c r="GF37" s="328">
        <v>3805124</v>
      </c>
      <c r="GG37" s="334">
        <v>4476926</v>
      </c>
      <c r="GH37" s="333">
        <v>0</v>
      </c>
      <c r="GI37" s="327">
        <v>0</v>
      </c>
      <c r="GJ37" s="331">
        <v>0</v>
      </c>
      <c r="GK37" s="332">
        <v>0</v>
      </c>
      <c r="GL37" s="327">
        <v>55440</v>
      </c>
      <c r="GM37" s="327">
        <v>33957</v>
      </c>
      <c r="GN37" s="327">
        <v>32967</v>
      </c>
      <c r="GO37" s="327">
        <v>32967</v>
      </c>
      <c r="GP37" s="327">
        <v>0</v>
      </c>
      <c r="GQ37" s="328">
        <v>155331</v>
      </c>
      <c r="GR37" s="330">
        <v>155331</v>
      </c>
      <c r="GS37" s="326">
        <v>0</v>
      </c>
      <c r="GT37" s="327">
        <v>0</v>
      </c>
      <c r="GU37" s="328">
        <v>0</v>
      </c>
      <c r="GV37" s="326">
        <v>0</v>
      </c>
      <c r="GW37" s="327">
        <v>221070</v>
      </c>
      <c r="GX37" s="327">
        <v>0</v>
      </c>
      <c r="GY37" s="327">
        <v>0</v>
      </c>
      <c r="GZ37" s="327">
        <v>0</v>
      </c>
      <c r="HA37" s="327">
        <v>0</v>
      </c>
      <c r="HB37" s="331">
        <v>221070</v>
      </c>
      <c r="HC37" s="330">
        <v>221070</v>
      </c>
      <c r="HD37" s="326">
        <v>188695</v>
      </c>
      <c r="HE37" s="327">
        <v>407770</v>
      </c>
      <c r="HF37" s="331">
        <v>596465</v>
      </c>
      <c r="HG37" s="332">
        <v>0</v>
      </c>
      <c r="HH37" s="327">
        <v>1214792</v>
      </c>
      <c r="HI37" s="327">
        <v>1191889</v>
      </c>
      <c r="HJ37" s="327">
        <v>730423</v>
      </c>
      <c r="HK37" s="327">
        <v>2902223</v>
      </c>
      <c r="HL37" s="327">
        <v>1312117</v>
      </c>
      <c r="HM37" s="328">
        <v>7351444</v>
      </c>
      <c r="HN37" s="329">
        <v>7947909</v>
      </c>
      <c r="HO37" s="333">
        <v>187220</v>
      </c>
      <c r="HP37" s="327">
        <v>293300</v>
      </c>
      <c r="HQ37" s="328">
        <v>480520</v>
      </c>
      <c r="HR37" s="326">
        <v>0</v>
      </c>
      <c r="HS37" s="327">
        <v>2062228</v>
      </c>
      <c r="HT37" s="327">
        <v>1509768</v>
      </c>
      <c r="HU37" s="327">
        <v>863099</v>
      </c>
      <c r="HV37" s="327">
        <v>619724</v>
      </c>
      <c r="HW37" s="327">
        <v>418914</v>
      </c>
      <c r="HX37" s="331">
        <v>5473733</v>
      </c>
      <c r="HY37" s="330">
        <v>5954253</v>
      </c>
      <c r="HZ37" s="335">
        <v>54558</v>
      </c>
      <c r="IA37" s="336">
        <v>390969</v>
      </c>
      <c r="IB37" s="337">
        <v>445527</v>
      </c>
      <c r="IC37" s="338">
        <v>0</v>
      </c>
      <c r="ID37" s="336">
        <v>6012228</v>
      </c>
      <c r="IE37" s="339">
        <v>4194037</v>
      </c>
      <c r="IF37" s="337">
        <v>6813664</v>
      </c>
      <c r="IG37" s="336">
        <v>6267451</v>
      </c>
      <c r="IH37" s="337">
        <v>3536888</v>
      </c>
      <c r="II37" s="340">
        <v>26824268</v>
      </c>
      <c r="IJ37" s="341">
        <v>27269795</v>
      </c>
      <c r="IK37" s="342">
        <v>0</v>
      </c>
      <c r="IL37" s="343">
        <v>0</v>
      </c>
      <c r="IM37" s="344">
        <v>0</v>
      </c>
      <c r="IN37" s="404">
        <v>0</v>
      </c>
      <c r="IO37" s="345">
        <v>54488</v>
      </c>
      <c r="IP37" s="345">
        <v>423998</v>
      </c>
      <c r="IQ37" s="345">
        <v>194742</v>
      </c>
      <c r="IR37" s="345">
        <v>208728</v>
      </c>
      <c r="IS37" s="345">
        <v>0</v>
      </c>
      <c r="IT37" s="346">
        <v>881956</v>
      </c>
      <c r="IU37" s="347">
        <v>881956</v>
      </c>
      <c r="IV37" s="348">
        <v>0</v>
      </c>
      <c r="IW37" s="345">
        <v>0</v>
      </c>
      <c r="IX37" s="349">
        <v>0</v>
      </c>
      <c r="IY37" s="413">
        <v>0</v>
      </c>
      <c r="IZ37" s="345">
        <v>0</v>
      </c>
      <c r="JA37" s="345">
        <v>0</v>
      </c>
      <c r="JB37" s="345">
        <v>0</v>
      </c>
      <c r="JC37" s="345">
        <v>0</v>
      </c>
      <c r="JD37" s="345">
        <v>0</v>
      </c>
      <c r="JE37" s="349">
        <v>0</v>
      </c>
      <c r="JF37" s="350">
        <v>0</v>
      </c>
      <c r="JG37" s="348">
        <v>0</v>
      </c>
      <c r="JH37" s="345">
        <v>0</v>
      </c>
      <c r="JI37" s="346">
        <v>0</v>
      </c>
      <c r="JJ37" s="351">
        <v>0</v>
      </c>
      <c r="JK37" s="345">
        <v>2649082</v>
      </c>
      <c r="JL37" s="345">
        <v>2153017</v>
      </c>
      <c r="JM37" s="345">
        <v>948814</v>
      </c>
      <c r="JN37" s="345">
        <v>548670</v>
      </c>
      <c r="JO37" s="345">
        <v>352377</v>
      </c>
      <c r="JP37" s="349">
        <v>6651960</v>
      </c>
      <c r="JQ37" s="347">
        <v>6651960</v>
      </c>
      <c r="JR37" s="348">
        <v>0</v>
      </c>
      <c r="JS37" s="345">
        <v>0</v>
      </c>
      <c r="JT37" s="346">
        <v>0</v>
      </c>
      <c r="JU37" s="351">
        <v>0</v>
      </c>
      <c r="JV37" s="345">
        <v>439851</v>
      </c>
      <c r="JW37" s="345">
        <v>0</v>
      </c>
      <c r="JX37" s="345">
        <v>448052</v>
      </c>
      <c r="JY37" s="345">
        <v>0</v>
      </c>
      <c r="JZ37" s="345">
        <v>168013</v>
      </c>
      <c r="KA37" s="349">
        <v>1055916</v>
      </c>
      <c r="KB37" s="347">
        <v>1055916</v>
      </c>
      <c r="KC37" s="352">
        <v>54558</v>
      </c>
      <c r="KD37" s="353">
        <v>135846</v>
      </c>
      <c r="KE37" s="349">
        <v>190404</v>
      </c>
      <c r="KF37" s="351">
        <v>0</v>
      </c>
      <c r="KG37" s="345">
        <v>1638930</v>
      </c>
      <c r="KH37" s="345">
        <v>728622</v>
      </c>
      <c r="KI37" s="345">
        <v>923229</v>
      </c>
      <c r="KJ37" s="345">
        <v>1158741</v>
      </c>
      <c r="KK37" s="345">
        <v>0</v>
      </c>
      <c r="KL37" s="349">
        <v>4449522</v>
      </c>
      <c r="KM37" s="354">
        <v>4639926</v>
      </c>
      <c r="KN37" s="342">
        <v>0</v>
      </c>
      <c r="KO37" s="343">
        <v>255123</v>
      </c>
      <c r="KP37" s="344">
        <v>255123</v>
      </c>
      <c r="KQ37" s="413">
        <v>0</v>
      </c>
      <c r="KR37" s="345">
        <v>1034010</v>
      </c>
      <c r="KS37" s="345">
        <v>888400</v>
      </c>
      <c r="KT37" s="345">
        <v>1975847</v>
      </c>
      <c r="KU37" s="345">
        <v>2284061</v>
      </c>
      <c r="KV37" s="345">
        <v>1674868</v>
      </c>
      <c r="KW37" s="349">
        <v>7857186</v>
      </c>
      <c r="KX37" s="347">
        <v>8112309</v>
      </c>
      <c r="KY37" s="348">
        <v>0</v>
      </c>
      <c r="KZ37" s="345">
        <v>0</v>
      </c>
      <c r="LA37" s="349">
        <v>0</v>
      </c>
      <c r="LB37" s="413">
        <v>0</v>
      </c>
      <c r="LC37" s="345">
        <v>0</v>
      </c>
      <c r="LD37" s="345">
        <v>0</v>
      </c>
      <c r="LE37" s="345">
        <v>0</v>
      </c>
      <c r="LF37" s="345">
        <v>0</v>
      </c>
      <c r="LG37" s="345">
        <v>0</v>
      </c>
      <c r="LH37" s="349">
        <v>0</v>
      </c>
      <c r="LI37" s="350">
        <v>0</v>
      </c>
      <c r="LJ37" s="348">
        <v>0</v>
      </c>
      <c r="LK37" s="345">
        <v>0</v>
      </c>
      <c r="LL37" s="349">
        <v>0</v>
      </c>
      <c r="LM37" s="413">
        <v>0</v>
      </c>
      <c r="LN37" s="345">
        <v>195867</v>
      </c>
      <c r="LO37" s="345">
        <v>0</v>
      </c>
      <c r="LP37" s="345">
        <v>2322980</v>
      </c>
      <c r="LQ37" s="345">
        <v>2067251</v>
      </c>
      <c r="LR37" s="345">
        <v>1341630</v>
      </c>
      <c r="LS37" s="349">
        <v>5927728</v>
      </c>
      <c r="LT37" s="347">
        <v>5927728</v>
      </c>
      <c r="LU37" s="348">
        <v>0</v>
      </c>
      <c r="LV37" s="345">
        <v>0</v>
      </c>
      <c r="LW37" s="349">
        <v>0</v>
      </c>
      <c r="LX37" s="413">
        <v>0</v>
      </c>
      <c r="LY37" s="345">
        <v>0</v>
      </c>
      <c r="LZ37" s="345">
        <v>0</v>
      </c>
      <c r="MA37" s="345">
        <v>0</v>
      </c>
      <c r="MB37" s="345">
        <v>0</v>
      </c>
      <c r="MC37" s="345">
        <v>0</v>
      </c>
      <c r="MD37" s="349">
        <v>0</v>
      </c>
      <c r="ME37" s="350">
        <v>0</v>
      </c>
      <c r="MF37" s="348">
        <v>0</v>
      </c>
      <c r="MG37" s="345">
        <v>0</v>
      </c>
      <c r="MH37" s="349">
        <v>0</v>
      </c>
      <c r="MI37" s="413">
        <v>0</v>
      </c>
      <c r="MJ37" s="345">
        <v>2584414</v>
      </c>
      <c r="MK37" s="345">
        <v>1887498</v>
      </c>
      <c r="ML37" s="345">
        <v>5427661</v>
      </c>
      <c r="MM37" s="345">
        <v>12624937</v>
      </c>
      <c r="MN37" s="345">
        <v>7994396</v>
      </c>
      <c r="MO37" s="349">
        <v>30518906</v>
      </c>
      <c r="MP37" s="354">
        <v>30518906</v>
      </c>
      <c r="MQ37" s="348">
        <v>0</v>
      </c>
      <c r="MR37" s="345">
        <v>0</v>
      </c>
      <c r="MS37" s="349">
        <v>0</v>
      </c>
      <c r="MT37" s="413">
        <v>0</v>
      </c>
      <c r="MU37" s="345">
        <v>496282</v>
      </c>
      <c r="MV37" s="345">
        <v>0</v>
      </c>
      <c r="MW37" s="345">
        <v>3526813</v>
      </c>
      <c r="MX37" s="345">
        <v>7791303</v>
      </c>
      <c r="MY37" s="345">
        <v>5134976</v>
      </c>
      <c r="MZ37" s="349">
        <v>16949374</v>
      </c>
      <c r="NA37" s="354">
        <v>16949374</v>
      </c>
      <c r="NB37" s="348">
        <v>0</v>
      </c>
      <c r="NC37" s="345">
        <v>0</v>
      </c>
      <c r="ND37" s="349">
        <v>0</v>
      </c>
      <c r="NE37" s="413">
        <v>0</v>
      </c>
      <c r="NF37" s="345">
        <v>1529419</v>
      </c>
      <c r="NG37" s="345">
        <v>1887498</v>
      </c>
      <c r="NH37" s="345">
        <v>1900848</v>
      </c>
      <c r="NI37" s="345">
        <v>4833634</v>
      </c>
      <c r="NJ37" s="345">
        <v>1200257</v>
      </c>
      <c r="NK37" s="349">
        <v>11351656</v>
      </c>
      <c r="NL37" s="347">
        <v>11351656</v>
      </c>
      <c r="NM37" s="348">
        <v>0</v>
      </c>
      <c r="NN37" s="345">
        <v>0</v>
      </c>
      <c r="NO37" s="349">
        <v>0</v>
      </c>
      <c r="NP37" s="413">
        <v>0</v>
      </c>
      <c r="NQ37" s="345">
        <v>0</v>
      </c>
      <c r="NR37" s="345">
        <v>0</v>
      </c>
      <c r="NS37" s="345">
        <v>0</v>
      </c>
      <c r="NT37" s="345">
        <v>0</v>
      </c>
      <c r="NU37" s="345">
        <v>0</v>
      </c>
      <c r="NV37" s="349">
        <v>0</v>
      </c>
      <c r="NW37" s="350">
        <v>0</v>
      </c>
      <c r="NX37" s="348">
        <v>0</v>
      </c>
      <c r="NY37" s="345">
        <v>0</v>
      </c>
      <c r="NZ37" s="349">
        <v>0</v>
      </c>
      <c r="OA37" s="413">
        <v>0</v>
      </c>
      <c r="OB37" s="345">
        <v>558713</v>
      </c>
      <c r="OC37" s="345">
        <v>0</v>
      </c>
      <c r="OD37" s="345">
        <v>0</v>
      </c>
      <c r="OE37" s="345">
        <v>0</v>
      </c>
      <c r="OF37" s="345">
        <v>1659163</v>
      </c>
      <c r="OG37" s="349">
        <v>2217876</v>
      </c>
      <c r="OH37" s="350">
        <v>2217876</v>
      </c>
      <c r="OI37" s="348">
        <v>1078926</v>
      </c>
      <c r="OJ37" s="345">
        <v>2095430</v>
      </c>
      <c r="OK37" s="346">
        <v>3174356</v>
      </c>
      <c r="OL37" s="351">
        <v>0</v>
      </c>
      <c r="OM37" s="345">
        <v>19009235</v>
      </c>
      <c r="ON37" s="345">
        <v>16985810</v>
      </c>
      <c r="OO37" s="345">
        <v>20670629</v>
      </c>
      <c r="OP37" s="345">
        <v>29145975</v>
      </c>
      <c r="OQ37" s="345">
        <v>19076837</v>
      </c>
      <c r="OR37" s="349">
        <v>104888486</v>
      </c>
      <c r="OS37" s="354">
        <v>108062842</v>
      </c>
    </row>
    <row r="38" spans="2:409" s="70" customFormat="1" ht="21" customHeight="1" x14ac:dyDescent="0.2">
      <c r="B38" s="410" t="s">
        <v>33</v>
      </c>
      <c r="C38" s="326">
        <v>1036259</v>
      </c>
      <c r="D38" s="327">
        <v>1702436</v>
      </c>
      <c r="E38" s="328">
        <v>2738695</v>
      </c>
      <c r="F38" s="329">
        <v>0</v>
      </c>
      <c r="G38" s="327">
        <v>11308686</v>
      </c>
      <c r="H38" s="327">
        <v>9439426</v>
      </c>
      <c r="I38" s="327">
        <v>10065238</v>
      </c>
      <c r="J38" s="327">
        <v>4354538</v>
      </c>
      <c r="K38" s="327">
        <v>4565000</v>
      </c>
      <c r="L38" s="367">
        <v>39732888</v>
      </c>
      <c r="M38" s="330">
        <v>42471583</v>
      </c>
      <c r="N38" s="326">
        <v>422663</v>
      </c>
      <c r="O38" s="327">
        <v>822844</v>
      </c>
      <c r="P38" s="328">
        <v>1245507</v>
      </c>
      <c r="Q38" s="326">
        <v>0</v>
      </c>
      <c r="R38" s="327">
        <v>3979633</v>
      </c>
      <c r="S38" s="327">
        <v>2745864</v>
      </c>
      <c r="T38" s="327">
        <v>2519729</v>
      </c>
      <c r="U38" s="327">
        <v>1517816</v>
      </c>
      <c r="V38" s="327">
        <v>1496358</v>
      </c>
      <c r="W38" s="328">
        <v>12259400</v>
      </c>
      <c r="X38" s="330">
        <v>13504907</v>
      </c>
      <c r="Y38" s="326">
        <v>0</v>
      </c>
      <c r="Z38" s="327">
        <v>0</v>
      </c>
      <c r="AA38" s="328">
        <v>0</v>
      </c>
      <c r="AB38" s="326">
        <v>0</v>
      </c>
      <c r="AC38" s="327">
        <v>1102460</v>
      </c>
      <c r="AD38" s="327">
        <v>1002472</v>
      </c>
      <c r="AE38" s="327">
        <v>1367562</v>
      </c>
      <c r="AF38" s="327">
        <v>648147</v>
      </c>
      <c r="AG38" s="327">
        <v>810154</v>
      </c>
      <c r="AH38" s="328">
        <v>4930795</v>
      </c>
      <c r="AI38" s="330">
        <v>4930795</v>
      </c>
      <c r="AJ38" s="326">
        <v>0</v>
      </c>
      <c r="AK38" s="327">
        <v>0</v>
      </c>
      <c r="AL38" s="328">
        <v>0</v>
      </c>
      <c r="AM38" s="326">
        <v>0</v>
      </c>
      <c r="AN38" s="327">
        <v>51876</v>
      </c>
      <c r="AO38" s="327">
        <v>51876</v>
      </c>
      <c r="AP38" s="327">
        <v>12969</v>
      </c>
      <c r="AQ38" s="327">
        <v>137437</v>
      </c>
      <c r="AR38" s="327">
        <v>283788</v>
      </c>
      <c r="AS38" s="328">
        <v>537946</v>
      </c>
      <c r="AT38" s="330">
        <v>537946</v>
      </c>
      <c r="AU38" s="326">
        <v>40309</v>
      </c>
      <c r="AV38" s="327">
        <v>143431</v>
      </c>
      <c r="AW38" s="328">
        <v>183740</v>
      </c>
      <c r="AX38" s="326">
        <v>0</v>
      </c>
      <c r="AY38" s="327">
        <v>694247</v>
      </c>
      <c r="AZ38" s="327">
        <v>491318</v>
      </c>
      <c r="BA38" s="327">
        <v>264169</v>
      </c>
      <c r="BB38" s="327">
        <v>196862</v>
      </c>
      <c r="BC38" s="327">
        <v>126496</v>
      </c>
      <c r="BD38" s="328">
        <v>1773092</v>
      </c>
      <c r="BE38" s="330">
        <v>1956832</v>
      </c>
      <c r="BF38" s="326">
        <v>230017</v>
      </c>
      <c r="BG38" s="327">
        <v>601635</v>
      </c>
      <c r="BH38" s="331">
        <v>831652</v>
      </c>
      <c r="BI38" s="332">
        <v>0</v>
      </c>
      <c r="BJ38" s="327">
        <v>1645687</v>
      </c>
      <c r="BK38" s="327">
        <v>636139</v>
      </c>
      <c r="BL38" s="327">
        <v>323010</v>
      </c>
      <c r="BM38" s="327">
        <v>342087</v>
      </c>
      <c r="BN38" s="327">
        <v>86438</v>
      </c>
      <c r="BO38" s="328">
        <v>3033361</v>
      </c>
      <c r="BP38" s="330">
        <v>3865013</v>
      </c>
      <c r="BQ38" s="326">
        <v>152337</v>
      </c>
      <c r="BR38" s="327">
        <v>77778</v>
      </c>
      <c r="BS38" s="328">
        <v>230115</v>
      </c>
      <c r="BT38" s="326">
        <v>0</v>
      </c>
      <c r="BU38" s="327">
        <v>485363</v>
      </c>
      <c r="BV38" s="327">
        <v>564059</v>
      </c>
      <c r="BW38" s="327">
        <v>552019</v>
      </c>
      <c r="BX38" s="327">
        <v>193283</v>
      </c>
      <c r="BY38" s="327">
        <v>189482</v>
      </c>
      <c r="BZ38" s="328">
        <v>1984206</v>
      </c>
      <c r="CA38" s="330">
        <v>2214321</v>
      </c>
      <c r="CB38" s="326">
        <v>136702</v>
      </c>
      <c r="CC38" s="327">
        <v>394659</v>
      </c>
      <c r="CD38" s="328">
        <v>531361</v>
      </c>
      <c r="CE38" s="326">
        <v>0</v>
      </c>
      <c r="CF38" s="327">
        <v>1949295</v>
      </c>
      <c r="CG38" s="327">
        <v>1537389</v>
      </c>
      <c r="CH38" s="327">
        <v>926533</v>
      </c>
      <c r="CI38" s="327">
        <v>494139</v>
      </c>
      <c r="CJ38" s="327">
        <v>542046</v>
      </c>
      <c r="CK38" s="328">
        <v>5449402</v>
      </c>
      <c r="CL38" s="330">
        <v>5980763</v>
      </c>
      <c r="CM38" s="326">
        <v>0</v>
      </c>
      <c r="CN38" s="327">
        <v>0</v>
      </c>
      <c r="CO38" s="328">
        <v>0</v>
      </c>
      <c r="CP38" s="332">
        <v>0</v>
      </c>
      <c r="CQ38" s="327">
        <v>454726</v>
      </c>
      <c r="CR38" s="327">
        <v>664685</v>
      </c>
      <c r="CS38" s="327">
        <v>541689</v>
      </c>
      <c r="CT38" s="327">
        <v>265917</v>
      </c>
      <c r="CU38" s="327">
        <v>391517</v>
      </c>
      <c r="CV38" s="328">
        <v>2318534</v>
      </c>
      <c r="CW38" s="330">
        <v>2318534</v>
      </c>
      <c r="CX38" s="326">
        <v>136702</v>
      </c>
      <c r="CY38" s="327">
        <v>394659</v>
      </c>
      <c r="CZ38" s="328">
        <v>531361</v>
      </c>
      <c r="DA38" s="326">
        <v>0</v>
      </c>
      <c r="DB38" s="327">
        <v>1494569</v>
      </c>
      <c r="DC38" s="327">
        <v>872704</v>
      </c>
      <c r="DD38" s="327">
        <v>384844</v>
      </c>
      <c r="DE38" s="327">
        <v>228222</v>
      </c>
      <c r="DF38" s="327">
        <v>150529</v>
      </c>
      <c r="DG38" s="328">
        <v>3130868</v>
      </c>
      <c r="DH38" s="330">
        <v>3662229</v>
      </c>
      <c r="DI38" s="326">
        <v>0</v>
      </c>
      <c r="DJ38" s="327">
        <v>0</v>
      </c>
      <c r="DK38" s="331">
        <v>0</v>
      </c>
      <c r="DL38" s="332">
        <v>0</v>
      </c>
      <c r="DM38" s="327">
        <v>492723</v>
      </c>
      <c r="DN38" s="327">
        <v>595644</v>
      </c>
      <c r="DO38" s="327">
        <v>1051331</v>
      </c>
      <c r="DP38" s="327">
        <v>821940</v>
      </c>
      <c r="DQ38" s="327">
        <v>335554</v>
      </c>
      <c r="DR38" s="328">
        <v>3297192</v>
      </c>
      <c r="DS38" s="330">
        <v>3297192</v>
      </c>
      <c r="DT38" s="326">
        <v>0</v>
      </c>
      <c r="DU38" s="327">
        <v>0</v>
      </c>
      <c r="DV38" s="328">
        <v>0</v>
      </c>
      <c r="DW38" s="326">
        <v>0</v>
      </c>
      <c r="DX38" s="327">
        <v>348161</v>
      </c>
      <c r="DY38" s="327">
        <v>581231</v>
      </c>
      <c r="DZ38" s="327">
        <v>1051331</v>
      </c>
      <c r="EA38" s="327">
        <v>821940</v>
      </c>
      <c r="EB38" s="327">
        <v>305694</v>
      </c>
      <c r="EC38" s="328">
        <v>3108357</v>
      </c>
      <c r="ED38" s="330">
        <v>3108357</v>
      </c>
      <c r="EE38" s="326">
        <v>0</v>
      </c>
      <c r="EF38" s="331">
        <v>0</v>
      </c>
      <c r="EG38" s="328">
        <v>0</v>
      </c>
      <c r="EH38" s="326">
        <v>0</v>
      </c>
      <c r="EI38" s="327">
        <v>144562</v>
      </c>
      <c r="EJ38" s="327">
        <v>14413</v>
      </c>
      <c r="EK38" s="327">
        <v>0</v>
      </c>
      <c r="EL38" s="327">
        <v>0</v>
      </c>
      <c r="EM38" s="327">
        <v>29860</v>
      </c>
      <c r="EN38" s="331">
        <v>188835</v>
      </c>
      <c r="EO38" s="330">
        <v>188835</v>
      </c>
      <c r="EP38" s="326">
        <v>0</v>
      </c>
      <c r="EQ38" s="327">
        <v>0</v>
      </c>
      <c r="ER38" s="331">
        <v>0</v>
      </c>
      <c r="ES38" s="332">
        <v>0</v>
      </c>
      <c r="ET38" s="327">
        <v>0</v>
      </c>
      <c r="EU38" s="327">
        <v>0</v>
      </c>
      <c r="EV38" s="327">
        <v>0</v>
      </c>
      <c r="EW38" s="327">
        <v>0</v>
      </c>
      <c r="EX38" s="327">
        <v>0</v>
      </c>
      <c r="EY38" s="328">
        <v>0</v>
      </c>
      <c r="EZ38" s="330">
        <v>0</v>
      </c>
      <c r="FA38" s="326">
        <v>0</v>
      </c>
      <c r="FB38" s="327">
        <v>0</v>
      </c>
      <c r="FC38" s="331">
        <v>0</v>
      </c>
      <c r="FD38" s="332">
        <v>0</v>
      </c>
      <c r="FE38" s="327">
        <v>0</v>
      </c>
      <c r="FF38" s="327">
        <v>0</v>
      </c>
      <c r="FG38" s="327">
        <v>0</v>
      </c>
      <c r="FH38" s="327">
        <v>0</v>
      </c>
      <c r="FI38" s="327">
        <v>0</v>
      </c>
      <c r="FJ38" s="328">
        <v>0</v>
      </c>
      <c r="FK38" s="330">
        <v>0</v>
      </c>
      <c r="FL38" s="326">
        <v>129232</v>
      </c>
      <c r="FM38" s="327">
        <v>164445</v>
      </c>
      <c r="FN38" s="328">
        <v>293677</v>
      </c>
      <c r="FO38" s="326">
        <v>0</v>
      </c>
      <c r="FP38" s="327">
        <v>790856</v>
      </c>
      <c r="FQ38" s="327">
        <v>551119</v>
      </c>
      <c r="FR38" s="327">
        <v>354074</v>
      </c>
      <c r="FS38" s="327">
        <v>284981</v>
      </c>
      <c r="FT38" s="327">
        <v>326817</v>
      </c>
      <c r="FU38" s="328">
        <v>2307847</v>
      </c>
      <c r="FV38" s="330">
        <v>2601524</v>
      </c>
      <c r="FW38" s="333">
        <v>129232</v>
      </c>
      <c r="FX38" s="327">
        <v>164445</v>
      </c>
      <c r="FY38" s="331">
        <v>293677</v>
      </c>
      <c r="FZ38" s="332">
        <v>0</v>
      </c>
      <c r="GA38" s="327">
        <v>595997</v>
      </c>
      <c r="GB38" s="327">
        <v>551119</v>
      </c>
      <c r="GC38" s="327">
        <v>354074</v>
      </c>
      <c r="GD38" s="327">
        <v>284981</v>
      </c>
      <c r="GE38" s="327">
        <v>326817</v>
      </c>
      <c r="GF38" s="328">
        <v>2112988</v>
      </c>
      <c r="GG38" s="334">
        <v>2406665</v>
      </c>
      <c r="GH38" s="333">
        <v>0</v>
      </c>
      <c r="GI38" s="327">
        <v>0</v>
      </c>
      <c r="GJ38" s="331">
        <v>0</v>
      </c>
      <c r="GK38" s="332">
        <v>0</v>
      </c>
      <c r="GL38" s="327">
        <v>0</v>
      </c>
      <c r="GM38" s="327">
        <v>0</v>
      </c>
      <c r="GN38" s="327">
        <v>0</v>
      </c>
      <c r="GO38" s="327">
        <v>0</v>
      </c>
      <c r="GP38" s="327">
        <v>0</v>
      </c>
      <c r="GQ38" s="328">
        <v>0</v>
      </c>
      <c r="GR38" s="330">
        <v>0</v>
      </c>
      <c r="GS38" s="326">
        <v>0</v>
      </c>
      <c r="GT38" s="327">
        <v>0</v>
      </c>
      <c r="GU38" s="328">
        <v>0</v>
      </c>
      <c r="GV38" s="326">
        <v>0</v>
      </c>
      <c r="GW38" s="327">
        <v>194859</v>
      </c>
      <c r="GX38" s="327">
        <v>0</v>
      </c>
      <c r="GY38" s="327">
        <v>0</v>
      </c>
      <c r="GZ38" s="327">
        <v>0</v>
      </c>
      <c r="HA38" s="327">
        <v>0</v>
      </c>
      <c r="HB38" s="331">
        <v>194859</v>
      </c>
      <c r="HC38" s="330">
        <v>194859</v>
      </c>
      <c r="HD38" s="326">
        <v>196626</v>
      </c>
      <c r="HE38" s="327">
        <v>106810</v>
      </c>
      <c r="HF38" s="331">
        <v>303436</v>
      </c>
      <c r="HG38" s="332">
        <v>0</v>
      </c>
      <c r="HH38" s="327">
        <v>2372795</v>
      </c>
      <c r="HI38" s="327">
        <v>3110782</v>
      </c>
      <c r="HJ38" s="327">
        <v>4665999</v>
      </c>
      <c r="HK38" s="327">
        <v>778875</v>
      </c>
      <c r="HL38" s="327">
        <v>1636944</v>
      </c>
      <c r="HM38" s="328">
        <v>12565395</v>
      </c>
      <c r="HN38" s="329">
        <v>12868831</v>
      </c>
      <c r="HO38" s="333">
        <v>151036</v>
      </c>
      <c r="HP38" s="327">
        <v>213678</v>
      </c>
      <c r="HQ38" s="328">
        <v>364714</v>
      </c>
      <c r="HR38" s="326">
        <v>0</v>
      </c>
      <c r="HS38" s="327">
        <v>1723384</v>
      </c>
      <c r="HT38" s="327">
        <v>898628</v>
      </c>
      <c r="HU38" s="327">
        <v>547572</v>
      </c>
      <c r="HV38" s="327">
        <v>456787</v>
      </c>
      <c r="HW38" s="327">
        <v>227281</v>
      </c>
      <c r="HX38" s="331">
        <v>3853652</v>
      </c>
      <c r="HY38" s="330">
        <v>4218366</v>
      </c>
      <c r="HZ38" s="358">
        <v>0</v>
      </c>
      <c r="IA38" s="356">
        <v>250800</v>
      </c>
      <c r="IB38" s="358">
        <v>250800</v>
      </c>
      <c r="IC38" s="338">
        <v>0</v>
      </c>
      <c r="ID38" s="336">
        <v>2179593</v>
      </c>
      <c r="IE38" s="339">
        <v>1890699</v>
      </c>
      <c r="IF38" s="337">
        <v>2857280</v>
      </c>
      <c r="IG38" s="336">
        <v>869661</v>
      </c>
      <c r="IH38" s="337">
        <v>378709</v>
      </c>
      <c r="II38" s="340">
        <v>8175942</v>
      </c>
      <c r="IJ38" s="358">
        <v>8426742</v>
      </c>
      <c r="IK38" s="342">
        <v>0</v>
      </c>
      <c r="IL38" s="343">
        <v>0</v>
      </c>
      <c r="IM38" s="344">
        <v>0</v>
      </c>
      <c r="IN38" s="404">
        <v>0</v>
      </c>
      <c r="IO38" s="345">
        <v>0</v>
      </c>
      <c r="IP38" s="345">
        <v>0</v>
      </c>
      <c r="IQ38" s="345">
        <v>0</v>
      </c>
      <c r="IR38" s="345">
        <v>0</v>
      </c>
      <c r="IS38" s="345">
        <v>0</v>
      </c>
      <c r="IT38" s="346">
        <v>0</v>
      </c>
      <c r="IU38" s="347">
        <v>0</v>
      </c>
      <c r="IV38" s="348">
        <v>0</v>
      </c>
      <c r="IW38" s="345">
        <v>0</v>
      </c>
      <c r="IX38" s="349">
        <v>0</v>
      </c>
      <c r="IY38" s="413">
        <v>0</v>
      </c>
      <c r="IZ38" s="345">
        <v>0</v>
      </c>
      <c r="JA38" s="345">
        <v>0</v>
      </c>
      <c r="JB38" s="345">
        <v>0</v>
      </c>
      <c r="JC38" s="345">
        <v>0</v>
      </c>
      <c r="JD38" s="345">
        <v>0</v>
      </c>
      <c r="JE38" s="349">
        <v>0</v>
      </c>
      <c r="JF38" s="350">
        <v>0</v>
      </c>
      <c r="JG38" s="348">
        <v>0</v>
      </c>
      <c r="JH38" s="345">
        <v>0</v>
      </c>
      <c r="JI38" s="346">
        <v>0</v>
      </c>
      <c r="JJ38" s="351">
        <v>0</v>
      </c>
      <c r="JK38" s="345">
        <v>1649813</v>
      </c>
      <c r="JL38" s="345">
        <v>1337593</v>
      </c>
      <c r="JM38" s="345">
        <v>644129</v>
      </c>
      <c r="JN38" s="345">
        <v>0</v>
      </c>
      <c r="JO38" s="345">
        <v>83155</v>
      </c>
      <c r="JP38" s="349">
        <v>3714690</v>
      </c>
      <c r="JQ38" s="347">
        <v>3714690</v>
      </c>
      <c r="JR38" s="348">
        <v>0</v>
      </c>
      <c r="JS38" s="345">
        <v>0</v>
      </c>
      <c r="JT38" s="346">
        <v>0</v>
      </c>
      <c r="JU38" s="351">
        <v>0</v>
      </c>
      <c r="JV38" s="345">
        <v>0</v>
      </c>
      <c r="JW38" s="345">
        <v>0</v>
      </c>
      <c r="JX38" s="345">
        <v>0</v>
      </c>
      <c r="JY38" s="345">
        <v>0</v>
      </c>
      <c r="JZ38" s="345">
        <v>0</v>
      </c>
      <c r="KA38" s="349">
        <v>0</v>
      </c>
      <c r="KB38" s="347">
        <v>0</v>
      </c>
      <c r="KC38" s="352">
        <v>0</v>
      </c>
      <c r="KD38" s="353">
        <v>0</v>
      </c>
      <c r="KE38" s="349">
        <v>0</v>
      </c>
      <c r="KF38" s="351">
        <v>0</v>
      </c>
      <c r="KG38" s="345">
        <v>0</v>
      </c>
      <c r="KH38" s="345">
        <v>0</v>
      </c>
      <c r="KI38" s="345">
        <v>0</v>
      </c>
      <c r="KJ38" s="345">
        <v>0</v>
      </c>
      <c r="KK38" s="345">
        <v>0</v>
      </c>
      <c r="KL38" s="349">
        <v>0</v>
      </c>
      <c r="KM38" s="354">
        <v>0</v>
      </c>
      <c r="KN38" s="342">
        <v>0</v>
      </c>
      <c r="KO38" s="343">
        <v>250800</v>
      </c>
      <c r="KP38" s="344">
        <v>250800</v>
      </c>
      <c r="KQ38" s="413">
        <v>0</v>
      </c>
      <c r="KR38" s="345">
        <v>529780</v>
      </c>
      <c r="KS38" s="345">
        <v>553106</v>
      </c>
      <c r="KT38" s="345">
        <v>2213151</v>
      </c>
      <c r="KU38" s="345">
        <v>869661</v>
      </c>
      <c r="KV38" s="345">
        <v>295554</v>
      </c>
      <c r="KW38" s="349">
        <v>4461252</v>
      </c>
      <c r="KX38" s="347">
        <v>4712052</v>
      </c>
      <c r="KY38" s="348">
        <v>0</v>
      </c>
      <c r="KZ38" s="345">
        <v>0</v>
      </c>
      <c r="LA38" s="349">
        <v>0</v>
      </c>
      <c r="LB38" s="413">
        <v>0</v>
      </c>
      <c r="LC38" s="345">
        <v>0</v>
      </c>
      <c r="LD38" s="345">
        <v>0</v>
      </c>
      <c r="LE38" s="345">
        <v>0</v>
      </c>
      <c r="LF38" s="345">
        <v>0</v>
      </c>
      <c r="LG38" s="345">
        <v>0</v>
      </c>
      <c r="LH38" s="349">
        <v>0</v>
      </c>
      <c r="LI38" s="350">
        <v>0</v>
      </c>
      <c r="LJ38" s="348">
        <v>0</v>
      </c>
      <c r="LK38" s="345">
        <v>0</v>
      </c>
      <c r="LL38" s="349">
        <v>0</v>
      </c>
      <c r="LM38" s="413">
        <v>0</v>
      </c>
      <c r="LN38" s="345">
        <v>0</v>
      </c>
      <c r="LO38" s="345">
        <v>0</v>
      </c>
      <c r="LP38" s="345">
        <v>0</v>
      </c>
      <c r="LQ38" s="345">
        <v>0</v>
      </c>
      <c r="LR38" s="345">
        <v>0</v>
      </c>
      <c r="LS38" s="349">
        <v>0</v>
      </c>
      <c r="LT38" s="347">
        <v>0</v>
      </c>
      <c r="LU38" s="348">
        <v>0</v>
      </c>
      <c r="LV38" s="345">
        <v>0</v>
      </c>
      <c r="LW38" s="349">
        <v>0</v>
      </c>
      <c r="LX38" s="413">
        <v>0</v>
      </c>
      <c r="LY38" s="345">
        <v>0</v>
      </c>
      <c r="LZ38" s="345">
        <v>0</v>
      </c>
      <c r="MA38" s="345">
        <v>0</v>
      </c>
      <c r="MB38" s="345">
        <v>0</v>
      </c>
      <c r="MC38" s="345">
        <v>0</v>
      </c>
      <c r="MD38" s="349">
        <v>0</v>
      </c>
      <c r="ME38" s="350">
        <v>0</v>
      </c>
      <c r="MF38" s="348">
        <v>0</v>
      </c>
      <c r="MG38" s="345">
        <v>0</v>
      </c>
      <c r="MH38" s="349">
        <v>0</v>
      </c>
      <c r="MI38" s="413">
        <v>0</v>
      </c>
      <c r="MJ38" s="345">
        <v>2666926</v>
      </c>
      <c r="MK38" s="345">
        <v>6788463</v>
      </c>
      <c r="ML38" s="345">
        <v>14983880</v>
      </c>
      <c r="MM38" s="345">
        <v>15480946</v>
      </c>
      <c r="MN38" s="345">
        <v>11763281</v>
      </c>
      <c r="MO38" s="349">
        <v>51683496</v>
      </c>
      <c r="MP38" s="354">
        <v>51683496</v>
      </c>
      <c r="MQ38" s="348">
        <v>0</v>
      </c>
      <c r="MR38" s="345">
        <v>0</v>
      </c>
      <c r="MS38" s="349">
        <v>0</v>
      </c>
      <c r="MT38" s="413">
        <v>0</v>
      </c>
      <c r="MU38" s="345">
        <v>212160</v>
      </c>
      <c r="MV38" s="345">
        <v>1159527</v>
      </c>
      <c r="MW38" s="345">
        <v>7787864</v>
      </c>
      <c r="MX38" s="345">
        <v>8284683</v>
      </c>
      <c r="MY38" s="345">
        <v>5693919</v>
      </c>
      <c r="MZ38" s="349">
        <v>23138153</v>
      </c>
      <c r="NA38" s="354">
        <v>23138153</v>
      </c>
      <c r="NB38" s="348">
        <v>0</v>
      </c>
      <c r="NC38" s="345">
        <v>0</v>
      </c>
      <c r="ND38" s="349">
        <v>0</v>
      </c>
      <c r="NE38" s="413">
        <v>0</v>
      </c>
      <c r="NF38" s="345">
        <v>2213716</v>
      </c>
      <c r="NG38" s="345">
        <v>3833475</v>
      </c>
      <c r="NH38" s="345">
        <v>4312106</v>
      </c>
      <c r="NI38" s="345">
        <v>3749528</v>
      </c>
      <c r="NJ38" s="345">
        <v>2293223</v>
      </c>
      <c r="NK38" s="349">
        <v>16402048</v>
      </c>
      <c r="NL38" s="347">
        <v>16402048</v>
      </c>
      <c r="NM38" s="348">
        <v>0</v>
      </c>
      <c r="NN38" s="345">
        <v>0</v>
      </c>
      <c r="NO38" s="349">
        <v>0</v>
      </c>
      <c r="NP38" s="413">
        <v>0</v>
      </c>
      <c r="NQ38" s="345">
        <v>0</v>
      </c>
      <c r="NR38" s="345">
        <v>0</v>
      </c>
      <c r="NS38" s="345">
        <v>0</v>
      </c>
      <c r="NT38" s="345">
        <v>0</v>
      </c>
      <c r="NU38" s="345">
        <v>0</v>
      </c>
      <c r="NV38" s="349">
        <v>0</v>
      </c>
      <c r="NW38" s="350">
        <v>0</v>
      </c>
      <c r="NX38" s="348">
        <v>0</v>
      </c>
      <c r="NY38" s="345">
        <v>0</v>
      </c>
      <c r="NZ38" s="349">
        <v>0</v>
      </c>
      <c r="OA38" s="413">
        <v>0</v>
      </c>
      <c r="OB38" s="345">
        <v>241050</v>
      </c>
      <c r="OC38" s="345">
        <v>1795461</v>
      </c>
      <c r="OD38" s="345">
        <v>2883910</v>
      </c>
      <c r="OE38" s="345">
        <v>3446735</v>
      </c>
      <c r="OF38" s="345">
        <v>3776139</v>
      </c>
      <c r="OG38" s="349">
        <v>12143295</v>
      </c>
      <c r="OH38" s="350">
        <v>12143295</v>
      </c>
      <c r="OI38" s="348">
        <v>1036259</v>
      </c>
      <c r="OJ38" s="345">
        <v>1953236</v>
      </c>
      <c r="OK38" s="346">
        <v>2989495</v>
      </c>
      <c r="OL38" s="351">
        <v>0</v>
      </c>
      <c r="OM38" s="345">
        <v>16155205</v>
      </c>
      <c r="ON38" s="345">
        <v>18118588</v>
      </c>
      <c r="OO38" s="345">
        <v>27906398</v>
      </c>
      <c r="OP38" s="345">
        <v>20705145</v>
      </c>
      <c r="OQ38" s="345">
        <v>16706990</v>
      </c>
      <c r="OR38" s="349">
        <v>99592326</v>
      </c>
      <c r="OS38" s="354">
        <v>102581821</v>
      </c>
    </row>
    <row r="39" spans="2:409" s="70" customFormat="1" ht="21" customHeight="1" x14ac:dyDescent="0.2">
      <c r="B39" s="410" t="s">
        <v>34</v>
      </c>
      <c r="C39" s="326">
        <v>748177</v>
      </c>
      <c r="D39" s="327">
        <v>1258298</v>
      </c>
      <c r="E39" s="368">
        <v>2006475</v>
      </c>
      <c r="F39" s="370">
        <v>0</v>
      </c>
      <c r="G39" s="369">
        <v>7569101</v>
      </c>
      <c r="H39" s="369">
        <v>5555633</v>
      </c>
      <c r="I39" s="369">
        <v>5700489</v>
      </c>
      <c r="J39" s="369">
        <v>6395020</v>
      </c>
      <c r="K39" s="369">
        <v>4256933</v>
      </c>
      <c r="L39" s="370">
        <v>29477176</v>
      </c>
      <c r="M39" s="330">
        <v>31483651</v>
      </c>
      <c r="N39" s="326">
        <v>262042</v>
      </c>
      <c r="O39" s="327">
        <v>372942</v>
      </c>
      <c r="P39" s="328">
        <v>634984</v>
      </c>
      <c r="Q39" s="326">
        <v>0</v>
      </c>
      <c r="R39" s="327">
        <v>1353104</v>
      </c>
      <c r="S39" s="327">
        <v>1633562</v>
      </c>
      <c r="T39" s="327">
        <v>1417073</v>
      </c>
      <c r="U39" s="327">
        <v>1413613</v>
      </c>
      <c r="V39" s="327">
        <v>2384744</v>
      </c>
      <c r="W39" s="328">
        <v>8202096</v>
      </c>
      <c r="X39" s="330">
        <v>8837080</v>
      </c>
      <c r="Y39" s="326">
        <v>0</v>
      </c>
      <c r="Z39" s="327">
        <v>0</v>
      </c>
      <c r="AA39" s="328">
        <v>0</v>
      </c>
      <c r="AB39" s="326">
        <v>0</v>
      </c>
      <c r="AC39" s="327">
        <v>309322</v>
      </c>
      <c r="AD39" s="327">
        <v>569277</v>
      </c>
      <c r="AE39" s="327">
        <v>812450</v>
      </c>
      <c r="AF39" s="327">
        <v>794149</v>
      </c>
      <c r="AG39" s="327">
        <v>808408</v>
      </c>
      <c r="AH39" s="328">
        <v>3293606</v>
      </c>
      <c r="AI39" s="330">
        <v>3293606</v>
      </c>
      <c r="AJ39" s="326">
        <v>0</v>
      </c>
      <c r="AK39" s="327">
        <v>0</v>
      </c>
      <c r="AL39" s="328">
        <v>0</v>
      </c>
      <c r="AM39" s="326">
        <v>0</v>
      </c>
      <c r="AN39" s="327">
        <v>0</v>
      </c>
      <c r="AO39" s="327">
        <v>0</v>
      </c>
      <c r="AP39" s="327">
        <v>0</v>
      </c>
      <c r="AQ39" s="327">
        <v>16456</v>
      </c>
      <c r="AR39" s="327">
        <v>518401</v>
      </c>
      <c r="AS39" s="328">
        <v>534857</v>
      </c>
      <c r="AT39" s="330">
        <v>534857</v>
      </c>
      <c r="AU39" s="326">
        <v>114136</v>
      </c>
      <c r="AV39" s="327">
        <v>298962</v>
      </c>
      <c r="AW39" s="328">
        <v>413098</v>
      </c>
      <c r="AX39" s="326">
        <v>0</v>
      </c>
      <c r="AY39" s="327">
        <v>582904</v>
      </c>
      <c r="AZ39" s="327">
        <v>524703</v>
      </c>
      <c r="BA39" s="327">
        <v>287428</v>
      </c>
      <c r="BB39" s="327">
        <v>137694</v>
      </c>
      <c r="BC39" s="327">
        <v>593379</v>
      </c>
      <c r="BD39" s="328">
        <v>2126108</v>
      </c>
      <c r="BE39" s="330">
        <v>2539206</v>
      </c>
      <c r="BF39" s="326">
        <v>0</v>
      </c>
      <c r="BG39" s="327">
        <v>0</v>
      </c>
      <c r="BH39" s="331">
        <v>0</v>
      </c>
      <c r="BI39" s="332">
        <v>0</v>
      </c>
      <c r="BJ39" s="327">
        <v>135648</v>
      </c>
      <c r="BK39" s="327">
        <v>119420</v>
      </c>
      <c r="BL39" s="327">
        <v>67986</v>
      </c>
      <c r="BM39" s="327">
        <v>105930</v>
      </c>
      <c r="BN39" s="327">
        <v>112984</v>
      </c>
      <c r="BO39" s="328">
        <v>541968</v>
      </c>
      <c r="BP39" s="330">
        <v>541968</v>
      </c>
      <c r="BQ39" s="326">
        <v>147906</v>
      </c>
      <c r="BR39" s="327">
        <v>73980</v>
      </c>
      <c r="BS39" s="328">
        <v>221886</v>
      </c>
      <c r="BT39" s="326">
        <v>0</v>
      </c>
      <c r="BU39" s="327">
        <v>325230</v>
      </c>
      <c r="BV39" s="327">
        <v>420162</v>
      </c>
      <c r="BW39" s="327">
        <v>249209</v>
      </c>
      <c r="BX39" s="327">
        <v>359384</v>
      </c>
      <c r="BY39" s="327">
        <v>351572</v>
      </c>
      <c r="BZ39" s="328">
        <v>1705557</v>
      </c>
      <c r="CA39" s="330">
        <v>1927443</v>
      </c>
      <c r="CB39" s="326">
        <v>0</v>
      </c>
      <c r="CC39" s="327">
        <v>130302</v>
      </c>
      <c r="CD39" s="328">
        <v>130302</v>
      </c>
      <c r="CE39" s="326">
        <v>0</v>
      </c>
      <c r="CF39" s="327">
        <v>2264901</v>
      </c>
      <c r="CG39" s="327">
        <v>1297860</v>
      </c>
      <c r="CH39" s="327">
        <v>2752621</v>
      </c>
      <c r="CI39" s="327">
        <v>1184522</v>
      </c>
      <c r="CJ39" s="327">
        <v>387297</v>
      </c>
      <c r="CK39" s="328">
        <v>7887201</v>
      </c>
      <c r="CL39" s="330">
        <v>8017503</v>
      </c>
      <c r="CM39" s="326">
        <v>0</v>
      </c>
      <c r="CN39" s="327">
        <v>0</v>
      </c>
      <c r="CO39" s="328">
        <v>0</v>
      </c>
      <c r="CP39" s="332">
        <v>0</v>
      </c>
      <c r="CQ39" s="327">
        <v>1586985</v>
      </c>
      <c r="CR39" s="327">
        <v>1109202</v>
      </c>
      <c r="CS39" s="327">
        <v>2752621</v>
      </c>
      <c r="CT39" s="327">
        <v>1112198</v>
      </c>
      <c r="CU39" s="327">
        <v>387297</v>
      </c>
      <c r="CV39" s="328">
        <v>6948303</v>
      </c>
      <c r="CW39" s="330">
        <v>6948303</v>
      </c>
      <c r="CX39" s="326">
        <v>0</v>
      </c>
      <c r="CY39" s="327">
        <v>130302</v>
      </c>
      <c r="CZ39" s="328">
        <v>130302</v>
      </c>
      <c r="DA39" s="326">
        <v>0</v>
      </c>
      <c r="DB39" s="327">
        <v>677916</v>
      </c>
      <c r="DC39" s="327">
        <v>188658</v>
      </c>
      <c r="DD39" s="327">
        <v>0</v>
      </c>
      <c r="DE39" s="327">
        <v>72324</v>
      </c>
      <c r="DF39" s="327">
        <v>0</v>
      </c>
      <c r="DG39" s="328">
        <v>938898</v>
      </c>
      <c r="DH39" s="330">
        <v>1069200</v>
      </c>
      <c r="DI39" s="326">
        <v>0</v>
      </c>
      <c r="DJ39" s="327">
        <v>0</v>
      </c>
      <c r="DK39" s="331">
        <v>0</v>
      </c>
      <c r="DL39" s="332">
        <v>0</v>
      </c>
      <c r="DM39" s="327">
        <v>304461</v>
      </c>
      <c r="DN39" s="327">
        <v>65696</v>
      </c>
      <c r="DO39" s="327">
        <v>175260</v>
      </c>
      <c r="DP39" s="327">
        <v>319644</v>
      </c>
      <c r="DQ39" s="327">
        <v>56871</v>
      </c>
      <c r="DR39" s="328">
        <v>921932</v>
      </c>
      <c r="DS39" s="330">
        <v>921932</v>
      </c>
      <c r="DT39" s="326">
        <v>0</v>
      </c>
      <c r="DU39" s="327">
        <v>0</v>
      </c>
      <c r="DV39" s="328">
        <v>0</v>
      </c>
      <c r="DW39" s="326">
        <v>0</v>
      </c>
      <c r="DX39" s="327">
        <v>266418</v>
      </c>
      <c r="DY39" s="327">
        <v>65696</v>
      </c>
      <c r="DZ39" s="327">
        <v>175260</v>
      </c>
      <c r="EA39" s="327">
        <v>319644</v>
      </c>
      <c r="EB39" s="327">
        <v>56871</v>
      </c>
      <c r="EC39" s="328">
        <v>883889</v>
      </c>
      <c r="ED39" s="330">
        <v>883889</v>
      </c>
      <c r="EE39" s="326">
        <v>0</v>
      </c>
      <c r="EF39" s="331">
        <v>0</v>
      </c>
      <c r="EG39" s="328">
        <v>0</v>
      </c>
      <c r="EH39" s="326">
        <v>0</v>
      </c>
      <c r="EI39" s="327">
        <v>38043</v>
      </c>
      <c r="EJ39" s="327">
        <v>0</v>
      </c>
      <c r="EK39" s="327">
        <v>0</v>
      </c>
      <c r="EL39" s="327">
        <v>0</v>
      </c>
      <c r="EM39" s="327">
        <v>0</v>
      </c>
      <c r="EN39" s="331">
        <v>38043</v>
      </c>
      <c r="EO39" s="330">
        <v>38043</v>
      </c>
      <c r="EP39" s="326">
        <v>0</v>
      </c>
      <c r="EQ39" s="327">
        <v>0</v>
      </c>
      <c r="ER39" s="331">
        <v>0</v>
      </c>
      <c r="ES39" s="332">
        <v>0</v>
      </c>
      <c r="ET39" s="327">
        <v>0</v>
      </c>
      <c r="EU39" s="327">
        <v>0</v>
      </c>
      <c r="EV39" s="327">
        <v>0</v>
      </c>
      <c r="EW39" s="327">
        <v>0</v>
      </c>
      <c r="EX39" s="327">
        <v>0</v>
      </c>
      <c r="EY39" s="328">
        <v>0</v>
      </c>
      <c r="EZ39" s="330">
        <v>0</v>
      </c>
      <c r="FA39" s="326">
        <v>0</v>
      </c>
      <c r="FB39" s="327">
        <v>0</v>
      </c>
      <c r="FC39" s="331">
        <v>0</v>
      </c>
      <c r="FD39" s="332">
        <v>0</v>
      </c>
      <c r="FE39" s="327">
        <v>0</v>
      </c>
      <c r="FF39" s="327">
        <v>0</v>
      </c>
      <c r="FG39" s="327">
        <v>0</v>
      </c>
      <c r="FH39" s="327">
        <v>0</v>
      </c>
      <c r="FI39" s="327">
        <v>0</v>
      </c>
      <c r="FJ39" s="328">
        <v>0</v>
      </c>
      <c r="FK39" s="330">
        <v>0</v>
      </c>
      <c r="FL39" s="326">
        <v>71776</v>
      </c>
      <c r="FM39" s="327">
        <v>330255</v>
      </c>
      <c r="FN39" s="328">
        <v>402031</v>
      </c>
      <c r="FO39" s="326">
        <v>0</v>
      </c>
      <c r="FP39" s="327">
        <v>475905</v>
      </c>
      <c r="FQ39" s="327">
        <v>596845</v>
      </c>
      <c r="FR39" s="327">
        <v>491324</v>
      </c>
      <c r="FS39" s="327">
        <v>395907</v>
      </c>
      <c r="FT39" s="327">
        <v>364353</v>
      </c>
      <c r="FU39" s="328">
        <v>2324334</v>
      </c>
      <c r="FV39" s="330">
        <v>2726365</v>
      </c>
      <c r="FW39" s="333">
        <v>71776</v>
      </c>
      <c r="FX39" s="327">
        <v>157005</v>
      </c>
      <c r="FY39" s="331">
        <v>228781</v>
      </c>
      <c r="FZ39" s="332">
        <v>0</v>
      </c>
      <c r="GA39" s="327">
        <v>475905</v>
      </c>
      <c r="GB39" s="327">
        <v>596845</v>
      </c>
      <c r="GC39" s="327">
        <v>491324</v>
      </c>
      <c r="GD39" s="327">
        <v>395907</v>
      </c>
      <c r="GE39" s="327">
        <v>320181</v>
      </c>
      <c r="GF39" s="328">
        <v>2280162</v>
      </c>
      <c r="GG39" s="334">
        <v>2508943</v>
      </c>
      <c r="GH39" s="333">
        <v>0</v>
      </c>
      <c r="GI39" s="327">
        <v>0</v>
      </c>
      <c r="GJ39" s="331">
        <v>0</v>
      </c>
      <c r="GK39" s="332">
        <v>0</v>
      </c>
      <c r="GL39" s="327">
        <v>0</v>
      </c>
      <c r="GM39" s="327">
        <v>0</v>
      </c>
      <c r="GN39" s="327">
        <v>0</v>
      </c>
      <c r="GO39" s="327">
        <v>0</v>
      </c>
      <c r="GP39" s="327">
        <v>44172</v>
      </c>
      <c r="GQ39" s="328">
        <v>44172</v>
      </c>
      <c r="GR39" s="330">
        <v>44172</v>
      </c>
      <c r="GS39" s="326">
        <v>0</v>
      </c>
      <c r="GT39" s="327">
        <v>173250</v>
      </c>
      <c r="GU39" s="328">
        <v>173250</v>
      </c>
      <c r="GV39" s="326">
        <v>0</v>
      </c>
      <c r="GW39" s="327">
        <v>0</v>
      </c>
      <c r="GX39" s="327">
        <v>0</v>
      </c>
      <c r="GY39" s="327">
        <v>0</v>
      </c>
      <c r="GZ39" s="327">
        <v>0</v>
      </c>
      <c r="HA39" s="327">
        <v>0</v>
      </c>
      <c r="HB39" s="331">
        <v>0</v>
      </c>
      <c r="HC39" s="330">
        <v>173250</v>
      </c>
      <c r="HD39" s="326">
        <v>340639</v>
      </c>
      <c r="HE39" s="327">
        <v>309879</v>
      </c>
      <c r="HF39" s="331">
        <v>650518</v>
      </c>
      <c r="HG39" s="332">
        <v>0</v>
      </c>
      <c r="HH39" s="327">
        <v>2044221</v>
      </c>
      <c r="HI39" s="327">
        <v>1349400</v>
      </c>
      <c r="HJ39" s="327">
        <v>395413</v>
      </c>
      <c r="HK39" s="327">
        <v>2708468</v>
      </c>
      <c r="HL39" s="327">
        <v>799821</v>
      </c>
      <c r="HM39" s="328">
        <v>7297323</v>
      </c>
      <c r="HN39" s="329">
        <v>7947841</v>
      </c>
      <c r="HO39" s="333">
        <v>73720</v>
      </c>
      <c r="HP39" s="327">
        <v>114920</v>
      </c>
      <c r="HQ39" s="328">
        <v>188640</v>
      </c>
      <c r="HR39" s="326">
        <v>0</v>
      </c>
      <c r="HS39" s="327">
        <v>1126509</v>
      </c>
      <c r="HT39" s="327">
        <v>612270</v>
      </c>
      <c r="HU39" s="327">
        <v>468798</v>
      </c>
      <c r="HV39" s="327">
        <v>372866</v>
      </c>
      <c r="HW39" s="327">
        <v>263847</v>
      </c>
      <c r="HX39" s="331">
        <v>2844290</v>
      </c>
      <c r="HY39" s="330">
        <v>3032930</v>
      </c>
      <c r="HZ39" s="335">
        <v>88362</v>
      </c>
      <c r="IA39" s="336">
        <v>252855</v>
      </c>
      <c r="IB39" s="337">
        <v>341217</v>
      </c>
      <c r="IC39" s="338">
        <v>0</v>
      </c>
      <c r="ID39" s="336">
        <v>4016278</v>
      </c>
      <c r="IE39" s="339">
        <v>3289366</v>
      </c>
      <c r="IF39" s="337">
        <v>3610773</v>
      </c>
      <c r="IG39" s="336">
        <v>1911933</v>
      </c>
      <c r="IH39" s="337">
        <v>2226881</v>
      </c>
      <c r="II39" s="340">
        <v>15055231</v>
      </c>
      <c r="IJ39" s="341">
        <v>15396448</v>
      </c>
      <c r="IK39" s="342">
        <v>0</v>
      </c>
      <c r="IL39" s="343">
        <v>0</v>
      </c>
      <c r="IM39" s="344">
        <v>0</v>
      </c>
      <c r="IN39" s="404">
        <v>0</v>
      </c>
      <c r="IO39" s="345">
        <v>0</v>
      </c>
      <c r="IP39" s="345">
        <v>0</v>
      </c>
      <c r="IQ39" s="345">
        <v>0</v>
      </c>
      <c r="IR39" s="345">
        <v>0</v>
      </c>
      <c r="IS39" s="345">
        <v>255933</v>
      </c>
      <c r="IT39" s="346">
        <v>255933</v>
      </c>
      <c r="IU39" s="347">
        <v>255933</v>
      </c>
      <c r="IV39" s="348">
        <v>0</v>
      </c>
      <c r="IW39" s="345">
        <v>0</v>
      </c>
      <c r="IX39" s="349">
        <v>0</v>
      </c>
      <c r="IY39" s="413">
        <v>0</v>
      </c>
      <c r="IZ39" s="345">
        <v>0</v>
      </c>
      <c r="JA39" s="345">
        <v>0</v>
      </c>
      <c r="JB39" s="345">
        <v>0</v>
      </c>
      <c r="JC39" s="345">
        <v>0</v>
      </c>
      <c r="JD39" s="345">
        <v>0</v>
      </c>
      <c r="JE39" s="349">
        <v>0</v>
      </c>
      <c r="JF39" s="350">
        <v>0</v>
      </c>
      <c r="JG39" s="348">
        <v>0</v>
      </c>
      <c r="JH39" s="345">
        <v>0</v>
      </c>
      <c r="JI39" s="346">
        <v>0</v>
      </c>
      <c r="JJ39" s="351">
        <v>0</v>
      </c>
      <c r="JK39" s="345">
        <v>700540</v>
      </c>
      <c r="JL39" s="345">
        <v>214957</v>
      </c>
      <c r="JM39" s="345">
        <v>177975</v>
      </c>
      <c r="JN39" s="345">
        <v>42183</v>
      </c>
      <c r="JO39" s="345">
        <v>227961</v>
      </c>
      <c r="JP39" s="349">
        <v>1363616</v>
      </c>
      <c r="JQ39" s="347">
        <v>1363616</v>
      </c>
      <c r="JR39" s="348">
        <v>0</v>
      </c>
      <c r="JS39" s="345">
        <v>0</v>
      </c>
      <c r="JT39" s="346">
        <v>0</v>
      </c>
      <c r="JU39" s="351">
        <v>0</v>
      </c>
      <c r="JV39" s="345">
        <v>0</v>
      </c>
      <c r="JW39" s="345">
        <v>0</v>
      </c>
      <c r="JX39" s="345">
        <v>0</v>
      </c>
      <c r="JY39" s="345">
        <v>0</v>
      </c>
      <c r="JZ39" s="345">
        <v>63929</v>
      </c>
      <c r="KA39" s="349">
        <v>63929</v>
      </c>
      <c r="KB39" s="347">
        <v>63929</v>
      </c>
      <c r="KC39" s="352">
        <v>88362</v>
      </c>
      <c r="KD39" s="353">
        <v>252855</v>
      </c>
      <c r="KE39" s="349">
        <v>341217</v>
      </c>
      <c r="KF39" s="351">
        <v>0</v>
      </c>
      <c r="KG39" s="345">
        <v>1157935</v>
      </c>
      <c r="KH39" s="345">
        <v>1100934</v>
      </c>
      <c r="KI39" s="345">
        <v>885591</v>
      </c>
      <c r="KJ39" s="345">
        <v>126900</v>
      </c>
      <c r="KK39" s="345">
        <v>311166</v>
      </c>
      <c r="KL39" s="349">
        <v>3582526</v>
      </c>
      <c r="KM39" s="354">
        <v>3923743</v>
      </c>
      <c r="KN39" s="342">
        <v>0</v>
      </c>
      <c r="KO39" s="343">
        <v>0</v>
      </c>
      <c r="KP39" s="344">
        <v>0</v>
      </c>
      <c r="KQ39" s="413">
        <v>0</v>
      </c>
      <c r="KR39" s="345">
        <v>1015541</v>
      </c>
      <c r="KS39" s="345">
        <v>1352277</v>
      </c>
      <c r="KT39" s="345">
        <v>809172</v>
      </c>
      <c r="KU39" s="345">
        <v>1426770</v>
      </c>
      <c r="KV39" s="345">
        <v>290943</v>
      </c>
      <c r="KW39" s="349">
        <v>4894703</v>
      </c>
      <c r="KX39" s="347">
        <v>4894703</v>
      </c>
      <c r="KY39" s="348">
        <v>0</v>
      </c>
      <c r="KZ39" s="345">
        <v>0</v>
      </c>
      <c r="LA39" s="349">
        <v>0</v>
      </c>
      <c r="LB39" s="413">
        <v>0</v>
      </c>
      <c r="LC39" s="345">
        <v>0</v>
      </c>
      <c r="LD39" s="345">
        <v>0</v>
      </c>
      <c r="LE39" s="345">
        <v>0</v>
      </c>
      <c r="LF39" s="345">
        <v>0</v>
      </c>
      <c r="LG39" s="345">
        <v>0</v>
      </c>
      <c r="LH39" s="349">
        <v>0</v>
      </c>
      <c r="LI39" s="350">
        <v>0</v>
      </c>
      <c r="LJ39" s="348">
        <v>0</v>
      </c>
      <c r="LK39" s="345">
        <v>0</v>
      </c>
      <c r="LL39" s="349">
        <v>0</v>
      </c>
      <c r="LM39" s="413">
        <v>0</v>
      </c>
      <c r="LN39" s="345">
        <v>0</v>
      </c>
      <c r="LO39" s="345">
        <v>0</v>
      </c>
      <c r="LP39" s="345">
        <v>0</v>
      </c>
      <c r="LQ39" s="345">
        <v>0</v>
      </c>
      <c r="LR39" s="345">
        <v>0</v>
      </c>
      <c r="LS39" s="349">
        <v>0</v>
      </c>
      <c r="LT39" s="347">
        <v>0</v>
      </c>
      <c r="LU39" s="348">
        <v>0</v>
      </c>
      <c r="LV39" s="345">
        <v>0</v>
      </c>
      <c r="LW39" s="349">
        <v>0</v>
      </c>
      <c r="LX39" s="413">
        <v>0</v>
      </c>
      <c r="LY39" s="345">
        <v>1142262</v>
      </c>
      <c r="LZ39" s="345">
        <v>621198</v>
      </c>
      <c r="MA39" s="345">
        <v>1738035</v>
      </c>
      <c r="MB39" s="345">
        <v>316080</v>
      </c>
      <c r="MC39" s="345">
        <v>1076949</v>
      </c>
      <c r="MD39" s="349">
        <v>4894524</v>
      </c>
      <c r="ME39" s="350">
        <v>4894524</v>
      </c>
      <c r="MF39" s="348">
        <v>0</v>
      </c>
      <c r="MG39" s="345">
        <v>0</v>
      </c>
      <c r="MH39" s="349">
        <v>0</v>
      </c>
      <c r="MI39" s="413">
        <v>0</v>
      </c>
      <c r="MJ39" s="345">
        <v>1527930</v>
      </c>
      <c r="MK39" s="345">
        <v>4070763</v>
      </c>
      <c r="ML39" s="345">
        <v>3906120</v>
      </c>
      <c r="MM39" s="345">
        <v>10542204</v>
      </c>
      <c r="MN39" s="345">
        <v>5407446</v>
      </c>
      <c r="MO39" s="349">
        <v>25454463</v>
      </c>
      <c r="MP39" s="354">
        <v>25454463</v>
      </c>
      <c r="MQ39" s="348">
        <v>0</v>
      </c>
      <c r="MR39" s="345">
        <v>0</v>
      </c>
      <c r="MS39" s="349">
        <v>0</v>
      </c>
      <c r="MT39" s="413">
        <v>0</v>
      </c>
      <c r="MU39" s="345">
        <v>119556</v>
      </c>
      <c r="MV39" s="345">
        <v>0</v>
      </c>
      <c r="MW39" s="345">
        <v>1765026</v>
      </c>
      <c r="MX39" s="345">
        <v>7932221</v>
      </c>
      <c r="MY39" s="345">
        <v>3076440</v>
      </c>
      <c r="MZ39" s="349">
        <v>12893243</v>
      </c>
      <c r="NA39" s="354">
        <v>12893243</v>
      </c>
      <c r="NB39" s="348">
        <v>0</v>
      </c>
      <c r="NC39" s="345">
        <v>0</v>
      </c>
      <c r="ND39" s="349">
        <v>0</v>
      </c>
      <c r="NE39" s="413">
        <v>0</v>
      </c>
      <c r="NF39" s="345">
        <v>1408374</v>
      </c>
      <c r="NG39" s="345">
        <v>4070763</v>
      </c>
      <c r="NH39" s="345">
        <v>2141094</v>
      </c>
      <c r="NI39" s="345">
        <v>2609983</v>
      </c>
      <c r="NJ39" s="345">
        <v>1555825</v>
      </c>
      <c r="NK39" s="349">
        <v>11786039</v>
      </c>
      <c r="NL39" s="347">
        <v>11786039</v>
      </c>
      <c r="NM39" s="348">
        <v>0</v>
      </c>
      <c r="NN39" s="345">
        <v>0</v>
      </c>
      <c r="NO39" s="349">
        <v>0</v>
      </c>
      <c r="NP39" s="413">
        <v>0</v>
      </c>
      <c r="NQ39" s="345">
        <v>0</v>
      </c>
      <c r="NR39" s="345">
        <v>0</v>
      </c>
      <c r="NS39" s="345">
        <v>0</v>
      </c>
      <c r="NT39" s="345">
        <v>0</v>
      </c>
      <c r="NU39" s="345">
        <v>0</v>
      </c>
      <c r="NV39" s="349">
        <v>0</v>
      </c>
      <c r="NW39" s="350">
        <v>0</v>
      </c>
      <c r="NX39" s="348">
        <v>0</v>
      </c>
      <c r="NY39" s="345">
        <v>0</v>
      </c>
      <c r="NZ39" s="349">
        <v>0</v>
      </c>
      <c r="OA39" s="413">
        <v>0</v>
      </c>
      <c r="OB39" s="345">
        <v>0</v>
      </c>
      <c r="OC39" s="345">
        <v>0</v>
      </c>
      <c r="OD39" s="345">
        <v>0</v>
      </c>
      <c r="OE39" s="345">
        <v>0</v>
      </c>
      <c r="OF39" s="345">
        <v>775181</v>
      </c>
      <c r="OG39" s="349">
        <v>775181</v>
      </c>
      <c r="OH39" s="350">
        <v>775181</v>
      </c>
      <c r="OI39" s="348">
        <v>836539</v>
      </c>
      <c r="OJ39" s="345">
        <v>1511153</v>
      </c>
      <c r="OK39" s="346">
        <v>2347692</v>
      </c>
      <c r="OL39" s="351">
        <v>0</v>
      </c>
      <c r="OM39" s="345">
        <v>13113309</v>
      </c>
      <c r="ON39" s="345">
        <v>12915762</v>
      </c>
      <c r="OO39" s="345">
        <v>13217382</v>
      </c>
      <c r="OP39" s="345">
        <v>18849157</v>
      </c>
      <c r="OQ39" s="345">
        <v>11891260</v>
      </c>
      <c r="OR39" s="349">
        <v>69986870</v>
      </c>
      <c r="OS39" s="354">
        <v>72334562</v>
      </c>
    </row>
    <row r="40" spans="2:409" s="70" customFormat="1" ht="21" customHeight="1" x14ac:dyDescent="0.2">
      <c r="B40" s="410" t="s">
        <v>35</v>
      </c>
      <c r="C40" s="326">
        <v>2612207</v>
      </c>
      <c r="D40" s="327">
        <v>5106275</v>
      </c>
      <c r="E40" s="328">
        <v>7718482</v>
      </c>
      <c r="F40" s="329">
        <v>0</v>
      </c>
      <c r="G40" s="327">
        <v>33772555</v>
      </c>
      <c r="H40" s="327">
        <v>23095406</v>
      </c>
      <c r="I40" s="327">
        <v>21291091</v>
      </c>
      <c r="J40" s="327">
        <v>24544462</v>
      </c>
      <c r="K40" s="327">
        <v>15006062</v>
      </c>
      <c r="L40" s="367">
        <v>117709576</v>
      </c>
      <c r="M40" s="330">
        <v>125428058</v>
      </c>
      <c r="N40" s="326">
        <v>537401</v>
      </c>
      <c r="O40" s="327">
        <v>1294964</v>
      </c>
      <c r="P40" s="328">
        <v>1832365</v>
      </c>
      <c r="Q40" s="326">
        <v>0</v>
      </c>
      <c r="R40" s="327">
        <v>7879014</v>
      </c>
      <c r="S40" s="327">
        <v>7277248</v>
      </c>
      <c r="T40" s="327">
        <v>6389746</v>
      </c>
      <c r="U40" s="327">
        <v>8298215</v>
      </c>
      <c r="V40" s="327">
        <v>7381100</v>
      </c>
      <c r="W40" s="328">
        <v>37225323</v>
      </c>
      <c r="X40" s="330">
        <v>39057688</v>
      </c>
      <c r="Y40" s="326">
        <v>0</v>
      </c>
      <c r="Z40" s="327">
        <v>0</v>
      </c>
      <c r="AA40" s="328">
        <v>0</v>
      </c>
      <c r="AB40" s="326">
        <v>0</v>
      </c>
      <c r="AC40" s="327">
        <v>3736794</v>
      </c>
      <c r="AD40" s="327">
        <v>3700838</v>
      </c>
      <c r="AE40" s="327">
        <v>3302836</v>
      </c>
      <c r="AF40" s="327">
        <v>4457349</v>
      </c>
      <c r="AG40" s="327">
        <v>4252793</v>
      </c>
      <c r="AH40" s="328">
        <v>19450610</v>
      </c>
      <c r="AI40" s="330">
        <v>19450610</v>
      </c>
      <c r="AJ40" s="326">
        <v>0</v>
      </c>
      <c r="AK40" s="327">
        <v>0</v>
      </c>
      <c r="AL40" s="328">
        <v>0</v>
      </c>
      <c r="AM40" s="326">
        <v>0</v>
      </c>
      <c r="AN40" s="327">
        <v>0</v>
      </c>
      <c r="AO40" s="327">
        <v>116721</v>
      </c>
      <c r="AP40" s="327">
        <v>214709</v>
      </c>
      <c r="AQ40" s="327">
        <v>974430</v>
      </c>
      <c r="AR40" s="327">
        <v>783995</v>
      </c>
      <c r="AS40" s="328">
        <v>2089855</v>
      </c>
      <c r="AT40" s="330">
        <v>2089855</v>
      </c>
      <c r="AU40" s="326">
        <v>122958</v>
      </c>
      <c r="AV40" s="327">
        <v>720321</v>
      </c>
      <c r="AW40" s="328">
        <v>843279</v>
      </c>
      <c r="AX40" s="326">
        <v>0</v>
      </c>
      <c r="AY40" s="327">
        <v>2125711</v>
      </c>
      <c r="AZ40" s="327">
        <v>1915313</v>
      </c>
      <c r="BA40" s="327">
        <v>1152501</v>
      </c>
      <c r="BB40" s="327">
        <v>1038641</v>
      </c>
      <c r="BC40" s="327">
        <v>1405625</v>
      </c>
      <c r="BD40" s="328">
        <v>7637791</v>
      </c>
      <c r="BE40" s="330">
        <v>8481070</v>
      </c>
      <c r="BF40" s="326">
        <v>180684</v>
      </c>
      <c r="BG40" s="327">
        <v>359316</v>
      </c>
      <c r="BH40" s="331">
        <v>540000</v>
      </c>
      <c r="BI40" s="332">
        <v>0</v>
      </c>
      <c r="BJ40" s="327">
        <v>598053</v>
      </c>
      <c r="BK40" s="327">
        <v>509922</v>
      </c>
      <c r="BL40" s="327">
        <v>623280</v>
      </c>
      <c r="BM40" s="327">
        <v>502650</v>
      </c>
      <c r="BN40" s="327">
        <v>191802</v>
      </c>
      <c r="BO40" s="328">
        <v>2425707</v>
      </c>
      <c r="BP40" s="330">
        <v>2965707</v>
      </c>
      <c r="BQ40" s="326">
        <v>233759</v>
      </c>
      <c r="BR40" s="327">
        <v>215327</v>
      </c>
      <c r="BS40" s="328">
        <v>449086</v>
      </c>
      <c r="BT40" s="326">
        <v>0</v>
      </c>
      <c r="BU40" s="327">
        <v>1418456</v>
      </c>
      <c r="BV40" s="327">
        <v>1034454</v>
      </c>
      <c r="BW40" s="327">
        <v>1096420</v>
      </c>
      <c r="BX40" s="327">
        <v>1325145</v>
      </c>
      <c r="BY40" s="327">
        <v>746885</v>
      </c>
      <c r="BZ40" s="328">
        <v>5621360</v>
      </c>
      <c r="CA40" s="330">
        <v>6070446</v>
      </c>
      <c r="CB40" s="326">
        <v>242472</v>
      </c>
      <c r="CC40" s="327">
        <v>883934</v>
      </c>
      <c r="CD40" s="328">
        <v>1126406</v>
      </c>
      <c r="CE40" s="326">
        <v>0</v>
      </c>
      <c r="CF40" s="327">
        <v>12589986</v>
      </c>
      <c r="CG40" s="327">
        <v>8160882</v>
      </c>
      <c r="CH40" s="327">
        <v>6040296</v>
      </c>
      <c r="CI40" s="327">
        <v>4200087</v>
      </c>
      <c r="CJ40" s="327">
        <v>3043292</v>
      </c>
      <c r="CK40" s="328">
        <v>34034543</v>
      </c>
      <c r="CL40" s="330">
        <v>35160949</v>
      </c>
      <c r="CM40" s="326">
        <v>0</v>
      </c>
      <c r="CN40" s="327">
        <v>0</v>
      </c>
      <c r="CO40" s="328">
        <v>0</v>
      </c>
      <c r="CP40" s="332">
        <v>0</v>
      </c>
      <c r="CQ40" s="327">
        <v>8778950</v>
      </c>
      <c r="CR40" s="327">
        <v>5762589</v>
      </c>
      <c r="CS40" s="327">
        <v>4716498</v>
      </c>
      <c r="CT40" s="327">
        <v>3338101</v>
      </c>
      <c r="CU40" s="327">
        <v>2872724</v>
      </c>
      <c r="CV40" s="328">
        <v>25468862</v>
      </c>
      <c r="CW40" s="330">
        <v>25468862</v>
      </c>
      <c r="CX40" s="326">
        <v>242472</v>
      </c>
      <c r="CY40" s="327">
        <v>883934</v>
      </c>
      <c r="CZ40" s="328">
        <v>1126406</v>
      </c>
      <c r="DA40" s="326">
        <v>0</v>
      </c>
      <c r="DB40" s="327">
        <v>3811036</v>
      </c>
      <c r="DC40" s="327">
        <v>2398293</v>
      </c>
      <c r="DD40" s="327">
        <v>1323798</v>
      </c>
      <c r="DE40" s="327">
        <v>861986</v>
      </c>
      <c r="DF40" s="327">
        <v>170568</v>
      </c>
      <c r="DG40" s="328">
        <v>8565681</v>
      </c>
      <c r="DH40" s="330">
        <v>9692087</v>
      </c>
      <c r="DI40" s="326">
        <v>19664</v>
      </c>
      <c r="DJ40" s="327">
        <v>44343</v>
      </c>
      <c r="DK40" s="331">
        <v>64007</v>
      </c>
      <c r="DL40" s="332">
        <v>0</v>
      </c>
      <c r="DM40" s="327">
        <v>647451</v>
      </c>
      <c r="DN40" s="327">
        <v>549636</v>
      </c>
      <c r="DO40" s="327">
        <v>1160895</v>
      </c>
      <c r="DP40" s="327">
        <v>1420011</v>
      </c>
      <c r="DQ40" s="327">
        <v>954115</v>
      </c>
      <c r="DR40" s="328">
        <v>4732108</v>
      </c>
      <c r="DS40" s="330">
        <v>4796115</v>
      </c>
      <c r="DT40" s="326">
        <v>19664</v>
      </c>
      <c r="DU40" s="327">
        <v>44343</v>
      </c>
      <c r="DV40" s="328">
        <v>64007</v>
      </c>
      <c r="DW40" s="326">
        <v>0</v>
      </c>
      <c r="DX40" s="327">
        <v>524232</v>
      </c>
      <c r="DY40" s="327">
        <v>332700</v>
      </c>
      <c r="DZ40" s="327">
        <v>881589</v>
      </c>
      <c r="EA40" s="327">
        <v>1378485</v>
      </c>
      <c r="EB40" s="327">
        <v>910879</v>
      </c>
      <c r="EC40" s="328">
        <v>4027885</v>
      </c>
      <c r="ED40" s="330">
        <v>4091892</v>
      </c>
      <c r="EE40" s="326">
        <v>0</v>
      </c>
      <c r="EF40" s="331">
        <v>0</v>
      </c>
      <c r="EG40" s="328">
        <v>0</v>
      </c>
      <c r="EH40" s="326">
        <v>0</v>
      </c>
      <c r="EI40" s="327">
        <v>123219</v>
      </c>
      <c r="EJ40" s="327">
        <v>216936</v>
      </c>
      <c r="EK40" s="327">
        <v>279306</v>
      </c>
      <c r="EL40" s="327">
        <v>41526</v>
      </c>
      <c r="EM40" s="327">
        <v>43236</v>
      </c>
      <c r="EN40" s="331">
        <v>704223</v>
      </c>
      <c r="EO40" s="330">
        <v>704223</v>
      </c>
      <c r="EP40" s="326">
        <v>0</v>
      </c>
      <c r="EQ40" s="327">
        <v>0</v>
      </c>
      <c r="ER40" s="331">
        <v>0</v>
      </c>
      <c r="ES40" s="332">
        <v>0</v>
      </c>
      <c r="ET40" s="327">
        <v>0</v>
      </c>
      <c r="EU40" s="327">
        <v>0</v>
      </c>
      <c r="EV40" s="327">
        <v>0</v>
      </c>
      <c r="EW40" s="327">
        <v>0</v>
      </c>
      <c r="EX40" s="327">
        <v>0</v>
      </c>
      <c r="EY40" s="328">
        <v>0</v>
      </c>
      <c r="EZ40" s="330">
        <v>0</v>
      </c>
      <c r="FA40" s="326">
        <v>0</v>
      </c>
      <c r="FB40" s="327">
        <v>0</v>
      </c>
      <c r="FC40" s="331">
        <v>0</v>
      </c>
      <c r="FD40" s="332">
        <v>0</v>
      </c>
      <c r="FE40" s="327">
        <v>0</v>
      </c>
      <c r="FF40" s="327">
        <v>0</v>
      </c>
      <c r="FG40" s="327">
        <v>0</v>
      </c>
      <c r="FH40" s="327">
        <v>0</v>
      </c>
      <c r="FI40" s="327">
        <v>0</v>
      </c>
      <c r="FJ40" s="328">
        <v>0</v>
      </c>
      <c r="FK40" s="330">
        <v>0</v>
      </c>
      <c r="FL40" s="326">
        <v>630150</v>
      </c>
      <c r="FM40" s="327">
        <v>1014034</v>
      </c>
      <c r="FN40" s="328">
        <v>1644184</v>
      </c>
      <c r="FO40" s="326">
        <v>0</v>
      </c>
      <c r="FP40" s="327">
        <v>1712237</v>
      </c>
      <c r="FQ40" s="327">
        <v>2443596</v>
      </c>
      <c r="FR40" s="327">
        <v>2038461</v>
      </c>
      <c r="FS40" s="327">
        <v>1310838</v>
      </c>
      <c r="FT40" s="327">
        <v>448306</v>
      </c>
      <c r="FU40" s="328">
        <v>7953438</v>
      </c>
      <c r="FV40" s="330">
        <v>9597622</v>
      </c>
      <c r="FW40" s="333">
        <v>296844</v>
      </c>
      <c r="FX40" s="327">
        <v>748454</v>
      </c>
      <c r="FY40" s="331">
        <v>1045298</v>
      </c>
      <c r="FZ40" s="332">
        <v>0</v>
      </c>
      <c r="GA40" s="327">
        <v>1358930</v>
      </c>
      <c r="GB40" s="327">
        <v>2137820</v>
      </c>
      <c r="GC40" s="327">
        <v>1605981</v>
      </c>
      <c r="GD40" s="327">
        <v>1281168</v>
      </c>
      <c r="GE40" s="327">
        <v>448306</v>
      </c>
      <c r="GF40" s="328">
        <v>6832205</v>
      </c>
      <c r="GG40" s="334">
        <v>7877503</v>
      </c>
      <c r="GH40" s="333">
        <v>0</v>
      </c>
      <c r="GI40" s="327">
        <v>44322</v>
      </c>
      <c r="GJ40" s="331">
        <v>44322</v>
      </c>
      <c r="GK40" s="332">
        <v>0</v>
      </c>
      <c r="GL40" s="327">
        <v>166615</v>
      </c>
      <c r="GM40" s="327">
        <v>71475</v>
      </c>
      <c r="GN40" s="327">
        <v>203790</v>
      </c>
      <c r="GO40" s="327">
        <v>29670</v>
      </c>
      <c r="GP40" s="327">
        <v>0</v>
      </c>
      <c r="GQ40" s="328">
        <v>471550</v>
      </c>
      <c r="GR40" s="330">
        <v>515872</v>
      </c>
      <c r="GS40" s="326">
        <v>333306</v>
      </c>
      <c r="GT40" s="327">
        <v>221258</v>
      </c>
      <c r="GU40" s="328">
        <v>554564</v>
      </c>
      <c r="GV40" s="326">
        <v>0</v>
      </c>
      <c r="GW40" s="327">
        <v>186692</v>
      </c>
      <c r="GX40" s="327">
        <v>234301</v>
      </c>
      <c r="GY40" s="327">
        <v>228690</v>
      </c>
      <c r="GZ40" s="327">
        <v>0</v>
      </c>
      <c r="HA40" s="327">
        <v>0</v>
      </c>
      <c r="HB40" s="331">
        <v>649683</v>
      </c>
      <c r="HC40" s="330">
        <v>1204247</v>
      </c>
      <c r="HD40" s="326">
        <v>853365</v>
      </c>
      <c r="HE40" s="327">
        <v>1257300</v>
      </c>
      <c r="HF40" s="331">
        <v>2110665</v>
      </c>
      <c r="HG40" s="332">
        <v>0</v>
      </c>
      <c r="HH40" s="327">
        <v>6552493</v>
      </c>
      <c r="HI40" s="327">
        <v>2169883</v>
      </c>
      <c r="HJ40" s="327">
        <v>3932050</v>
      </c>
      <c r="HK40" s="327">
        <v>8091329</v>
      </c>
      <c r="HL40" s="327">
        <v>2450403</v>
      </c>
      <c r="HM40" s="328">
        <v>23196158</v>
      </c>
      <c r="HN40" s="329">
        <v>25306823</v>
      </c>
      <c r="HO40" s="333">
        <v>329155</v>
      </c>
      <c r="HP40" s="327">
        <v>611700</v>
      </c>
      <c r="HQ40" s="328">
        <v>940855</v>
      </c>
      <c r="HR40" s="326">
        <v>0</v>
      </c>
      <c r="HS40" s="327">
        <v>4391374</v>
      </c>
      <c r="HT40" s="327">
        <v>2494161</v>
      </c>
      <c r="HU40" s="327">
        <v>1729643</v>
      </c>
      <c r="HV40" s="327">
        <v>1223982</v>
      </c>
      <c r="HW40" s="327">
        <v>728846</v>
      </c>
      <c r="HX40" s="331">
        <v>10568006</v>
      </c>
      <c r="HY40" s="330">
        <v>11508861</v>
      </c>
      <c r="HZ40" s="358">
        <v>84375</v>
      </c>
      <c r="IA40" s="356">
        <v>285599</v>
      </c>
      <c r="IB40" s="358">
        <v>369974</v>
      </c>
      <c r="IC40" s="338">
        <v>0</v>
      </c>
      <c r="ID40" s="336">
        <v>6483945</v>
      </c>
      <c r="IE40" s="339">
        <v>5977666</v>
      </c>
      <c r="IF40" s="337">
        <v>7321985</v>
      </c>
      <c r="IG40" s="336">
        <v>4462737</v>
      </c>
      <c r="IH40" s="337">
        <v>2773275</v>
      </c>
      <c r="II40" s="340">
        <v>27019608</v>
      </c>
      <c r="IJ40" s="358">
        <v>27389582</v>
      </c>
      <c r="IK40" s="342">
        <v>0</v>
      </c>
      <c r="IL40" s="343">
        <v>0</v>
      </c>
      <c r="IM40" s="344">
        <v>0</v>
      </c>
      <c r="IN40" s="404">
        <v>0</v>
      </c>
      <c r="IO40" s="345">
        <v>86809</v>
      </c>
      <c r="IP40" s="345">
        <v>0</v>
      </c>
      <c r="IQ40" s="345">
        <v>179658</v>
      </c>
      <c r="IR40" s="345">
        <v>0</v>
      </c>
      <c r="IS40" s="345">
        <v>268857</v>
      </c>
      <c r="IT40" s="346">
        <v>535324</v>
      </c>
      <c r="IU40" s="347">
        <v>535324</v>
      </c>
      <c r="IV40" s="348">
        <v>0</v>
      </c>
      <c r="IW40" s="345">
        <v>0</v>
      </c>
      <c r="IX40" s="349">
        <v>0</v>
      </c>
      <c r="IY40" s="413">
        <v>0</v>
      </c>
      <c r="IZ40" s="345">
        <v>0</v>
      </c>
      <c r="JA40" s="345">
        <v>0</v>
      </c>
      <c r="JB40" s="345">
        <v>0</v>
      </c>
      <c r="JC40" s="345">
        <v>0</v>
      </c>
      <c r="JD40" s="345">
        <v>0</v>
      </c>
      <c r="JE40" s="349">
        <v>0</v>
      </c>
      <c r="JF40" s="350">
        <v>0</v>
      </c>
      <c r="JG40" s="348">
        <v>0</v>
      </c>
      <c r="JH40" s="345">
        <v>0</v>
      </c>
      <c r="JI40" s="346">
        <v>0</v>
      </c>
      <c r="JJ40" s="351">
        <v>0</v>
      </c>
      <c r="JK40" s="345">
        <v>1167277</v>
      </c>
      <c r="JL40" s="345">
        <v>1458367</v>
      </c>
      <c r="JM40" s="345">
        <v>2029382</v>
      </c>
      <c r="JN40" s="345">
        <v>800475</v>
      </c>
      <c r="JO40" s="345">
        <v>371448</v>
      </c>
      <c r="JP40" s="349">
        <v>5826949</v>
      </c>
      <c r="JQ40" s="347">
        <v>5826949</v>
      </c>
      <c r="JR40" s="348">
        <v>0</v>
      </c>
      <c r="JS40" s="345">
        <v>0</v>
      </c>
      <c r="JT40" s="346">
        <v>0</v>
      </c>
      <c r="JU40" s="351">
        <v>0</v>
      </c>
      <c r="JV40" s="345">
        <v>0</v>
      </c>
      <c r="JW40" s="345">
        <v>0</v>
      </c>
      <c r="JX40" s="345">
        <v>0</v>
      </c>
      <c r="JY40" s="345">
        <v>0</v>
      </c>
      <c r="JZ40" s="345">
        <v>0</v>
      </c>
      <c r="KA40" s="349">
        <v>0</v>
      </c>
      <c r="KB40" s="347">
        <v>0</v>
      </c>
      <c r="KC40" s="352">
        <v>84375</v>
      </c>
      <c r="KD40" s="353">
        <v>285599</v>
      </c>
      <c r="KE40" s="349">
        <v>369974</v>
      </c>
      <c r="KF40" s="351">
        <v>0</v>
      </c>
      <c r="KG40" s="345">
        <v>732348</v>
      </c>
      <c r="KH40" s="345">
        <v>955917</v>
      </c>
      <c r="KI40" s="345">
        <v>1946214</v>
      </c>
      <c r="KJ40" s="345">
        <v>573606</v>
      </c>
      <c r="KK40" s="345">
        <v>323547</v>
      </c>
      <c r="KL40" s="349">
        <v>4531632</v>
      </c>
      <c r="KM40" s="354">
        <v>4901606</v>
      </c>
      <c r="KN40" s="342">
        <v>0</v>
      </c>
      <c r="KO40" s="343">
        <v>0</v>
      </c>
      <c r="KP40" s="344">
        <v>0</v>
      </c>
      <c r="KQ40" s="413">
        <v>0</v>
      </c>
      <c r="KR40" s="345">
        <v>4497511</v>
      </c>
      <c r="KS40" s="345">
        <v>3563382</v>
      </c>
      <c r="KT40" s="345">
        <v>3166731</v>
      </c>
      <c r="KU40" s="345">
        <v>3088656</v>
      </c>
      <c r="KV40" s="345">
        <v>1809423</v>
      </c>
      <c r="KW40" s="349">
        <v>16125703</v>
      </c>
      <c r="KX40" s="347">
        <v>16125703</v>
      </c>
      <c r="KY40" s="348">
        <v>0</v>
      </c>
      <c r="KZ40" s="345">
        <v>0</v>
      </c>
      <c r="LA40" s="349">
        <v>0</v>
      </c>
      <c r="LB40" s="413">
        <v>0</v>
      </c>
      <c r="LC40" s="345">
        <v>0</v>
      </c>
      <c r="LD40" s="345">
        <v>0</v>
      </c>
      <c r="LE40" s="345">
        <v>0</v>
      </c>
      <c r="LF40" s="345">
        <v>0</v>
      </c>
      <c r="LG40" s="345">
        <v>0</v>
      </c>
      <c r="LH40" s="349">
        <v>0</v>
      </c>
      <c r="LI40" s="350">
        <v>0</v>
      </c>
      <c r="LJ40" s="348">
        <v>0</v>
      </c>
      <c r="LK40" s="345">
        <v>0</v>
      </c>
      <c r="LL40" s="349">
        <v>0</v>
      </c>
      <c r="LM40" s="413">
        <v>0</v>
      </c>
      <c r="LN40" s="345">
        <v>0</v>
      </c>
      <c r="LO40" s="345">
        <v>0</v>
      </c>
      <c r="LP40" s="345">
        <v>0</v>
      </c>
      <c r="LQ40" s="345">
        <v>0</v>
      </c>
      <c r="LR40" s="345">
        <v>0</v>
      </c>
      <c r="LS40" s="349">
        <v>0</v>
      </c>
      <c r="LT40" s="347">
        <v>0</v>
      </c>
      <c r="LU40" s="348">
        <v>0</v>
      </c>
      <c r="LV40" s="345">
        <v>0</v>
      </c>
      <c r="LW40" s="349">
        <v>0</v>
      </c>
      <c r="LX40" s="413">
        <v>0</v>
      </c>
      <c r="LY40" s="345">
        <v>0</v>
      </c>
      <c r="LZ40" s="345">
        <v>0</v>
      </c>
      <c r="MA40" s="345">
        <v>0</v>
      </c>
      <c r="MB40" s="345">
        <v>0</v>
      </c>
      <c r="MC40" s="345">
        <v>0</v>
      </c>
      <c r="MD40" s="349">
        <v>0</v>
      </c>
      <c r="ME40" s="350">
        <v>0</v>
      </c>
      <c r="MF40" s="348">
        <v>0</v>
      </c>
      <c r="MG40" s="345">
        <v>0</v>
      </c>
      <c r="MH40" s="349">
        <v>0</v>
      </c>
      <c r="MI40" s="413">
        <v>0</v>
      </c>
      <c r="MJ40" s="345">
        <v>3642363</v>
      </c>
      <c r="MK40" s="345">
        <v>11003135</v>
      </c>
      <c r="ML40" s="345">
        <v>13943663</v>
      </c>
      <c r="MM40" s="345">
        <v>21075521</v>
      </c>
      <c r="MN40" s="345">
        <v>13793130</v>
      </c>
      <c r="MO40" s="349">
        <v>63457812</v>
      </c>
      <c r="MP40" s="354">
        <v>63457812</v>
      </c>
      <c r="MQ40" s="348">
        <v>0</v>
      </c>
      <c r="MR40" s="345">
        <v>0</v>
      </c>
      <c r="MS40" s="349">
        <v>0</v>
      </c>
      <c r="MT40" s="413">
        <v>0</v>
      </c>
      <c r="MU40" s="345">
        <v>210015</v>
      </c>
      <c r="MV40" s="345">
        <v>291641</v>
      </c>
      <c r="MW40" s="345">
        <v>5556829</v>
      </c>
      <c r="MX40" s="345">
        <v>14869311</v>
      </c>
      <c r="MY40" s="345">
        <v>7841823</v>
      </c>
      <c r="MZ40" s="349">
        <v>28769619</v>
      </c>
      <c r="NA40" s="354">
        <v>28769619</v>
      </c>
      <c r="NB40" s="348">
        <v>0</v>
      </c>
      <c r="NC40" s="345">
        <v>0</v>
      </c>
      <c r="ND40" s="349">
        <v>0</v>
      </c>
      <c r="NE40" s="413">
        <v>0</v>
      </c>
      <c r="NF40" s="345">
        <v>3432348</v>
      </c>
      <c r="NG40" s="345">
        <v>10196352</v>
      </c>
      <c r="NH40" s="345">
        <v>7746664</v>
      </c>
      <c r="NI40" s="345">
        <v>4947461</v>
      </c>
      <c r="NJ40" s="345">
        <v>3615655</v>
      </c>
      <c r="NK40" s="349">
        <v>29938480</v>
      </c>
      <c r="NL40" s="347">
        <v>29938480</v>
      </c>
      <c r="NM40" s="348">
        <v>0</v>
      </c>
      <c r="NN40" s="345">
        <v>0</v>
      </c>
      <c r="NO40" s="349">
        <v>0</v>
      </c>
      <c r="NP40" s="413">
        <v>0</v>
      </c>
      <c r="NQ40" s="345">
        <v>0</v>
      </c>
      <c r="NR40" s="345">
        <v>0</v>
      </c>
      <c r="NS40" s="345">
        <v>0</v>
      </c>
      <c r="NT40" s="345">
        <v>0</v>
      </c>
      <c r="NU40" s="345">
        <v>0</v>
      </c>
      <c r="NV40" s="349">
        <v>0</v>
      </c>
      <c r="NW40" s="350">
        <v>0</v>
      </c>
      <c r="NX40" s="348">
        <v>0</v>
      </c>
      <c r="NY40" s="345">
        <v>0</v>
      </c>
      <c r="NZ40" s="349">
        <v>0</v>
      </c>
      <c r="OA40" s="413">
        <v>0</v>
      </c>
      <c r="OB40" s="345">
        <v>0</v>
      </c>
      <c r="OC40" s="345">
        <v>515142</v>
      </c>
      <c r="OD40" s="345">
        <v>640170</v>
      </c>
      <c r="OE40" s="345">
        <v>1258749</v>
      </c>
      <c r="OF40" s="345">
        <v>2335652</v>
      </c>
      <c r="OG40" s="349">
        <v>4749713</v>
      </c>
      <c r="OH40" s="350">
        <v>4749713</v>
      </c>
      <c r="OI40" s="348">
        <v>2696582</v>
      </c>
      <c r="OJ40" s="345">
        <v>5391874</v>
      </c>
      <c r="OK40" s="346">
        <v>8088456</v>
      </c>
      <c r="OL40" s="351">
        <v>0</v>
      </c>
      <c r="OM40" s="345">
        <v>43898863</v>
      </c>
      <c r="ON40" s="345">
        <v>40076207</v>
      </c>
      <c r="OO40" s="345">
        <v>42556739</v>
      </c>
      <c r="OP40" s="345">
        <v>50082720</v>
      </c>
      <c r="OQ40" s="345">
        <v>31572467</v>
      </c>
      <c r="OR40" s="349">
        <v>208186996</v>
      </c>
      <c r="OS40" s="354">
        <v>216275452</v>
      </c>
    </row>
    <row r="41" spans="2:409" s="70" customFormat="1" ht="21" customHeight="1" x14ac:dyDescent="0.2">
      <c r="B41" s="410" t="s">
        <v>36</v>
      </c>
      <c r="C41" s="326">
        <v>1175289</v>
      </c>
      <c r="D41" s="327">
        <v>3669497</v>
      </c>
      <c r="E41" s="328">
        <v>4844786</v>
      </c>
      <c r="F41" s="329">
        <v>0</v>
      </c>
      <c r="G41" s="327">
        <v>22876361</v>
      </c>
      <c r="H41" s="327">
        <v>30361281</v>
      </c>
      <c r="I41" s="327">
        <v>26691393</v>
      </c>
      <c r="J41" s="327">
        <v>17891706</v>
      </c>
      <c r="K41" s="327">
        <v>19050336</v>
      </c>
      <c r="L41" s="367">
        <v>116871077</v>
      </c>
      <c r="M41" s="330">
        <v>121715863</v>
      </c>
      <c r="N41" s="326">
        <v>259520</v>
      </c>
      <c r="O41" s="327">
        <v>1195880</v>
      </c>
      <c r="P41" s="328">
        <v>1455400</v>
      </c>
      <c r="Q41" s="326">
        <v>0</v>
      </c>
      <c r="R41" s="327">
        <v>6001156</v>
      </c>
      <c r="S41" s="327">
        <v>10029162</v>
      </c>
      <c r="T41" s="327">
        <v>9556573</v>
      </c>
      <c r="U41" s="327">
        <v>5485846</v>
      </c>
      <c r="V41" s="327">
        <v>10832429</v>
      </c>
      <c r="W41" s="328">
        <v>41905166</v>
      </c>
      <c r="X41" s="330">
        <v>43360566</v>
      </c>
      <c r="Y41" s="326">
        <v>0</v>
      </c>
      <c r="Z41" s="327">
        <v>0</v>
      </c>
      <c r="AA41" s="328">
        <v>0</v>
      </c>
      <c r="AB41" s="326">
        <v>0</v>
      </c>
      <c r="AC41" s="327">
        <v>2117585</v>
      </c>
      <c r="AD41" s="327">
        <v>5387924</v>
      </c>
      <c r="AE41" s="327">
        <v>5097553</v>
      </c>
      <c r="AF41" s="327">
        <v>2445839</v>
      </c>
      <c r="AG41" s="327">
        <v>6852234</v>
      </c>
      <c r="AH41" s="328">
        <v>21901135</v>
      </c>
      <c r="AI41" s="330">
        <v>21901135</v>
      </c>
      <c r="AJ41" s="326">
        <v>0</v>
      </c>
      <c r="AK41" s="327">
        <v>36736</v>
      </c>
      <c r="AL41" s="328">
        <v>36736</v>
      </c>
      <c r="AM41" s="326">
        <v>0</v>
      </c>
      <c r="AN41" s="327">
        <v>231885</v>
      </c>
      <c r="AO41" s="327">
        <v>222236</v>
      </c>
      <c r="AP41" s="327">
        <v>651913</v>
      </c>
      <c r="AQ41" s="327">
        <v>439091</v>
      </c>
      <c r="AR41" s="327">
        <v>742930</v>
      </c>
      <c r="AS41" s="328">
        <v>2288055</v>
      </c>
      <c r="AT41" s="330">
        <v>2324791</v>
      </c>
      <c r="AU41" s="326">
        <v>160135</v>
      </c>
      <c r="AV41" s="327">
        <v>746312</v>
      </c>
      <c r="AW41" s="328">
        <v>906447</v>
      </c>
      <c r="AX41" s="326">
        <v>0</v>
      </c>
      <c r="AY41" s="327">
        <v>2159903</v>
      </c>
      <c r="AZ41" s="327">
        <v>2281573</v>
      </c>
      <c r="BA41" s="327">
        <v>2314685</v>
      </c>
      <c r="BB41" s="327">
        <v>1597114</v>
      </c>
      <c r="BC41" s="327">
        <v>2255754</v>
      </c>
      <c r="BD41" s="328">
        <v>10609029</v>
      </c>
      <c r="BE41" s="330">
        <v>11515476</v>
      </c>
      <c r="BF41" s="326">
        <v>33496</v>
      </c>
      <c r="BG41" s="327">
        <v>334307</v>
      </c>
      <c r="BH41" s="331">
        <v>367803</v>
      </c>
      <c r="BI41" s="332">
        <v>0</v>
      </c>
      <c r="BJ41" s="327">
        <v>554340</v>
      </c>
      <c r="BK41" s="327">
        <v>562826</v>
      </c>
      <c r="BL41" s="327">
        <v>154051</v>
      </c>
      <c r="BM41" s="327">
        <v>216216</v>
      </c>
      <c r="BN41" s="327">
        <v>190401</v>
      </c>
      <c r="BO41" s="328">
        <v>1677834</v>
      </c>
      <c r="BP41" s="330">
        <v>2045637</v>
      </c>
      <c r="BQ41" s="326">
        <v>65889</v>
      </c>
      <c r="BR41" s="327">
        <v>78525</v>
      </c>
      <c r="BS41" s="328">
        <v>144414</v>
      </c>
      <c r="BT41" s="326">
        <v>0</v>
      </c>
      <c r="BU41" s="327">
        <v>937443</v>
      </c>
      <c r="BV41" s="327">
        <v>1574603</v>
      </c>
      <c r="BW41" s="327">
        <v>1338371</v>
      </c>
      <c r="BX41" s="327">
        <v>787586</v>
      </c>
      <c r="BY41" s="327">
        <v>791110</v>
      </c>
      <c r="BZ41" s="328">
        <v>5429113</v>
      </c>
      <c r="CA41" s="330">
        <v>5573527</v>
      </c>
      <c r="CB41" s="326">
        <v>165478</v>
      </c>
      <c r="CC41" s="327">
        <v>391928</v>
      </c>
      <c r="CD41" s="328">
        <v>557406</v>
      </c>
      <c r="CE41" s="326">
        <v>0</v>
      </c>
      <c r="CF41" s="327">
        <v>7095904</v>
      </c>
      <c r="CG41" s="327">
        <v>9237317</v>
      </c>
      <c r="CH41" s="327">
        <v>7042772</v>
      </c>
      <c r="CI41" s="327">
        <v>3832281</v>
      </c>
      <c r="CJ41" s="327">
        <v>2992276</v>
      </c>
      <c r="CK41" s="328">
        <v>30200550</v>
      </c>
      <c r="CL41" s="330">
        <v>30757956</v>
      </c>
      <c r="CM41" s="326">
        <v>0</v>
      </c>
      <c r="CN41" s="327">
        <v>0</v>
      </c>
      <c r="CO41" s="328">
        <v>0</v>
      </c>
      <c r="CP41" s="332">
        <v>0</v>
      </c>
      <c r="CQ41" s="327">
        <v>5155103</v>
      </c>
      <c r="CR41" s="327">
        <v>6484075</v>
      </c>
      <c r="CS41" s="327">
        <v>5363168</v>
      </c>
      <c r="CT41" s="327">
        <v>3118092</v>
      </c>
      <c r="CU41" s="327">
        <v>2746634</v>
      </c>
      <c r="CV41" s="328">
        <v>22867072</v>
      </c>
      <c r="CW41" s="330">
        <v>22867072</v>
      </c>
      <c r="CX41" s="326">
        <v>165478</v>
      </c>
      <c r="CY41" s="327">
        <v>391928</v>
      </c>
      <c r="CZ41" s="328">
        <v>557406</v>
      </c>
      <c r="DA41" s="326">
        <v>0</v>
      </c>
      <c r="DB41" s="327">
        <v>1940801</v>
      </c>
      <c r="DC41" s="327">
        <v>2753242</v>
      </c>
      <c r="DD41" s="327">
        <v>1679604</v>
      </c>
      <c r="DE41" s="327">
        <v>714189</v>
      </c>
      <c r="DF41" s="327">
        <v>245642</v>
      </c>
      <c r="DG41" s="328">
        <v>7333478</v>
      </c>
      <c r="DH41" s="330">
        <v>7890884</v>
      </c>
      <c r="DI41" s="326">
        <v>0</v>
      </c>
      <c r="DJ41" s="327">
        <v>75340</v>
      </c>
      <c r="DK41" s="331">
        <v>75340</v>
      </c>
      <c r="DL41" s="332">
        <v>0</v>
      </c>
      <c r="DM41" s="327">
        <v>603939</v>
      </c>
      <c r="DN41" s="327">
        <v>1505201</v>
      </c>
      <c r="DO41" s="327">
        <v>1793519</v>
      </c>
      <c r="DP41" s="327">
        <v>2506096</v>
      </c>
      <c r="DQ41" s="327">
        <v>1555717</v>
      </c>
      <c r="DR41" s="328">
        <v>7964472</v>
      </c>
      <c r="DS41" s="330">
        <v>8039812</v>
      </c>
      <c r="DT41" s="326">
        <v>0</v>
      </c>
      <c r="DU41" s="327">
        <v>75340</v>
      </c>
      <c r="DV41" s="328">
        <v>75340</v>
      </c>
      <c r="DW41" s="326">
        <v>0</v>
      </c>
      <c r="DX41" s="327">
        <v>535819</v>
      </c>
      <c r="DY41" s="327">
        <v>1422052</v>
      </c>
      <c r="DZ41" s="327">
        <v>1702196</v>
      </c>
      <c r="EA41" s="327">
        <v>2401999</v>
      </c>
      <c r="EB41" s="327">
        <v>1555717</v>
      </c>
      <c r="EC41" s="328">
        <v>7617783</v>
      </c>
      <c r="ED41" s="330">
        <v>7693123</v>
      </c>
      <c r="EE41" s="326">
        <v>0</v>
      </c>
      <c r="EF41" s="331">
        <v>0</v>
      </c>
      <c r="EG41" s="328">
        <v>0</v>
      </c>
      <c r="EH41" s="326">
        <v>0</v>
      </c>
      <c r="EI41" s="327">
        <v>68120</v>
      </c>
      <c r="EJ41" s="327">
        <v>83149</v>
      </c>
      <c r="EK41" s="327">
        <v>91323</v>
      </c>
      <c r="EL41" s="327">
        <v>104097</v>
      </c>
      <c r="EM41" s="327">
        <v>0</v>
      </c>
      <c r="EN41" s="331">
        <v>346689</v>
      </c>
      <c r="EO41" s="330">
        <v>346689</v>
      </c>
      <c r="EP41" s="326">
        <v>0</v>
      </c>
      <c r="EQ41" s="327">
        <v>0</v>
      </c>
      <c r="ER41" s="331">
        <v>0</v>
      </c>
      <c r="ES41" s="332">
        <v>0</v>
      </c>
      <c r="ET41" s="327">
        <v>0</v>
      </c>
      <c r="EU41" s="327">
        <v>0</v>
      </c>
      <c r="EV41" s="327">
        <v>0</v>
      </c>
      <c r="EW41" s="327">
        <v>0</v>
      </c>
      <c r="EX41" s="327">
        <v>0</v>
      </c>
      <c r="EY41" s="328">
        <v>0</v>
      </c>
      <c r="EZ41" s="330">
        <v>0</v>
      </c>
      <c r="FA41" s="326">
        <v>0</v>
      </c>
      <c r="FB41" s="327">
        <v>0</v>
      </c>
      <c r="FC41" s="331">
        <v>0</v>
      </c>
      <c r="FD41" s="332">
        <v>0</v>
      </c>
      <c r="FE41" s="327">
        <v>0</v>
      </c>
      <c r="FF41" s="327">
        <v>0</v>
      </c>
      <c r="FG41" s="327">
        <v>0</v>
      </c>
      <c r="FH41" s="327">
        <v>0</v>
      </c>
      <c r="FI41" s="327">
        <v>0</v>
      </c>
      <c r="FJ41" s="328">
        <v>0</v>
      </c>
      <c r="FK41" s="330">
        <v>0</v>
      </c>
      <c r="FL41" s="326">
        <v>296203</v>
      </c>
      <c r="FM41" s="327">
        <v>1096859</v>
      </c>
      <c r="FN41" s="328">
        <v>1393062</v>
      </c>
      <c r="FO41" s="326">
        <v>0</v>
      </c>
      <c r="FP41" s="327">
        <v>2034078</v>
      </c>
      <c r="FQ41" s="327">
        <v>2992007</v>
      </c>
      <c r="FR41" s="327">
        <v>2465111</v>
      </c>
      <c r="FS41" s="327">
        <v>1510719</v>
      </c>
      <c r="FT41" s="327">
        <v>1375060</v>
      </c>
      <c r="FU41" s="328">
        <v>10376975</v>
      </c>
      <c r="FV41" s="330">
        <v>11770037</v>
      </c>
      <c r="FW41" s="333">
        <v>296203</v>
      </c>
      <c r="FX41" s="327">
        <v>825689</v>
      </c>
      <c r="FY41" s="331">
        <v>1121892</v>
      </c>
      <c r="FZ41" s="332">
        <v>0</v>
      </c>
      <c r="GA41" s="327">
        <v>1722408</v>
      </c>
      <c r="GB41" s="327">
        <v>2871446</v>
      </c>
      <c r="GC41" s="327">
        <v>2444519</v>
      </c>
      <c r="GD41" s="327">
        <v>1489299</v>
      </c>
      <c r="GE41" s="327">
        <v>1375060</v>
      </c>
      <c r="GF41" s="328">
        <v>9902732</v>
      </c>
      <c r="GG41" s="334">
        <v>11024624</v>
      </c>
      <c r="GH41" s="333">
        <v>0</v>
      </c>
      <c r="GI41" s="327">
        <v>35640</v>
      </c>
      <c r="GJ41" s="331">
        <v>35640</v>
      </c>
      <c r="GK41" s="332">
        <v>0</v>
      </c>
      <c r="GL41" s="327">
        <v>59850</v>
      </c>
      <c r="GM41" s="327">
        <v>120561</v>
      </c>
      <c r="GN41" s="327">
        <v>20592</v>
      </c>
      <c r="GO41" s="327">
        <v>21420</v>
      </c>
      <c r="GP41" s="327">
        <v>0</v>
      </c>
      <c r="GQ41" s="328">
        <v>222423</v>
      </c>
      <c r="GR41" s="330">
        <v>258063</v>
      </c>
      <c r="GS41" s="326">
        <v>0</v>
      </c>
      <c r="GT41" s="327">
        <v>235530</v>
      </c>
      <c r="GU41" s="328">
        <v>235530</v>
      </c>
      <c r="GV41" s="326">
        <v>0</v>
      </c>
      <c r="GW41" s="327">
        <v>251820</v>
      </c>
      <c r="GX41" s="327">
        <v>0</v>
      </c>
      <c r="GY41" s="327">
        <v>0</v>
      </c>
      <c r="GZ41" s="327">
        <v>0</v>
      </c>
      <c r="HA41" s="327">
        <v>0</v>
      </c>
      <c r="HB41" s="331">
        <v>251820</v>
      </c>
      <c r="HC41" s="330">
        <v>487350</v>
      </c>
      <c r="HD41" s="326">
        <v>201588</v>
      </c>
      <c r="HE41" s="327">
        <v>220575</v>
      </c>
      <c r="HF41" s="331">
        <v>422163</v>
      </c>
      <c r="HG41" s="332">
        <v>0</v>
      </c>
      <c r="HH41" s="327">
        <v>3242944</v>
      </c>
      <c r="HI41" s="327">
        <v>2997046</v>
      </c>
      <c r="HJ41" s="327">
        <v>2888494</v>
      </c>
      <c r="HK41" s="327">
        <v>3038594</v>
      </c>
      <c r="HL41" s="327">
        <v>979175</v>
      </c>
      <c r="HM41" s="328">
        <v>13146253</v>
      </c>
      <c r="HN41" s="329">
        <v>13568416</v>
      </c>
      <c r="HO41" s="333">
        <v>252500</v>
      </c>
      <c r="HP41" s="327">
        <v>688915</v>
      </c>
      <c r="HQ41" s="328">
        <v>941415</v>
      </c>
      <c r="HR41" s="326">
        <v>0</v>
      </c>
      <c r="HS41" s="327">
        <v>3898340</v>
      </c>
      <c r="HT41" s="327">
        <v>3600548</v>
      </c>
      <c r="HU41" s="327">
        <v>2944924</v>
      </c>
      <c r="HV41" s="327">
        <v>1518170</v>
      </c>
      <c r="HW41" s="327">
        <v>1315679</v>
      </c>
      <c r="HX41" s="331">
        <v>13277661</v>
      </c>
      <c r="HY41" s="330">
        <v>14219076</v>
      </c>
      <c r="HZ41" s="335">
        <v>39821</v>
      </c>
      <c r="IA41" s="336">
        <v>0</v>
      </c>
      <c r="IB41" s="337">
        <v>39821</v>
      </c>
      <c r="IC41" s="338">
        <v>0</v>
      </c>
      <c r="ID41" s="336">
        <v>6510611</v>
      </c>
      <c r="IE41" s="339">
        <v>9156648</v>
      </c>
      <c r="IF41" s="337">
        <v>12823405</v>
      </c>
      <c r="IG41" s="336">
        <v>5371762</v>
      </c>
      <c r="IH41" s="337">
        <v>4959134</v>
      </c>
      <c r="II41" s="340">
        <v>38821560</v>
      </c>
      <c r="IJ41" s="341">
        <v>38861381</v>
      </c>
      <c r="IK41" s="342">
        <v>0</v>
      </c>
      <c r="IL41" s="343">
        <v>0</v>
      </c>
      <c r="IM41" s="344">
        <v>0</v>
      </c>
      <c r="IN41" s="404">
        <v>0</v>
      </c>
      <c r="IO41" s="345">
        <v>0</v>
      </c>
      <c r="IP41" s="345">
        <v>0</v>
      </c>
      <c r="IQ41" s="345">
        <v>179397</v>
      </c>
      <c r="IR41" s="345">
        <v>0</v>
      </c>
      <c r="IS41" s="345">
        <v>0</v>
      </c>
      <c r="IT41" s="346">
        <v>179397</v>
      </c>
      <c r="IU41" s="347">
        <v>179397</v>
      </c>
      <c r="IV41" s="348">
        <v>0</v>
      </c>
      <c r="IW41" s="345">
        <v>0</v>
      </c>
      <c r="IX41" s="349">
        <v>0</v>
      </c>
      <c r="IY41" s="413">
        <v>0</v>
      </c>
      <c r="IZ41" s="345">
        <v>0</v>
      </c>
      <c r="JA41" s="345">
        <v>0</v>
      </c>
      <c r="JB41" s="345">
        <v>0</v>
      </c>
      <c r="JC41" s="345">
        <v>0</v>
      </c>
      <c r="JD41" s="345">
        <v>0</v>
      </c>
      <c r="JE41" s="349">
        <v>0</v>
      </c>
      <c r="JF41" s="350">
        <v>0</v>
      </c>
      <c r="JG41" s="348">
        <v>0</v>
      </c>
      <c r="JH41" s="345">
        <v>0</v>
      </c>
      <c r="JI41" s="346">
        <v>0</v>
      </c>
      <c r="JJ41" s="351">
        <v>0</v>
      </c>
      <c r="JK41" s="345">
        <v>2552803</v>
      </c>
      <c r="JL41" s="345">
        <v>2618717</v>
      </c>
      <c r="JM41" s="345">
        <v>5135828</v>
      </c>
      <c r="JN41" s="345">
        <v>2559535</v>
      </c>
      <c r="JO41" s="345">
        <v>3510297</v>
      </c>
      <c r="JP41" s="349">
        <v>16377180</v>
      </c>
      <c r="JQ41" s="347">
        <v>16377180</v>
      </c>
      <c r="JR41" s="348">
        <v>0</v>
      </c>
      <c r="JS41" s="345">
        <v>0</v>
      </c>
      <c r="JT41" s="346">
        <v>0</v>
      </c>
      <c r="JU41" s="351">
        <v>0</v>
      </c>
      <c r="JV41" s="345">
        <v>0</v>
      </c>
      <c r="JW41" s="345">
        <v>0</v>
      </c>
      <c r="JX41" s="345">
        <v>0</v>
      </c>
      <c r="JY41" s="345">
        <v>0</v>
      </c>
      <c r="JZ41" s="345">
        <v>0</v>
      </c>
      <c r="KA41" s="349">
        <v>0</v>
      </c>
      <c r="KB41" s="347">
        <v>0</v>
      </c>
      <c r="KC41" s="352">
        <v>39821</v>
      </c>
      <c r="KD41" s="353">
        <v>0</v>
      </c>
      <c r="KE41" s="349">
        <v>39821</v>
      </c>
      <c r="KF41" s="351">
        <v>0</v>
      </c>
      <c r="KG41" s="345">
        <v>2049088</v>
      </c>
      <c r="KH41" s="345">
        <v>1974941</v>
      </c>
      <c r="KI41" s="345">
        <v>2288261</v>
      </c>
      <c r="KJ41" s="345">
        <v>703776</v>
      </c>
      <c r="KK41" s="345">
        <v>628121</v>
      </c>
      <c r="KL41" s="349">
        <v>7644187</v>
      </c>
      <c r="KM41" s="354">
        <v>7684008</v>
      </c>
      <c r="KN41" s="342">
        <v>0</v>
      </c>
      <c r="KO41" s="343">
        <v>0</v>
      </c>
      <c r="KP41" s="344">
        <v>0</v>
      </c>
      <c r="KQ41" s="413">
        <v>0</v>
      </c>
      <c r="KR41" s="345">
        <v>1908720</v>
      </c>
      <c r="KS41" s="345">
        <v>4562990</v>
      </c>
      <c r="KT41" s="345">
        <v>5219919</v>
      </c>
      <c r="KU41" s="345">
        <v>2108451</v>
      </c>
      <c r="KV41" s="345">
        <v>820716</v>
      </c>
      <c r="KW41" s="349">
        <v>14620796</v>
      </c>
      <c r="KX41" s="347">
        <v>14620796</v>
      </c>
      <c r="KY41" s="348">
        <v>0</v>
      </c>
      <c r="KZ41" s="345">
        <v>0</v>
      </c>
      <c r="LA41" s="349">
        <v>0</v>
      </c>
      <c r="LB41" s="413">
        <v>0</v>
      </c>
      <c r="LC41" s="345">
        <v>0</v>
      </c>
      <c r="LD41" s="345">
        <v>0</v>
      </c>
      <c r="LE41" s="345">
        <v>0</v>
      </c>
      <c r="LF41" s="345">
        <v>0</v>
      </c>
      <c r="LG41" s="345">
        <v>0</v>
      </c>
      <c r="LH41" s="349">
        <v>0</v>
      </c>
      <c r="LI41" s="350">
        <v>0</v>
      </c>
      <c r="LJ41" s="348">
        <v>0</v>
      </c>
      <c r="LK41" s="345">
        <v>0</v>
      </c>
      <c r="LL41" s="349">
        <v>0</v>
      </c>
      <c r="LM41" s="413">
        <v>0</v>
      </c>
      <c r="LN41" s="345">
        <v>0</v>
      </c>
      <c r="LO41" s="345">
        <v>0</v>
      </c>
      <c r="LP41" s="345">
        <v>0</v>
      </c>
      <c r="LQ41" s="345">
        <v>0</v>
      </c>
      <c r="LR41" s="345">
        <v>0</v>
      </c>
      <c r="LS41" s="349">
        <v>0</v>
      </c>
      <c r="LT41" s="347">
        <v>0</v>
      </c>
      <c r="LU41" s="348">
        <v>0</v>
      </c>
      <c r="LV41" s="345">
        <v>0</v>
      </c>
      <c r="LW41" s="349">
        <v>0</v>
      </c>
      <c r="LX41" s="413">
        <v>0</v>
      </c>
      <c r="LY41" s="345">
        <v>0</v>
      </c>
      <c r="LZ41" s="345">
        <v>0</v>
      </c>
      <c r="MA41" s="345">
        <v>0</v>
      </c>
      <c r="MB41" s="345">
        <v>0</v>
      </c>
      <c r="MC41" s="345">
        <v>0</v>
      </c>
      <c r="MD41" s="349">
        <v>0</v>
      </c>
      <c r="ME41" s="350">
        <v>0</v>
      </c>
      <c r="MF41" s="348">
        <v>0</v>
      </c>
      <c r="MG41" s="345">
        <v>0</v>
      </c>
      <c r="MH41" s="349">
        <v>0</v>
      </c>
      <c r="MI41" s="413">
        <v>0</v>
      </c>
      <c r="MJ41" s="345">
        <v>2783200</v>
      </c>
      <c r="MK41" s="345">
        <v>8192888</v>
      </c>
      <c r="ML41" s="345">
        <v>31621477</v>
      </c>
      <c r="MM41" s="345">
        <v>39843360</v>
      </c>
      <c r="MN41" s="345">
        <v>25189150</v>
      </c>
      <c r="MO41" s="349">
        <v>107630075</v>
      </c>
      <c r="MP41" s="354">
        <v>107630075</v>
      </c>
      <c r="MQ41" s="348">
        <v>0</v>
      </c>
      <c r="MR41" s="345">
        <v>0</v>
      </c>
      <c r="MS41" s="349">
        <v>0</v>
      </c>
      <c r="MT41" s="413">
        <v>0</v>
      </c>
      <c r="MU41" s="345">
        <v>0</v>
      </c>
      <c r="MV41" s="345">
        <v>1242563</v>
      </c>
      <c r="MW41" s="345">
        <v>19916581</v>
      </c>
      <c r="MX41" s="345">
        <v>23298073</v>
      </c>
      <c r="MY41" s="345">
        <v>17173903</v>
      </c>
      <c r="MZ41" s="349">
        <v>61631120</v>
      </c>
      <c r="NA41" s="354">
        <v>61631120</v>
      </c>
      <c r="NB41" s="348">
        <v>0</v>
      </c>
      <c r="NC41" s="345">
        <v>0</v>
      </c>
      <c r="ND41" s="349">
        <v>0</v>
      </c>
      <c r="NE41" s="413">
        <v>0</v>
      </c>
      <c r="NF41" s="345">
        <v>2783200</v>
      </c>
      <c r="NG41" s="345">
        <v>6950325</v>
      </c>
      <c r="NH41" s="345">
        <v>11704896</v>
      </c>
      <c r="NI41" s="345">
        <v>14561650</v>
      </c>
      <c r="NJ41" s="345">
        <v>5866690</v>
      </c>
      <c r="NK41" s="349">
        <v>41866761</v>
      </c>
      <c r="NL41" s="347">
        <v>41866761</v>
      </c>
      <c r="NM41" s="348">
        <v>0</v>
      </c>
      <c r="NN41" s="345">
        <v>0</v>
      </c>
      <c r="NO41" s="349">
        <v>0</v>
      </c>
      <c r="NP41" s="413">
        <v>0</v>
      </c>
      <c r="NQ41" s="345">
        <v>0</v>
      </c>
      <c r="NR41" s="345">
        <v>0</v>
      </c>
      <c r="NS41" s="345">
        <v>0</v>
      </c>
      <c r="NT41" s="345">
        <v>0</v>
      </c>
      <c r="NU41" s="345">
        <v>0</v>
      </c>
      <c r="NV41" s="349">
        <v>0</v>
      </c>
      <c r="NW41" s="350">
        <v>0</v>
      </c>
      <c r="NX41" s="348">
        <v>0</v>
      </c>
      <c r="NY41" s="345">
        <v>0</v>
      </c>
      <c r="NZ41" s="349">
        <v>0</v>
      </c>
      <c r="OA41" s="413">
        <v>0</v>
      </c>
      <c r="OB41" s="345">
        <v>0</v>
      </c>
      <c r="OC41" s="345">
        <v>0</v>
      </c>
      <c r="OD41" s="345">
        <v>0</v>
      </c>
      <c r="OE41" s="345">
        <v>1983637</v>
      </c>
      <c r="OF41" s="345">
        <v>2148557</v>
      </c>
      <c r="OG41" s="349">
        <v>4132194</v>
      </c>
      <c r="OH41" s="350">
        <v>4132194</v>
      </c>
      <c r="OI41" s="348">
        <v>1215110</v>
      </c>
      <c r="OJ41" s="345">
        <v>3669497</v>
      </c>
      <c r="OK41" s="346">
        <v>4884607</v>
      </c>
      <c r="OL41" s="351">
        <v>0</v>
      </c>
      <c r="OM41" s="345">
        <v>32170172</v>
      </c>
      <c r="ON41" s="345">
        <v>47710817</v>
      </c>
      <c r="OO41" s="345">
        <v>71136275</v>
      </c>
      <c r="OP41" s="345">
        <v>63106828</v>
      </c>
      <c r="OQ41" s="345">
        <v>49198620</v>
      </c>
      <c r="OR41" s="349">
        <v>263322712</v>
      </c>
      <c r="OS41" s="354">
        <v>268207319</v>
      </c>
    </row>
    <row r="42" spans="2:409" s="70" customFormat="1" ht="21" customHeight="1" thickBot="1" x14ac:dyDescent="0.25">
      <c r="B42" s="411" t="s">
        <v>37</v>
      </c>
      <c r="C42" s="371">
        <v>200253</v>
      </c>
      <c r="D42" s="372">
        <v>132134</v>
      </c>
      <c r="E42" s="373">
        <v>332387</v>
      </c>
      <c r="F42" s="374">
        <v>0</v>
      </c>
      <c r="G42" s="372">
        <v>1344010</v>
      </c>
      <c r="H42" s="372">
        <v>2469643</v>
      </c>
      <c r="I42" s="372">
        <v>2168911</v>
      </c>
      <c r="J42" s="372">
        <v>1870279</v>
      </c>
      <c r="K42" s="372">
        <v>1165820</v>
      </c>
      <c r="L42" s="374">
        <v>9018663</v>
      </c>
      <c r="M42" s="375">
        <v>9351050</v>
      </c>
      <c r="N42" s="371">
        <v>77947</v>
      </c>
      <c r="O42" s="372">
        <v>23149</v>
      </c>
      <c r="P42" s="373">
        <v>101096</v>
      </c>
      <c r="Q42" s="371">
        <v>0</v>
      </c>
      <c r="R42" s="372">
        <v>376519</v>
      </c>
      <c r="S42" s="372">
        <v>464845</v>
      </c>
      <c r="T42" s="372">
        <v>577919</v>
      </c>
      <c r="U42" s="372">
        <v>280989</v>
      </c>
      <c r="V42" s="372">
        <v>451974</v>
      </c>
      <c r="W42" s="373">
        <v>2152246</v>
      </c>
      <c r="X42" s="375">
        <v>2253342</v>
      </c>
      <c r="Y42" s="371">
        <v>0</v>
      </c>
      <c r="Z42" s="372">
        <v>0</v>
      </c>
      <c r="AA42" s="373">
        <v>0</v>
      </c>
      <c r="AB42" s="371">
        <v>0</v>
      </c>
      <c r="AC42" s="372">
        <v>128482</v>
      </c>
      <c r="AD42" s="372">
        <v>176224</v>
      </c>
      <c r="AE42" s="372">
        <v>349451</v>
      </c>
      <c r="AF42" s="372">
        <v>13275</v>
      </c>
      <c r="AG42" s="372">
        <v>150822</v>
      </c>
      <c r="AH42" s="373">
        <v>818254</v>
      </c>
      <c r="AI42" s="375">
        <v>818254</v>
      </c>
      <c r="AJ42" s="371">
        <v>0</v>
      </c>
      <c r="AK42" s="372">
        <v>0</v>
      </c>
      <c r="AL42" s="373">
        <v>0</v>
      </c>
      <c r="AM42" s="371">
        <v>0</v>
      </c>
      <c r="AN42" s="372">
        <v>0</v>
      </c>
      <c r="AO42" s="372">
        <v>0</v>
      </c>
      <c r="AP42" s="372">
        <v>0</v>
      </c>
      <c r="AQ42" s="372">
        <v>0</v>
      </c>
      <c r="AR42" s="372">
        <v>68868</v>
      </c>
      <c r="AS42" s="373">
        <v>68868</v>
      </c>
      <c r="AT42" s="375">
        <v>68868</v>
      </c>
      <c r="AU42" s="371">
        <v>68137</v>
      </c>
      <c r="AV42" s="372">
        <v>23149</v>
      </c>
      <c r="AW42" s="373">
        <v>91286</v>
      </c>
      <c r="AX42" s="371">
        <v>0</v>
      </c>
      <c r="AY42" s="372">
        <v>147203</v>
      </c>
      <c r="AZ42" s="372">
        <v>235599</v>
      </c>
      <c r="BA42" s="372">
        <v>157584</v>
      </c>
      <c r="BB42" s="372">
        <v>110835</v>
      </c>
      <c r="BC42" s="372">
        <v>127085</v>
      </c>
      <c r="BD42" s="373">
        <v>778306</v>
      </c>
      <c r="BE42" s="375">
        <v>869592</v>
      </c>
      <c r="BF42" s="371">
        <v>0</v>
      </c>
      <c r="BG42" s="372">
        <v>0</v>
      </c>
      <c r="BH42" s="376">
        <v>0</v>
      </c>
      <c r="BI42" s="377">
        <v>0</v>
      </c>
      <c r="BJ42" s="372">
        <v>27223</v>
      </c>
      <c r="BK42" s="372">
        <v>24483</v>
      </c>
      <c r="BL42" s="372">
        <v>0</v>
      </c>
      <c r="BM42" s="372">
        <v>0</v>
      </c>
      <c r="BN42" s="372">
        <v>27223</v>
      </c>
      <c r="BO42" s="373">
        <v>78929</v>
      </c>
      <c r="BP42" s="375">
        <v>78929</v>
      </c>
      <c r="BQ42" s="371">
        <v>9810</v>
      </c>
      <c r="BR42" s="372">
        <v>0</v>
      </c>
      <c r="BS42" s="373">
        <v>9810</v>
      </c>
      <c r="BT42" s="371">
        <v>0</v>
      </c>
      <c r="BU42" s="372">
        <v>73611</v>
      </c>
      <c r="BV42" s="372">
        <v>28539</v>
      </c>
      <c r="BW42" s="372">
        <v>70884</v>
      </c>
      <c r="BX42" s="372">
        <v>156879</v>
      </c>
      <c r="BY42" s="372">
        <v>77976</v>
      </c>
      <c r="BZ42" s="373">
        <v>407889</v>
      </c>
      <c r="CA42" s="375">
        <v>417699</v>
      </c>
      <c r="CB42" s="371">
        <v>24620</v>
      </c>
      <c r="CC42" s="372">
        <v>47038</v>
      </c>
      <c r="CD42" s="373">
        <v>71658</v>
      </c>
      <c r="CE42" s="371">
        <v>0</v>
      </c>
      <c r="CF42" s="372">
        <v>511422</v>
      </c>
      <c r="CG42" s="372">
        <v>881110</v>
      </c>
      <c r="CH42" s="372">
        <v>476058</v>
      </c>
      <c r="CI42" s="372">
        <v>1020460</v>
      </c>
      <c r="CJ42" s="372">
        <v>238493</v>
      </c>
      <c r="CK42" s="373">
        <v>3127543</v>
      </c>
      <c r="CL42" s="375">
        <v>3199201</v>
      </c>
      <c r="CM42" s="371">
        <v>0</v>
      </c>
      <c r="CN42" s="372">
        <v>0</v>
      </c>
      <c r="CO42" s="373">
        <v>0</v>
      </c>
      <c r="CP42" s="377">
        <v>0</v>
      </c>
      <c r="CQ42" s="372">
        <v>248128</v>
      </c>
      <c r="CR42" s="372">
        <v>350172</v>
      </c>
      <c r="CS42" s="372">
        <v>395685</v>
      </c>
      <c r="CT42" s="372">
        <v>339976</v>
      </c>
      <c r="CU42" s="372">
        <v>113440</v>
      </c>
      <c r="CV42" s="373">
        <v>1447401</v>
      </c>
      <c r="CW42" s="375">
        <v>1447401</v>
      </c>
      <c r="CX42" s="371">
        <v>24620</v>
      </c>
      <c r="CY42" s="372">
        <v>47038</v>
      </c>
      <c r="CZ42" s="373">
        <v>71658</v>
      </c>
      <c r="DA42" s="371">
        <v>0</v>
      </c>
      <c r="DB42" s="372">
        <v>263294</v>
      </c>
      <c r="DC42" s="372">
        <v>530938</v>
      </c>
      <c r="DD42" s="372">
        <v>80373</v>
      </c>
      <c r="DE42" s="372">
        <v>680484</v>
      </c>
      <c r="DF42" s="372">
        <v>125053</v>
      </c>
      <c r="DG42" s="373">
        <v>1680142</v>
      </c>
      <c r="DH42" s="375">
        <v>1751800</v>
      </c>
      <c r="DI42" s="371">
        <v>0</v>
      </c>
      <c r="DJ42" s="372">
        <v>0</v>
      </c>
      <c r="DK42" s="376">
        <v>0</v>
      </c>
      <c r="DL42" s="377">
        <v>0</v>
      </c>
      <c r="DM42" s="372">
        <v>0</v>
      </c>
      <c r="DN42" s="372">
        <v>218214</v>
      </c>
      <c r="DO42" s="372">
        <v>619076</v>
      </c>
      <c r="DP42" s="372">
        <v>0</v>
      </c>
      <c r="DQ42" s="372">
        <v>280566</v>
      </c>
      <c r="DR42" s="373">
        <v>1117856</v>
      </c>
      <c r="DS42" s="375">
        <v>1117856</v>
      </c>
      <c r="DT42" s="371">
        <v>0</v>
      </c>
      <c r="DU42" s="372">
        <v>0</v>
      </c>
      <c r="DV42" s="373">
        <v>0</v>
      </c>
      <c r="DW42" s="371">
        <v>0</v>
      </c>
      <c r="DX42" s="372">
        <v>0</v>
      </c>
      <c r="DY42" s="372">
        <v>218214</v>
      </c>
      <c r="DZ42" s="372">
        <v>619076</v>
      </c>
      <c r="EA42" s="372">
        <v>0</v>
      </c>
      <c r="EB42" s="372">
        <v>280566</v>
      </c>
      <c r="EC42" s="373">
        <v>1117856</v>
      </c>
      <c r="ED42" s="375">
        <v>1117856</v>
      </c>
      <c r="EE42" s="371">
        <v>0</v>
      </c>
      <c r="EF42" s="376">
        <v>0</v>
      </c>
      <c r="EG42" s="373">
        <v>0</v>
      </c>
      <c r="EH42" s="371">
        <v>0</v>
      </c>
      <c r="EI42" s="372">
        <v>0</v>
      </c>
      <c r="EJ42" s="372">
        <v>0</v>
      </c>
      <c r="EK42" s="372">
        <v>0</v>
      </c>
      <c r="EL42" s="372">
        <v>0</v>
      </c>
      <c r="EM42" s="372">
        <v>0</v>
      </c>
      <c r="EN42" s="376">
        <v>0</v>
      </c>
      <c r="EO42" s="375">
        <v>0</v>
      </c>
      <c r="EP42" s="371">
        <v>0</v>
      </c>
      <c r="EQ42" s="372">
        <v>0</v>
      </c>
      <c r="ER42" s="376">
        <v>0</v>
      </c>
      <c r="ES42" s="377">
        <v>0</v>
      </c>
      <c r="ET42" s="372">
        <v>0</v>
      </c>
      <c r="EU42" s="372">
        <v>0</v>
      </c>
      <c r="EV42" s="372">
        <v>0</v>
      </c>
      <c r="EW42" s="372">
        <v>0</v>
      </c>
      <c r="EX42" s="372">
        <v>0</v>
      </c>
      <c r="EY42" s="373">
        <v>0</v>
      </c>
      <c r="EZ42" s="375">
        <v>0</v>
      </c>
      <c r="FA42" s="371">
        <v>0</v>
      </c>
      <c r="FB42" s="372">
        <v>0</v>
      </c>
      <c r="FC42" s="376">
        <v>0</v>
      </c>
      <c r="FD42" s="377">
        <v>0</v>
      </c>
      <c r="FE42" s="372">
        <v>0</v>
      </c>
      <c r="FF42" s="372">
        <v>0</v>
      </c>
      <c r="FG42" s="372">
        <v>0</v>
      </c>
      <c r="FH42" s="372">
        <v>0</v>
      </c>
      <c r="FI42" s="372">
        <v>0</v>
      </c>
      <c r="FJ42" s="373">
        <v>0</v>
      </c>
      <c r="FK42" s="375">
        <v>0</v>
      </c>
      <c r="FL42" s="371">
        <v>42930</v>
      </c>
      <c r="FM42" s="372">
        <v>39132</v>
      </c>
      <c r="FN42" s="373">
        <v>82062</v>
      </c>
      <c r="FO42" s="371">
        <v>0</v>
      </c>
      <c r="FP42" s="372">
        <v>119604</v>
      </c>
      <c r="FQ42" s="372">
        <v>420859</v>
      </c>
      <c r="FR42" s="372">
        <v>176526</v>
      </c>
      <c r="FS42" s="372">
        <v>407940</v>
      </c>
      <c r="FT42" s="372">
        <v>89550</v>
      </c>
      <c r="FU42" s="373">
        <v>1214479</v>
      </c>
      <c r="FV42" s="375">
        <v>1296541</v>
      </c>
      <c r="FW42" s="378">
        <v>42930</v>
      </c>
      <c r="FX42" s="372">
        <v>39132</v>
      </c>
      <c r="FY42" s="376">
        <v>82062</v>
      </c>
      <c r="FZ42" s="377">
        <v>0</v>
      </c>
      <c r="GA42" s="372">
        <v>119604</v>
      </c>
      <c r="GB42" s="372">
        <v>420859</v>
      </c>
      <c r="GC42" s="372">
        <v>176526</v>
      </c>
      <c r="GD42" s="372">
        <v>188100</v>
      </c>
      <c r="GE42" s="372">
        <v>89550</v>
      </c>
      <c r="GF42" s="373">
        <v>994639</v>
      </c>
      <c r="GG42" s="379">
        <v>1076701</v>
      </c>
      <c r="GH42" s="378">
        <v>0</v>
      </c>
      <c r="GI42" s="372">
        <v>0</v>
      </c>
      <c r="GJ42" s="376">
        <v>0</v>
      </c>
      <c r="GK42" s="377">
        <v>0</v>
      </c>
      <c r="GL42" s="372">
        <v>0</v>
      </c>
      <c r="GM42" s="372">
        <v>0</v>
      </c>
      <c r="GN42" s="372">
        <v>0</v>
      </c>
      <c r="GO42" s="372">
        <v>59840</v>
      </c>
      <c r="GP42" s="372">
        <v>0</v>
      </c>
      <c r="GQ42" s="373">
        <v>59840</v>
      </c>
      <c r="GR42" s="375">
        <v>59840</v>
      </c>
      <c r="GS42" s="371">
        <v>0</v>
      </c>
      <c r="GT42" s="372">
        <v>0</v>
      </c>
      <c r="GU42" s="373">
        <v>0</v>
      </c>
      <c r="GV42" s="371">
        <v>0</v>
      </c>
      <c r="GW42" s="372">
        <v>0</v>
      </c>
      <c r="GX42" s="372">
        <v>0</v>
      </c>
      <c r="GY42" s="372">
        <v>0</v>
      </c>
      <c r="GZ42" s="372">
        <v>160000</v>
      </c>
      <c r="HA42" s="372">
        <v>0</v>
      </c>
      <c r="HB42" s="376">
        <v>160000</v>
      </c>
      <c r="HC42" s="375">
        <v>160000</v>
      </c>
      <c r="HD42" s="371">
        <v>0</v>
      </c>
      <c r="HE42" s="372">
        <v>0</v>
      </c>
      <c r="HF42" s="376">
        <v>0</v>
      </c>
      <c r="HG42" s="377">
        <v>0</v>
      </c>
      <c r="HH42" s="372">
        <v>0</v>
      </c>
      <c r="HI42" s="372">
        <v>0</v>
      </c>
      <c r="HJ42" s="372">
        <v>0</v>
      </c>
      <c r="HK42" s="372">
        <v>0</v>
      </c>
      <c r="HL42" s="372">
        <v>0</v>
      </c>
      <c r="HM42" s="373">
        <v>0</v>
      </c>
      <c r="HN42" s="374">
        <v>0</v>
      </c>
      <c r="HO42" s="378">
        <v>54756</v>
      </c>
      <c r="HP42" s="372">
        <v>22815</v>
      </c>
      <c r="HQ42" s="373">
        <v>77571</v>
      </c>
      <c r="HR42" s="371">
        <v>0</v>
      </c>
      <c r="HS42" s="372">
        <v>336465</v>
      </c>
      <c r="HT42" s="372">
        <v>484615</v>
      </c>
      <c r="HU42" s="372">
        <v>319332</v>
      </c>
      <c r="HV42" s="372">
        <v>160890</v>
      </c>
      <c r="HW42" s="372">
        <v>105237</v>
      </c>
      <c r="HX42" s="376">
        <v>1406539</v>
      </c>
      <c r="HY42" s="375">
        <v>1484110</v>
      </c>
      <c r="HZ42" s="380">
        <v>0</v>
      </c>
      <c r="IA42" s="381">
        <v>0</v>
      </c>
      <c r="IB42" s="382">
        <v>0</v>
      </c>
      <c r="IC42" s="383">
        <v>0</v>
      </c>
      <c r="ID42" s="384">
        <v>1653885</v>
      </c>
      <c r="IE42" s="385">
        <v>1184972</v>
      </c>
      <c r="IF42" s="386">
        <v>1130794</v>
      </c>
      <c r="IG42" s="384">
        <v>2208836</v>
      </c>
      <c r="IH42" s="386">
        <v>509316</v>
      </c>
      <c r="II42" s="387">
        <v>6687803</v>
      </c>
      <c r="IJ42" s="388">
        <v>6687803</v>
      </c>
      <c r="IK42" s="389">
        <v>0</v>
      </c>
      <c r="IL42" s="390">
        <v>0</v>
      </c>
      <c r="IM42" s="391">
        <v>0</v>
      </c>
      <c r="IN42" s="405">
        <v>0</v>
      </c>
      <c r="IO42" s="392">
        <v>0</v>
      </c>
      <c r="IP42" s="392">
        <v>0</v>
      </c>
      <c r="IQ42" s="392">
        <v>0</v>
      </c>
      <c r="IR42" s="392">
        <v>218687</v>
      </c>
      <c r="IS42" s="392">
        <v>0</v>
      </c>
      <c r="IT42" s="393">
        <v>218687</v>
      </c>
      <c r="IU42" s="394">
        <v>218687</v>
      </c>
      <c r="IV42" s="395">
        <v>0</v>
      </c>
      <c r="IW42" s="392">
        <v>0</v>
      </c>
      <c r="IX42" s="396">
        <v>0</v>
      </c>
      <c r="IY42" s="414">
        <v>0</v>
      </c>
      <c r="IZ42" s="392">
        <v>0</v>
      </c>
      <c r="JA42" s="392">
        <v>0</v>
      </c>
      <c r="JB42" s="392">
        <v>0</v>
      </c>
      <c r="JC42" s="392">
        <v>0</v>
      </c>
      <c r="JD42" s="392">
        <v>0</v>
      </c>
      <c r="JE42" s="396">
        <v>0</v>
      </c>
      <c r="JF42" s="397">
        <v>0</v>
      </c>
      <c r="JG42" s="395">
        <v>0</v>
      </c>
      <c r="JH42" s="392">
        <v>0</v>
      </c>
      <c r="JI42" s="393">
        <v>0</v>
      </c>
      <c r="JJ42" s="398">
        <v>0</v>
      </c>
      <c r="JK42" s="392">
        <v>808114</v>
      </c>
      <c r="JL42" s="392">
        <v>841846</v>
      </c>
      <c r="JM42" s="392">
        <v>841360</v>
      </c>
      <c r="JN42" s="392">
        <v>221157</v>
      </c>
      <c r="JO42" s="392">
        <v>208743</v>
      </c>
      <c r="JP42" s="396">
        <v>2921220</v>
      </c>
      <c r="JQ42" s="394">
        <v>2921220</v>
      </c>
      <c r="JR42" s="395">
        <v>0</v>
      </c>
      <c r="JS42" s="392">
        <v>0</v>
      </c>
      <c r="JT42" s="393">
        <v>0</v>
      </c>
      <c r="JU42" s="398">
        <v>0</v>
      </c>
      <c r="JV42" s="392">
        <v>40274</v>
      </c>
      <c r="JW42" s="392">
        <v>0</v>
      </c>
      <c r="JX42" s="392">
        <v>0</v>
      </c>
      <c r="JY42" s="392">
        <v>0</v>
      </c>
      <c r="JZ42" s="392">
        <v>0</v>
      </c>
      <c r="KA42" s="396">
        <v>40274</v>
      </c>
      <c r="KB42" s="394">
        <v>40274</v>
      </c>
      <c r="KC42" s="399">
        <v>0</v>
      </c>
      <c r="KD42" s="400">
        <v>0</v>
      </c>
      <c r="KE42" s="396">
        <v>0</v>
      </c>
      <c r="KF42" s="398">
        <v>0</v>
      </c>
      <c r="KG42" s="392">
        <v>0</v>
      </c>
      <c r="KH42" s="392">
        <v>0</v>
      </c>
      <c r="KI42" s="392">
        <v>0</v>
      </c>
      <c r="KJ42" s="392">
        <v>0</v>
      </c>
      <c r="KK42" s="392">
        <v>0</v>
      </c>
      <c r="KL42" s="396">
        <v>0</v>
      </c>
      <c r="KM42" s="401">
        <v>0</v>
      </c>
      <c r="KN42" s="389">
        <v>0</v>
      </c>
      <c r="KO42" s="390">
        <v>0</v>
      </c>
      <c r="KP42" s="391">
        <v>0</v>
      </c>
      <c r="KQ42" s="414">
        <v>0</v>
      </c>
      <c r="KR42" s="392">
        <v>805497</v>
      </c>
      <c r="KS42" s="392">
        <v>343126</v>
      </c>
      <c r="KT42" s="392">
        <v>289434</v>
      </c>
      <c r="KU42" s="392">
        <v>1768992</v>
      </c>
      <c r="KV42" s="392">
        <v>300573</v>
      </c>
      <c r="KW42" s="396">
        <v>3507622</v>
      </c>
      <c r="KX42" s="394">
        <v>3507622</v>
      </c>
      <c r="KY42" s="395">
        <v>0</v>
      </c>
      <c r="KZ42" s="392">
        <v>0</v>
      </c>
      <c r="LA42" s="396">
        <v>0</v>
      </c>
      <c r="LB42" s="414">
        <v>0</v>
      </c>
      <c r="LC42" s="392">
        <v>0</v>
      </c>
      <c r="LD42" s="392">
        <v>0</v>
      </c>
      <c r="LE42" s="392">
        <v>0</v>
      </c>
      <c r="LF42" s="392">
        <v>0</v>
      </c>
      <c r="LG42" s="392">
        <v>0</v>
      </c>
      <c r="LH42" s="396">
        <v>0</v>
      </c>
      <c r="LI42" s="397">
        <v>0</v>
      </c>
      <c r="LJ42" s="395">
        <v>0</v>
      </c>
      <c r="LK42" s="392">
        <v>0</v>
      </c>
      <c r="LL42" s="396">
        <v>0</v>
      </c>
      <c r="LM42" s="414">
        <v>0</v>
      </c>
      <c r="LN42" s="392">
        <v>0</v>
      </c>
      <c r="LO42" s="392">
        <v>0</v>
      </c>
      <c r="LP42" s="392">
        <v>0</v>
      </c>
      <c r="LQ42" s="392">
        <v>0</v>
      </c>
      <c r="LR42" s="392">
        <v>0</v>
      </c>
      <c r="LS42" s="396">
        <v>0</v>
      </c>
      <c r="LT42" s="394">
        <v>0</v>
      </c>
      <c r="LU42" s="395">
        <v>0</v>
      </c>
      <c r="LV42" s="392">
        <v>0</v>
      </c>
      <c r="LW42" s="396">
        <v>0</v>
      </c>
      <c r="LX42" s="414">
        <v>0</v>
      </c>
      <c r="LY42" s="392">
        <v>0</v>
      </c>
      <c r="LZ42" s="392">
        <v>0</v>
      </c>
      <c r="MA42" s="392">
        <v>0</v>
      </c>
      <c r="MB42" s="392">
        <v>0</v>
      </c>
      <c r="MC42" s="392">
        <v>0</v>
      </c>
      <c r="MD42" s="396">
        <v>0</v>
      </c>
      <c r="ME42" s="397">
        <v>0</v>
      </c>
      <c r="MF42" s="395">
        <v>0</v>
      </c>
      <c r="MG42" s="392">
        <v>0</v>
      </c>
      <c r="MH42" s="396">
        <v>0</v>
      </c>
      <c r="MI42" s="414">
        <v>0</v>
      </c>
      <c r="MJ42" s="392">
        <v>258177</v>
      </c>
      <c r="MK42" s="392">
        <v>553202</v>
      </c>
      <c r="ML42" s="392">
        <v>3193187</v>
      </c>
      <c r="MM42" s="392">
        <v>3290091</v>
      </c>
      <c r="MN42" s="392">
        <v>4202447</v>
      </c>
      <c r="MO42" s="396">
        <v>11497104</v>
      </c>
      <c r="MP42" s="401">
        <v>11497104</v>
      </c>
      <c r="MQ42" s="395">
        <v>0</v>
      </c>
      <c r="MR42" s="392">
        <v>0</v>
      </c>
      <c r="MS42" s="396">
        <v>0</v>
      </c>
      <c r="MT42" s="414">
        <v>0</v>
      </c>
      <c r="MU42" s="392">
        <v>0</v>
      </c>
      <c r="MV42" s="392">
        <v>0</v>
      </c>
      <c r="MW42" s="392">
        <v>1306123</v>
      </c>
      <c r="MX42" s="392">
        <v>2524198</v>
      </c>
      <c r="MY42" s="392">
        <v>2015155</v>
      </c>
      <c r="MZ42" s="396">
        <v>5845476</v>
      </c>
      <c r="NA42" s="401">
        <v>5845476</v>
      </c>
      <c r="NB42" s="395">
        <v>0</v>
      </c>
      <c r="NC42" s="392">
        <v>0</v>
      </c>
      <c r="ND42" s="396">
        <v>0</v>
      </c>
      <c r="NE42" s="414">
        <v>0</v>
      </c>
      <c r="NF42" s="392">
        <v>258177</v>
      </c>
      <c r="NG42" s="392">
        <v>553202</v>
      </c>
      <c r="NH42" s="392">
        <v>1887064</v>
      </c>
      <c r="NI42" s="392">
        <v>765893</v>
      </c>
      <c r="NJ42" s="392">
        <v>1767962</v>
      </c>
      <c r="NK42" s="396">
        <v>5232298</v>
      </c>
      <c r="NL42" s="394">
        <v>5232298</v>
      </c>
      <c r="NM42" s="395">
        <v>0</v>
      </c>
      <c r="NN42" s="392">
        <v>0</v>
      </c>
      <c r="NO42" s="396">
        <v>0</v>
      </c>
      <c r="NP42" s="414">
        <v>0</v>
      </c>
      <c r="NQ42" s="392">
        <v>0</v>
      </c>
      <c r="NR42" s="392">
        <v>0</v>
      </c>
      <c r="NS42" s="392">
        <v>0</v>
      </c>
      <c r="NT42" s="392">
        <v>0</v>
      </c>
      <c r="NU42" s="392">
        <v>0</v>
      </c>
      <c r="NV42" s="396">
        <v>0</v>
      </c>
      <c r="NW42" s="397">
        <v>0</v>
      </c>
      <c r="NX42" s="395">
        <v>0</v>
      </c>
      <c r="NY42" s="392">
        <v>0</v>
      </c>
      <c r="NZ42" s="396">
        <v>0</v>
      </c>
      <c r="OA42" s="414">
        <v>0</v>
      </c>
      <c r="OB42" s="392">
        <v>0</v>
      </c>
      <c r="OC42" s="392">
        <v>0</v>
      </c>
      <c r="OD42" s="392">
        <v>0</v>
      </c>
      <c r="OE42" s="392">
        <v>0</v>
      </c>
      <c r="OF42" s="392">
        <v>419330</v>
      </c>
      <c r="OG42" s="396">
        <v>419330</v>
      </c>
      <c r="OH42" s="397">
        <v>419330</v>
      </c>
      <c r="OI42" s="395">
        <v>200253</v>
      </c>
      <c r="OJ42" s="392">
        <v>132134</v>
      </c>
      <c r="OK42" s="393">
        <v>332387</v>
      </c>
      <c r="OL42" s="398">
        <v>0</v>
      </c>
      <c r="OM42" s="392">
        <v>3256072</v>
      </c>
      <c r="ON42" s="392">
        <v>4207817</v>
      </c>
      <c r="OO42" s="392">
        <v>6492892</v>
      </c>
      <c r="OP42" s="392">
        <v>7369206</v>
      </c>
      <c r="OQ42" s="392">
        <v>5877583</v>
      </c>
      <c r="OR42" s="396">
        <v>27203570</v>
      </c>
      <c r="OS42" s="401">
        <v>27535957</v>
      </c>
    </row>
    <row r="43" spans="2:409" x14ac:dyDescent="0.2">
      <c r="B43" s="71" t="s">
        <v>84</v>
      </c>
    </row>
  </sheetData>
  <mergeCells count="159">
    <mergeCell ref="OH7:OH8"/>
    <mergeCell ref="OI7:OK7"/>
    <mergeCell ref="OL7:OR7"/>
    <mergeCell ref="OS7:OS8"/>
    <mergeCell ref="NL7:NL8"/>
    <mergeCell ref="NM7:NO7"/>
    <mergeCell ref="NP7:NV7"/>
    <mergeCell ref="NW7:NW8"/>
    <mergeCell ref="NX7:NZ7"/>
    <mergeCell ref="NA7:NA8"/>
    <mergeCell ref="NB7:ND7"/>
    <mergeCell ref="NE7:NK7"/>
    <mergeCell ref="LX7:MD7"/>
    <mergeCell ref="ME7:ME8"/>
    <mergeCell ref="MF7:MH7"/>
    <mergeCell ref="MI7:MO7"/>
    <mergeCell ref="MP7:MP8"/>
    <mergeCell ref="OA7:OG7"/>
    <mergeCell ref="LI7:LI8"/>
    <mergeCell ref="LJ7:LL7"/>
    <mergeCell ref="KC7:KE7"/>
    <mergeCell ref="KF7:KL7"/>
    <mergeCell ref="KM7:KM8"/>
    <mergeCell ref="KN7:KP7"/>
    <mergeCell ref="KQ7:KW7"/>
    <mergeCell ref="MQ7:MS7"/>
    <mergeCell ref="MT7:MZ7"/>
    <mergeCell ref="OI4:OS6"/>
    <mergeCell ref="HZ5:IJ6"/>
    <mergeCell ref="IK5:IU6"/>
    <mergeCell ref="IV5:JF6"/>
    <mergeCell ref="JG5:JQ6"/>
    <mergeCell ref="JR5:KB6"/>
    <mergeCell ref="KC5:KM6"/>
    <mergeCell ref="KN5:KX6"/>
    <mergeCell ref="KY5:LI6"/>
    <mergeCell ref="LJ5:LT6"/>
    <mergeCell ref="LU5:ME6"/>
    <mergeCell ref="MF5:MP6"/>
    <mergeCell ref="MQ5:NA6"/>
    <mergeCell ref="NB5:NL6"/>
    <mergeCell ref="NM5:NW6"/>
    <mergeCell ref="MF4:OH4"/>
    <mergeCell ref="ID1:IE1"/>
    <mergeCell ref="HZ4:ME4"/>
    <mergeCell ref="JJ7:JP7"/>
    <mergeCell ref="JQ7:JQ8"/>
    <mergeCell ref="JR7:JT7"/>
    <mergeCell ref="JU7:KA7"/>
    <mergeCell ref="KB7:KB8"/>
    <mergeCell ref="NX5:OH6"/>
    <mergeCell ref="LM7:LS7"/>
    <mergeCell ref="LT7:LT8"/>
    <mergeCell ref="LU7:LW7"/>
    <mergeCell ref="IU7:IU8"/>
    <mergeCell ref="IV7:IX7"/>
    <mergeCell ref="IY7:JE7"/>
    <mergeCell ref="JF7:JF8"/>
    <mergeCell ref="JG7:JI7"/>
    <mergeCell ref="HZ7:IB7"/>
    <mergeCell ref="IC7:II7"/>
    <mergeCell ref="IJ7:IJ8"/>
    <mergeCell ref="IK7:IM7"/>
    <mergeCell ref="IN7:IT7"/>
    <mergeCell ref="KX7:KX8"/>
    <mergeCell ref="KY7:LA7"/>
    <mergeCell ref="LB7:LH7"/>
    <mergeCell ref="CL7:CL8"/>
    <mergeCell ref="BI7:BO7"/>
    <mergeCell ref="BP7:BP8"/>
    <mergeCell ref="BQ7:BS7"/>
    <mergeCell ref="BT7:BZ7"/>
    <mergeCell ref="BF7:BH7"/>
    <mergeCell ref="CA7:CA8"/>
    <mergeCell ref="CB7:CD7"/>
    <mergeCell ref="CE7:CK7"/>
    <mergeCell ref="DT7:DV7"/>
    <mergeCell ref="DW7:EC7"/>
    <mergeCell ref="ED7:ED8"/>
    <mergeCell ref="DL7:DR7"/>
    <mergeCell ref="CM7:CO7"/>
    <mergeCell ref="CP7:CV7"/>
    <mergeCell ref="CW7:CW8"/>
    <mergeCell ref="CX7:CZ7"/>
    <mergeCell ref="DA7:DG7"/>
    <mergeCell ref="DH7:DH8"/>
    <mergeCell ref="DI7:DK7"/>
    <mergeCell ref="HY7:HY8"/>
    <mergeCell ref="HG7:HM7"/>
    <mergeCell ref="HN7:HN8"/>
    <mergeCell ref="HO7:HQ7"/>
    <mergeCell ref="HR7:HX7"/>
    <mergeCell ref="FL7:FN7"/>
    <mergeCell ref="FO7:FU7"/>
    <mergeCell ref="EE7:EG7"/>
    <mergeCell ref="EH7:EN7"/>
    <mergeCell ref="EO7:EO8"/>
    <mergeCell ref="EP7:ER7"/>
    <mergeCell ref="GS7:GU7"/>
    <mergeCell ref="GV7:HB7"/>
    <mergeCell ref="HC7:HC8"/>
    <mergeCell ref="HD7:HF7"/>
    <mergeCell ref="FV7:FV8"/>
    <mergeCell ref="FW7:FY7"/>
    <mergeCell ref="FZ7:GF7"/>
    <mergeCell ref="GG7:GG8"/>
    <mergeCell ref="GR7:GR8"/>
    <mergeCell ref="GK7:GQ7"/>
    <mergeCell ref="GH7:GJ7"/>
    <mergeCell ref="FA7:FC7"/>
    <mergeCell ref="FD7:FJ7"/>
    <mergeCell ref="B4:B8"/>
    <mergeCell ref="C4:M6"/>
    <mergeCell ref="N4:HY4"/>
    <mergeCell ref="N5:CA5"/>
    <mergeCell ref="CB5:DH5"/>
    <mergeCell ref="FL5:HC5"/>
    <mergeCell ref="HD5:HN6"/>
    <mergeCell ref="HO5:HY6"/>
    <mergeCell ref="Y6:AI6"/>
    <mergeCell ref="Q7:W7"/>
    <mergeCell ref="X7:X8"/>
    <mergeCell ref="Y7:AA7"/>
    <mergeCell ref="AB7:AH7"/>
    <mergeCell ref="C7:E7"/>
    <mergeCell ref="F7:L7"/>
    <mergeCell ref="M7:M8"/>
    <mergeCell ref="N7:P7"/>
    <mergeCell ref="AU7:AW7"/>
    <mergeCell ref="AX7:BD7"/>
    <mergeCell ref="BE7:BE8"/>
    <mergeCell ref="AI7:AI8"/>
    <mergeCell ref="AJ7:AL7"/>
    <mergeCell ref="AM7:AS7"/>
    <mergeCell ref="AT7:AT8"/>
    <mergeCell ref="G1:H1"/>
    <mergeCell ref="FK7:FK8"/>
    <mergeCell ref="DI5:FK5"/>
    <mergeCell ref="GS6:HC6"/>
    <mergeCell ref="GH6:GR6"/>
    <mergeCell ref="N6:X6"/>
    <mergeCell ref="CB6:CL6"/>
    <mergeCell ref="DI6:DS6"/>
    <mergeCell ref="DT6:ED6"/>
    <mergeCell ref="EE6:EO6"/>
    <mergeCell ref="EP6:EZ6"/>
    <mergeCell ref="FL6:FV6"/>
    <mergeCell ref="FW6:GG6"/>
    <mergeCell ref="FA6:FK6"/>
    <mergeCell ref="CX6:DH6"/>
    <mergeCell ref="BQ6:CA6"/>
    <mergeCell ref="CM6:CW6"/>
    <mergeCell ref="AJ6:AT6"/>
    <mergeCell ref="AU6:BE6"/>
    <mergeCell ref="BF6:BP6"/>
    <mergeCell ref="G2:H2"/>
    <mergeCell ref="ES7:EY7"/>
    <mergeCell ref="EZ7:EZ8"/>
    <mergeCell ref="DS7:DS8"/>
  </mergeCells>
  <phoneticPr fontId="4"/>
  <pageMargins left="0.78740157480314965" right="0.78740157480314965" top="0.39370078740157483" bottom="0.43307086614173229" header="0.19685039370078741" footer="0.19685039370078741"/>
  <pageSetup paperSize="9" scale="55" orientation="landscape" r:id="rId1"/>
  <headerFooter alignWithMargins="0">
    <oddFooter>&amp;L&amp;20&amp;A&amp;C&amp;P/&amp;N</oddFooter>
  </headerFooter>
  <colBreaks count="9" manualBreakCount="9">
    <brk id="24" max="1048575" man="1"/>
    <brk id="46" max="1048575" man="1"/>
    <brk id="68" max="1048575" man="1"/>
    <brk id="90" max="1048575" man="1"/>
    <brk id="112" max="1048575" man="1"/>
    <brk id="134" max="1048575" man="1"/>
    <brk id="167" max="1048575" man="1"/>
    <brk id="189" max="1048575" man="1"/>
    <brk id="211" max="1048575" man="1"/>
  </col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OS43"/>
  <sheetViews>
    <sheetView zoomScaleNormal="100" workbookViewId="0">
      <pane xSplit="2" ySplit="9" topLeftCell="C10" activePane="bottomRight" state="frozen"/>
      <selection activeCell="F37" sqref="F37"/>
      <selection pane="topRight" activeCell="F37" sqref="F37"/>
      <selection pane="bottomLeft" activeCell="F37" sqref="F37"/>
      <selection pane="bottomRight" activeCell="C9" sqref="C9"/>
    </sheetView>
  </sheetViews>
  <sheetFormatPr defaultColWidth="8.21875" defaultRowHeight="13.2" x14ac:dyDescent="0.2"/>
  <cols>
    <col min="1" max="1" width="3.77734375" style="71" customWidth="1"/>
    <col min="2" max="2" width="9.77734375" style="71" customWidth="1"/>
    <col min="3" max="3" width="8.21875" style="71" customWidth="1"/>
    <col min="4" max="5" width="10" style="71" customWidth="1"/>
    <col min="6" max="6" width="7.21875" style="71" customWidth="1"/>
    <col min="7" max="8" width="10" style="71" customWidth="1"/>
    <col min="9" max="9" width="9.88671875" style="71" customWidth="1"/>
    <col min="10" max="10" width="9.77734375" style="71" customWidth="1"/>
    <col min="11" max="11" width="9.88671875" style="71" customWidth="1"/>
    <col min="12" max="12" width="10.88671875" style="71" customWidth="1"/>
    <col min="13" max="13" width="11.109375" style="71" customWidth="1"/>
    <col min="14" max="16" width="8.21875" style="71" customWidth="1"/>
    <col min="17" max="17" width="7.21875" style="71" customWidth="1"/>
    <col min="18" max="18" width="10" style="71" customWidth="1"/>
    <col min="19" max="19" width="10.109375" style="71" customWidth="1"/>
    <col min="20" max="20" width="9.109375" style="71" customWidth="1"/>
    <col min="21" max="21" width="9.77734375" style="71" customWidth="1"/>
    <col min="22" max="22" width="10.33203125" style="71" customWidth="1"/>
    <col min="23" max="23" width="10.44140625" style="71" customWidth="1"/>
    <col min="24" max="24" width="11" style="71" customWidth="1"/>
    <col min="25" max="27" width="8.21875" style="71" customWidth="1"/>
    <col min="28" max="28" width="7" style="71" customWidth="1"/>
    <col min="29" max="33" width="8.21875" style="71" customWidth="1"/>
    <col min="34" max="34" width="10.6640625" style="71" customWidth="1"/>
    <col min="35" max="35" width="10" style="71" customWidth="1"/>
    <col min="36" max="38" width="8.21875" style="71" customWidth="1"/>
    <col min="39" max="39" width="7" style="71" customWidth="1"/>
    <col min="40" max="49" width="8.21875" style="71" customWidth="1"/>
    <col min="50" max="50" width="7.21875" style="71" customWidth="1"/>
    <col min="51" max="55" width="8.21875" style="71" customWidth="1"/>
    <col min="56" max="57" width="9.33203125" style="71" customWidth="1"/>
    <col min="58" max="60" width="8.21875" style="71" customWidth="1"/>
    <col min="61" max="61" width="6.88671875" style="71" customWidth="1"/>
    <col min="62" max="71" width="8.21875" style="71" customWidth="1"/>
    <col min="72" max="72" width="7.21875" style="71" customWidth="1"/>
    <col min="73" max="79" width="8.21875" style="71" customWidth="1"/>
    <col min="80" max="82" width="8.21875" style="247" customWidth="1"/>
    <col min="83" max="83" width="7.6640625" style="247" customWidth="1"/>
    <col min="84" max="84" width="9.88671875" style="247" customWidth="1"/>
    <col min="85" max="85" width="10" style="247" customWidth="1"/>
    <col min="86" max="86" width="9.77734375" style="247" customWidth="1"/>
    <col min="87" max="87" width="9.21875" style="247" customWidth="1"/>
    <col min="88" max="88" width="8.77734375" style="247" customWidth="1"/>
    <col min="89" max="89" width="9.88671875" style="247" customWidth="1"/>
    <col min="90" max="90" width="9.77734375" style="247" customWidth="1"/>
    <col min="91" max="93" width="8.21875" style="71" customWidth="1"/>
    <col min="94" max="94" width="7.33203125" style="71" customWidth="1"/>
    <col min="95" max="95" width="9.88671875" style="71" bestFit="1" customWidth="1"/>
    <col min="96" max="96" width="10" style="71" customWidth="1"/>
    <col min="97" max="97" width="9.6640625" style="71" customWidth="1"/>
    <col min="98" max="99" width="8.21875" style="71" customWidth="1"/>
    <col min="100" max="101" width="9.88671875" style="71" customWidth="1"/>
    <col min="102" max="104" width="8.21875" style="71" customWidth="1"/>
    <col min="105" max="105" width="7.44140625" style="71" customWidth="1"/>
    <col min="106" max="110" width="8.21875" style="71" customWidth="1"/>
    <col min="111" max="111" width="10" style="71" customWidth="1"/>
    <col min="112" max="112" width="9.88671875" style="71" customWidth="1"/>
    <col min="113" max="115" width="8.21875" style="247" customWidth="1"/>
    <col min="116" max="116" width="7.21875" style="247" customWidth="1"/>
    <col min="117" max="121" width="8.21875" style="247" customWidth="1"/>
    <col min="122" max="122" width="10.109375" style="247" customWidth="1"/>
    <col min="123" max="123" width="9.77734375" style="247" customWidth="1"/>
    <col min="124" max="126" width="8.21875" style="71" customWidth="1"/>
    <col min="127" max="127" width="7.33203125" style="71" customWidth="1"/>
    <col min="128" max="132" width="8.21875" style="71" customWidth="1"/>
    <col min="133" max="133" width="10.33203125" style="71" customWidth="1"/>
    <col min="134" max="134" width="10.109375" style="71" customWidth="1"/>
    <col min="135" max="137" width="8.21875" style="71" customWidth="1"/>
    <col min="138" max="138" width="7.109375" style="71" customWidth="1"/>
    <col min="139" max="148" width="8.21875" style="71" customWidth="1"/>
    <col min="149" max="149" width="7.21875" style="71" customWidth="1"/>
    <col min="150" max="159" width="8.21875" style="71" customWidth="1"/>
    <col min="160" max="160" width="7.21875" style="71" customWidth="1"/>
    <col min="161" max="167" width="8.21875" style="71" customWidth="1"/>
    <col min="168" max="170" width="8.21875" style="247" customWidth="1"/>
    <col min="171" max="171" width="6.6640625" style="247" customWidth="1"/>
    <col min="172" max="176" width="8.21875" style="247" customWidth="1"/>
    <col min="177" max="177" width="10.109375" style="247" customWidth="1"/>
    <col min="178" max="178" width="9.88671875" style="247" customWidth="1"/>
    <col min="179" max="181" width="8.21875" style="71" customWidth="1"/>
    <col min="182" max="182" width="7.33203125" style="71" customWidth="1"/>
    <col min="183" max="187" width="8.21875" style="71" customWidth="1"/>
    <col min="188" max="188" width="10" style="71" customWidth="1"/>
    <col min="189" max="189" width="10.6640625" style="71" customWidth="1"/>
    <col min="190" max="192" width="8.21875" style="71" customWidth="1"/>
    <col min="193" max="193" width="7.21875" style="71" customWidth="1"/>
    <col min="194" max="203" width="8.21875" style="71" customWidth="1"/>
    <col min="204" max="204" width="7.109375" style="71" customWidth="1"/>
    <col min="205" max="214" width="8.21875" style="71" customWidth="1"/>
    <col min="215" max="215" width="7.109375" style="71" customWidth="1"/>
    <col min="216" max="220" width="8.21875" style="71" customWidth="1"/>
    <col min="221" max="222" width="9.77734375" style="71" customWidth="1"/>
    <col min="223" max="225" width="8.21875" style="71" customWidth="1"/>
    <col min="226" max="226" width="7.21875" style="71" customWidth="1"/>
    <col min="227" max="231" width="8.21875" style="71" customWidth="1"/>
    <col min="232" max="233" width="10" style="71" customWidth="1"/>
    <col min="234" max="235" width="7.44140625" style="247" customWidth="1"/>
    <col min="236" max="236" width="9.33203125" style="247" customWidth="1"/>
    <col min="237" max="237" width="7.44140625" style="247" customWidth="1"/>
    <col min="238" max="244" width="10.109375" style="247" customWidth="1"/>
    <col min="245" max="247" width="10.109375" style="71" customWidth="1"/>
    <col min="248" max="248" width="7.109375" style="71" customWidth="1"/>
    <col min="249" max="258" width="10.109375" style="71" customWidth="1"/>
    <col min="259" max="259" width="7.33203125" style="71" customWidth="1"/>
    <col min="260" max="269" width="10.109375" style="71" customWidth="1"/>
    <col min="270" max="270" width="7.21875" style="71" customWidth="1"/>
    <col min="271" max="280" width="10.109375" style="71" customWidth="1"/>
    <col min="281" max="281" width="7.6640625" style="71" customWidth="1"/>
    <col min="282" max="291" width="10.109375" style="71" customWidth="1"/>
    <col min="292" max="292" width="6.33203125" style="71" customWidth="1"/>
    <col min="293" max="302" width="10.109375" style="71" customWidth="1"/>
    <col min="303" max="303" width="7.44140625" style="71" customWidth="1"/>
    <col min="304" max="310" width="10.109375" style="71" customWidth="1"/>
    <col min="311" max="313" width="10.109375" style="247" customWidth="1"/>
    <col min="314" max="314" width="7.109375" style="247" customWidth="1"/>
    <col min="315" max="324" width="10.109375" style="247" customWidth="1"/>
    <col min="325" max="325" width="7.44140625" style="247" customWidth="1"/>
    <col min="326" max="335" width="10.109375" style="247" customWidth="1"/>
    <col min="336" max="336" width="6.88671875" style="247" customWidth="1"/>
    <col min="337" max="343" width="10.109375" style="247" customWidth="1"/>
    <col min="344" max="346" width="10.109375" style="71" customWidth="1"/>
    <col min="347" max="347" width="7.21875" style="71" customWidth="1"/>
    <col min="348" max="357" width="10.109375" style="71" customWidth="1"/>
    <col min="358" max="358" width="7.21875" style="71" customWidth="1"/>
    <col min="359" max="368" width="10.109375" style="71" customWidth="1"/>
    <col min="369" max="369" width="7" style="71" customWidth="1"/>
    <col min="370" max="379" width="10.109375" style="71" customWidth="1"/>
    <col min="380" max="380" width="6.88671875" style="71" customWidth="1"/>
    <col min="381" max="385" width="10.109375" style="71" customWidth="1"/>
    <col min="386" max="387" width="10.33203125" style="71" customWidth="1"/>
    <col min="388" max="390" width="10.109375" style="71" customWidth="1"/>
    <col min="391" max="391" width="6.88671875" style="71" customWidth="1"/>
    <col min="392" max="396" width="10.109375" style="71" customWidth="1"/>
    <col min="397" max="398" width="10.33203125" style="71" customWidth="1"/>
    <col min="399" max="401" width="9.21875" style="71" customWidth="1"/>
    <col min="402" max="402" width="7" style="71" customWidth="1"/>
    <col min="403" max="404" width="9.21875" style="71" customWidth="1"/>
    <col min="405" max="405" width="10.44140625" style="71" customWidth="1"/>
    <col min="406" max="406" width="12.109375" style="71" customWidth="1"/>
    <col min="407" max="407" width="10.109375" style="71" customWidth="1"/>
    <col min="408" max="409" width="10.33203125" style="71" customWidth="1"/>
    <col min="410" max="16384" width="8.21875" style="71"/>
  </cols>
  <sheetData>
    <row r="1" spans="1:409" ht="24" customHeight="1" x14ac:dyDescent="0.2">
      <c r="B1" s="10" t="s">
        <v>132</v>
      </c>
      <c r="E1" s="63">
        <f>第１表!F2</f>
        <v>7</v>
      </c>
      <c r="F1" s="16">
        <f>第１表!G2</f>
        <v>2</v>
      </c>
      <c r="G1" s="531">
        <f>IF(F1&lt;3,F1-2+12,F1-2)</f>
        <v>12</v>
      </c>
      <c r="H1" s="531"/>
      <c r="IB1" s="42"/>
      <c r="IC1" s="22"/>
      <c r="ID1" s="542"/>
      <c r="IE1" s="542"/>
    </row>
    <row r="2" spans="1:409" ht="24" customHeight="1" x14ac:dyDescent="0.2">
      <c r="B2" s="10" t="s">
        <v>143</v>
      </c>
      <c r="E2" s="19"/>
      <c r="F2" s="20"/>
      <c r="G2" s="248"/>
      <c r="H2" s="248"/>
      <c r="IB2" s="21"/>
      <c r="IC2" s="22"/>
      <c r="ID2" s="248"/>
      <c r="IE2" s="248"/>
    </row>
    <row r="3" spans="1:409" ht="24" customHeight="1" thickBot="1" x14ac:dyDescent="0.25">
      <c r="B3" s="10" t="s">
        <v>133</v>
      </c>
    </row>
    <row r="4" spans="1:409" ht="21" customHeight="1" thickBot="1" x14ac:dyDescent="0.25">
      <c r="B4" s="547" t="s">
        <v>42</v>
      </c>
      <c r="C4" s="550" t="s">
        <v>63</v>
      </c>
      <c r="D4" s="550"/>
      <c r="E4" s="550"/>
      <c r="F4" s="550"/>
      <c r="G4" s="550"/>
      <c r="H4" s="550"/>
      <c r="I4" s="550"/>
      <c r="J4" s="550"/>
      <c r="K4" s="550"/>
      <c r="L4" s="550"/>
      <c r="M4" s="550"/>
      <c r="N4" s="508"/>
      <c r="O4" s="508"/>
      <c r="P4" s="508"/>
      <c r="Q4" s="508"/>
      <c r="R4" s="508"/>
      <c r="S4" s="508"/>
      <c r="T4" s="508"/>
      <c r="U4" s="508"/>
      <c r="V4" s="508"/>
      <c r="W4" s="508"/>
      <c r="X4" s="508"/>
      <c r="Y4" s="508"/>
      <c r="Z4" s="508"/>
      <c r="AA4" s="508"/>
      <c r="AB4" s="508"/>
      <c r="AC4" s="508"/>
      <c r="AD4" s="508"/>
      <c r="AE4" s="508"/>
      <c r="AF4" s="508"/>
      <c r="AG4" s="508"/>
      <c r="AH4" s="508"/>
      <c r="AI4" s="508"/>
      <c r="AJ4" s="508"/>
      <c r="AK4" s="508"/>
      <c r="AL4" s="508"/>
      <c r="AM4" s="508"/>
      <c r="AN4" s="508"/>
      <c r="AO4" s="508"/>
      <c r="AP4" s="508"/>
      <c r="AQ4" s="508"/>
      <c r="AR4" s="508"/>
      <c r="AS4" s="508"/>
      <c r="AT4" s="508"/>
      <c r="AU4" s="508"/>
      <c r="AV4" s="508"/>
      <c r="AW4" s="508"/>
      <c r="AX4" s="508"/>
      <c r="AY4" s="508"/>
      <c r="AZ4" s="508"/>
      <c r="BA4" s="508"/>
      <c r="BB4" s="508"/>
      <c r="BC4" s="508"/>
      <c r="BD4" s="508"/>
      <c r="BE4" s="508"/>
      <c r="BF4" s="508"/>
      <c r="BG4" s="508"/>
      <c r="BH4" s="508"/>
      <c r="BI4" s="508"/>
      <c r="BJ4" s="508"/>
      <c r="BK4" s="508"/>
      <c r="BL4" s="508"/>
      <c r="BM4" s="508"/>
      <c r="BN4" s="508"/>
      <c r="BO4" s="508"/>
      <c r="BP4" s="508"/>
      <c r="BQ4" s="508"/>
      <c r="BR4" s="508"/>
      <c r="BS4" s="508"/>
      <c r="BT4" s="508"/>
      <c r="BU4" s="508"/>
      <c r="BV4" s="508"/>
      <c r="BW4" s="508"/>
      <c r="BX4" s="508"/>
      <c r="BY4" s="508"/>
      <c r="BZ4" s="508"/>
      <c r="CA4" s="508"/>
      <c r="CB4" s="508"/>
      <c r="CC4" s="508"/>
      <c r="CD4" s="508"/>
      <c r="CE4" s="508"/>
      <c r="CF4" s="508"/>
      <c r="CG4" s="508"/>
      <c r="CH4" s="508"/>
      <c r="CI4" s="508"/>
      <c r="CJ4" s="508"/>
      <c r="CK4" s="508"/>
      <c r="CL4" s="508"/>
      <c r="CM4" s="508"/>
      <c r="CN4" s="508"/>
      <c r="CO4" s="508"/>
      <c r="CP4" s="508"/>
      <c r="CQ4" s="508"/>
      <c r="CR4" s="508"/>
      <c r="CS4" s="508"/>
      <c r="CT4" s="508"/>
      <c r="CU4" s="508"/>
      <c r="CV4" s="508"/>
      <c r="CW4" s="508"/>
      <c r="CX4" s="508"/>
      <c r="CY4" s="508"/>
      <c r="CZ4" s="508"/>
      <c r="DA4" s="508"/>
      <c r="DB4" s="508"/>
      <c r="DC4" s="508"/>
      <c r="DD4" s="508"/>
      <c r="DE4" s="508"/>
      <c r="DF4" s="508"/>
      <c r="DG4" s="508"/>
      <c r="DH4" s="508"/>
      <c r="DI4" s="508"/>
      <c r="DJ4" s="508"/>
      <c r="DK4" s="508"/>
      <c r="DL4" s="508"/>
      <c r="DM4" s="508"/>
      <c r="DN4" s="508"/>
      <c r="DO4" s="508"/>
      <c r="DP4" s="508"/>
      <c r="DQ4" s="508"/>
      <c r="DR4" s="508"/>
      <c r="DS4" s="508"/>
      <c r="DT4" s="508"/>
      <c r="DU4" s="508"/>
      <c r="DV4" s="508"/>
      <c r="DW4" s="508"/>
      <c r="DX4" s="508"/>
      <c r="DY4" s="508"/>
      <c r="DZ4" s="508"/>
      <c r="EA4" s="508"/>
      <c r="EB4" s="508"/>
      <c r="EC4" s="508"/>
      <c r="ED4" s="508"/>
      <c r="EE4" s="508"/>
      <c r="EF4" s="508"/>
      <c r="EG4" s="508"/>
      <c r="EH4" s="508"/>
      <c r="EI4" s="508"/>
      <c r="EJ4" s="508"/>
      <c r="EK4" s="508"/>
      <c r="EL4" s="508"/>
      <c r="EM4" s="508"/>
      <c r="EN4" s="508"/>
      <c r="EO4" s="508"/>
      <c r="EP4" s="508"/>
      <c r="EQ4" s="508"/>
      <c r="ER4" s="508"/>
      <c r="ES4" s="508"/>
      <c r="ET4" s="508"/>
      <c r="EU4" s="508"/>
      <c r="EV4" s="508"/>
      <c r="EW4" s="508"/>
      <c r="EX4" s="508"/>
      <c r="EY4" s="508"/>
      <c r="EZ4" s="508"/>
      <c r="FA4" s="508"/>
      <c r="FB4" s="508"/>
      <c r="FC4" s="508"/>
      <c r="FD4" s="508"/>
      <c r="FE4" s="508"/>
      <c r="FF4" s="508"/>
      <c r="FG4" s="508"/>
      <c r="FH4" s="508"/>
      <c r="FI4" s="508"/>
      <c r="FJ4" s="508"/>
      <c r="FK4" s="508"/>
      <c r="FL4" s="508"/>
      <c r="FM4" s="508"/>
      <c r="FN4" s="508"/>
      <c r="FO4" s="508"/>
      <c r="FP4" s="508"/>
      <c r="FQ4" s="508"/>
      <c r="FR4" s="508"/>
      <c r="FS4" s="508"/>
      <c r="FT4" s="508"/>
      <c r="FU4" s="508"/>
      <c r="FV4" s="508"/>
      <c r="FW4" s="508"/>
      <c r="FX4" s="508"/>
      <c r="FY4" s="508"/>
      <c r="FZ4" s="508"/>
      <c r="GA4" s="508"/>
      <c r="GB4" s="508"/>
      <c r="GC4" s="508"/>
      <c r="GD4" s="508"/>
      <c r="GE4" s="508"/>
      <c r="GF4" s="508"/>
      <c r="GG4" s="508"/>
      <c r="GH4" s="508"/>
      <c r="GI4" s="508"/>
      <c r="GJ4" s="508"/>
      <c r="GK4" s="508"/>
      <c r="GL4" s="508"/>
      <c r="GM4" s="508"/>
      <c r="GN4" s="508"/>
      <c r="GO4" s="508"/>
      <c r="GP4" s="508"/>
      <c r="GQ4" s="508"/>
      <c r="GR4" s="508"/>
      <c r="GS4" s="508"/>
      <c r="GT4" s="508"/>
      <c r="GU4" s="508"/>
      <c r="GV4" s="508"/>
      <c r="GW4" s="508"/>
      <c r="GX4" s="508"/>
      <c r="GY4" s="508"/>
      <c r="GZ4" s="508"/>
      <c r="HA4" s="508"/>
      <c r="HB4" s="508"/>
      <c r="HC4" s="508"/>
      <c r="HD4" s="508"/>
      <c r="HE4" s="508"/>
      <c r="HF4" s="508"/>
      <c r="HG4" s="508"/>
      <c r="HH4" s="508"/>
      <c r="HI4" s="508"/>
      <c r="HJ4" s="508"/>
      <c r="HK4" s="508"/>
      <c r="HL4" s="508"/>
      <c r="HM4" s="508"/>
      <c r="HN4" s="508"/>
      <c r="HO4" s="508"/>
      <c r="HP4" s="508"/>
      <c r="HQ4" s="508"/>
      <c r="HR4" s="508"/>
      <c r="HS4" s="508"/>
      <c r="HT4" s="508"/>
      <c r="HU4" s="508"/>
      <c r="HV4" s="508"/>
      <c r="HW4" s="508"/>
      <c r="HX4" s="508"/>
      <c r="HY4" s="509"/>
      <c r="HZ4" s="439" t="s">
        <v>85</v>
      </c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0"/>
      <c r="JR4" s="440"/>
      <c r="JS4" s="440"/>
      <c r="JT4" s="440"/>
      <c r="JU4" s="440"/>
      <c r="JV4" s="440"/>
      <c r="JW4" s="440"/>
      <c r="JX4" s="440"/>
      <c r="JY4" s="440"/>
      <c r="JZ4" s="440"/>
      <c r="KA4" s="440"/>
      <c r="KB4" s="440"/>
      <c r="KC4" s="440"/>
      <c r="KD4" s="440"/>
      <c r="KE4" s="440"/>
      <c r="KF4" s="440"/>
      <c r="KG4" s="440"/>
      <c r="KH4" s="440"/>
      <c r="KI4" s="440"/>
      <c r="KJ4" s="440"/>
      <c r="KK4" s="440"/>
      <c r="KL4" s="440"/>
      <c r="KM4" s="440"/>
      <c r="KN4" s="440"/>
      <c r="KO4" s="440"/>
      <c r="KP4" s="440"/>
      <c r="KQ4" s="440"/>
      <c r="KR4" s="440"/>
      <c r="KS4" s="440"/>
      <c r="KT4" s="440"/>
      <c r="KU4" s="440"/>
      <c r="KV4" s="440"/>
      <c r="KW4" s="440"/>
      <c r="KX4" s="440"/>
      <c r="KY4" s="440"/>
      <c r="KZ4" s="440"/>
      <c r="LA4" s="440"/>
      <c r="LB4" s="440"/>
      <c r="LC4" s="440"/>
      <c r="LD4" s="440"/>
      <c r="LE4" s="440"/>
      <c r="LF4" s="440"/>
      <c r="LG4" s="440"/>
      <c r="LH4" s="440"/>
      <c r="LI4" s="440"/>
      <c r="LJ4" s="440"/>
      <c r="LK4" s="440"/>
      <c r="LL4" s="440"/>
      <c r="LM4" s="440"/>
      <c r="LN4" s="440"/>
      <c r="LO4" s="440"/>
      <c r="LP4" s="440"/>
      <c r="LQ4" s="440"/>
      <c r="LR4" s="440"/>
      <c r="LS4" s="440"/>
      <c r="LT4" s="440"/>
      <c r="LU4" s="440"/>
      <c r="LV4" s="440"/>
      <c r="LW4" s="440"/>
      <c r="LX4" s="440"/>
      <c r="LY4" s="440"/>
      <c r="LZ4" s="440"/>
      <c r="MA4" s="440"/>
      <c r="MB4" s="440"/>
      <c r="MC4" s="440"/>
      <c r="MD4" s="440"/>
      <c r="ME4" s="441"/>
      <c r="MF4" s="439" t="s">
        <v>86</v>
      </c>
      <c r="MG4" s="440"/>
      <c r="MH4" s="440"/>
      <c r="MI4" s="440"/>
      <c r="MJ4" s="440"/>
      <c r="MK4" s="440"/>
      <c r="ML4" s="440"/>
      <c r="MM4" s="440"/>
      <c r="MN4" s="440"/>
      <c r="MO4" s="440"/>
      <c r="MP4" s="440"/>
      <c r="MQ4" s="440"/>
      <c r="MR4" s="440"/>
      <c r="MS4" s="440"/>
      <c r="MT4" s="440"/>
      <c r="MU4" s="440"/>
      <c r="MV4" s="440"/>
      <c r="MW4" s="440"/>
      <c r="MX4" s="440"/>
      <c r="MY4" s="440"/>
      <c r="MZ4" s="440"/>
      <c r="NA4" s="440"/>
      <c r="NB4" s="440"/>
      <c r="NC4" s="440"/>
      <c r="ND4" s="440"/>
      <c r="NE4" s="440"/>
      <c r="NF4" s="440"/>
      <c r="NG4" s="440"/>
      <c r="NH4" s="440"/>
      <c r="NI4" s="440"/>
      <c r="NJ4" s="440"/>
      <c r="NK4" s="440"/>
      <c r="NL4" s="440"/>
      <c r="NM4" s="440"/>
      <c r="NN4" s="440"/>
      <c r="NO4" s="440"/>
      <c r="NP4" s="440"/>
      <c r="NQ4" s="440"/>
      <c r="NR4" s="440"/>
      <c r="NS4" s="440"/>
      <c r="NT4" s="440"/>
      <c r="NU4" s="440"/>
      <c r="NV4" s="440"/>
      <c r="NW4" s="440"/>
      <c r="NX4" s="440"/>
      <c r="NY4" s="440"/>
      <c r="NZ4" s="440"/>
      <c r="OA4" s="440"/>
      <c r="OB4" s="440"/>
      <c r="OC4" s="440"/>
      <c r="OD4" s="440"/>
      <c r="OE4" s="440"/>
      <c r="OF4" s="440"/>
      <c r="OG4" s="440"/>
      <c r="OH4" s="441"/>
      <c r="OI4" s="425" t="s">
        <v>60</v>
      </c>
      <c r="OJ4" s="426"/>
      <c r="OK4" s="426"/>
      <c r="OL4" s="426"/>
      <c r="OM4" s="426"/>
      <c r="ON4" s="426"/>
      <c r="OO4" s="426"/>
      <c r="OP4" s="426"/>
      <c r="OQ4" s="426"/>
      <c r="OR4" s="426"/>
      <c r="OS4" s="427"/>
    </row>
    <row r="5" spans="1:409" ht="21" customHeight="1" thickBot="1" x14ac:dyDescent="0.25">
      <c r="B5" s="548"/>
      <c r="C5" s="551"/>
      <c r="D5" s="551"/>
      <c r="E5" s="551"/>
      <c r="F5" s="551"/>
      <c r="G5" s="551"/>
      <c r="H5" s="551"/>
      <c r="I5" s="551"/>
      <c r="J5" s="551"/>
      <c r="K5" s="551"/>
      <c r="L5" s="551"/>
      <c r="M5" s="551"/>
      <c r="N5" s="553" t="s">
        <v>64</v>
      </c>
      <c r="O5" s="554"/>
      <c r="P5" s="554"/>
      <c r="Q5" s="554"/>
      <c r="R5" s="554"/>
      <c r="S5" s="554"/>
      <c r="T5" s="554"/>
      <c r="U5" s="554"/>
      <c r="V5" s="554"/>
      <c r="W5" s="554"/>
      <c r="X5" s="554"/>
      <c r="Y5" s="554"/>
      <c r="Z5" s="554"/>
      <c r="AA5" s="554"/>
      <c r="AB5" s="554"/>
      <c r="AC5" s="554"/>
      <c r="AD5" s="554"/>
      <c r="AE5" s="554"/>
      <c r="AF5" s="554"/>
      <c r="AG5" s="554"/>
      <c r="AH5" s="554"/>
      <c r="AI5" s="554"/>
      <c r="AJ5" s="554"/>
      <c r="AK5" s="554"/>
      <c r="AL5" s="554"/>
      <c r="AM5" s="554"/>
      <c r="AN5" s="554"/>
      <c r="AO5" s="554"/>
      <c r="AP5" s="554"/>
      <c r="AQ5" s="554"/>
      <c r="AR5" s="554"/>
      <c r="AS5" s="554"/>
      <c r="AT5" s="554"/>
      <c r="AU5" s="554"/>
      <c r="AV5" s="554"/>
      <c r="AW5" s="554"/>
      <c r="AX5" s="554"/>
      <c r="AY5" s="554"/>
      <c r="AZ5" s="554"/>
      <c r="BA5" s="554"/>
      <c r="BB5" s="554"/>
      <c r="BC5" s="554"/>
      <c r="BD5" s="554"/>
      <c r="BE5" s="554"/>
      <c r="BF5" s="554"/>
      <c r="BG5" s="554"/>
      <c r="BH5" s="554"/>
      <c r="BI5" s="554"/>
      <c r="BJ5" s="554"/>
      <c r="BK5" s="554"/>
      <c r="BL5" s="554"/>
      <c r="BM5" s="554"/>
      <c r="BN5" s="554"/>
      <c r="BO5" s="554"/>
      <c r="BP5" s="554"/>
      <c r="BQ5" s="554"/>
      <c r="BR5" s="554"/>
      <c r="BS5" s="554"/>
      <c r="BT5" s="554"/>
      <c r="BU5" s="554"/>
      <c r="BV5" s="554"/>
      <c r="BW5" s="554"/>
      <c r="BX5" s="554"/>
      <c r="BY5" s="554"/>
      <c r="BZ5" s="554"/>
      <c r="CA5" s="555"/>
      <c r="CB5" s="553" t="s">
        <v>65</v>
      </c>
      <c r="CC5" s="554"/>
      <c r="CD5" s="554"/>
      <c r="CE5" s="554"/>
      <c r="CF5" s="554"/>
      <c r="CG5" s="554"/>
      <c r="CH5" s="554"/>
      <c r="CI5" s="554"/>
      <c r="CJ5" s="554"/>
      <c r="CK5" s="554"/>
      <c r="CL5" s="554"/>
      <c r="CM5" s="554"/>
      <c r="CN5" s="554"/>
      <c r="CO5" s="554"/>
      <c r="CP5" s="554"/>
      <c r="CQ5" s="554"/>
      <c r="CR5" s="554"/>
      <c r="CS5" s="554"/>
      <c r="CT5" s="554"/>
      <c r="CU5" s="554"/>
      <c r="CV5" s="554"/>
      <c r="CW5" s="554"/>
      <c r="CX5" s="554"/>
      <c r="CY5" s="554"/>
      <c r="CZ5" s="554"/>
      <c r="DA5" s="554"/>
      <c r="DB5" s="554"/>
      <c r="DC5" s="554"/>
      <c r="DD5" s="554"/>
      <c r="DE5" s="554"/>
      <c r="DF5" s="554"/>
      <c r="DG5" s="554"/>
      <c r="DH5" s="555"/>
      <c r="DI5" s="439" t="s">
        <v>66</v>
      </c>
      <c r="DJ5" s="440"/>
      <c r="DK5" s="440"/>
      <c r="DL5" s="440"/>
      <c r="DM5" s="440"/>
      <c r="DN5" s="440"/>
      <c r="DO5" s="440"/>
      <c r="DP5" s="440"/>
      <c r="DQ5" s="440"/>
      <c r="DR5" s="440"/>
      <c r="DS5" s="440"/>
      <c r="DT5" s="440"/>
      <c r="DU5" s="440"/>
      <c r="DV5" s="440"/>
      <c r="DW5" s="440"/>
      <c r="DX5" s="440"/>
      <c r="DY5" s="440"/>
      <c r="DZ5" s="440"/>
      <c r="EA5" s="440"/>
      <c r="EB5" s="440"/>
      <c r="EC5" s="440"/>
      <c r="ED5" s="440"/>
      <c r="EE5" s="440"/>
      <c r="EF5" s="440"/>
      <c r="EG5" s="440"/>
      <c r="EH5" s="440"/>
      <c r="EI5" s="440"/>
      <c r="EJ5" s="440"/>
      <c r="EK5" s="440"/>
      <c r="EL5" s="440"/>
      <c r="EM5" s="440"/>
      <c r="EN5" s="440"/>
      <c r="EO5" s="440"/>
      <c r="EP5" s="440"/>
      <c r="EQ5" s="440"/>
      <c r="ER5" s="440"/>
      <c r="ES5" s="440"/>
      <c r="ET5" s="440"/>
      <c r="EU5" s="440"/>
      <c r="EV5" s="440"/>
      <c r="EW5" s="440"/>
      <c r="EX5" s="440"/>
      <c r="EY5" s="440"/>
      <c r="EZ5" s="440"/>
      <c r="FA5" s="440"/>
      <c r="FB5" s="440"/>
      <c r="FC5" s="440"/>
      <c r="FD5" s="440"/>
      <c r="FE5" s="440"/>
      <c r="FF5" s="440"/>
      <c r="FG5" s="440"/>
      <c r="FH5" s="440"/>
      <c r="FI5" s="440"/>
      <c r="FJ5" s="440"/>
      <c r="FK5" s="441"/>
      <c r="FL5" s="553" t="s">
        <v>67</v>
      </c>
      <c r="FM5" s="554"/>
      <c r="FN5" s="554"/>
      <c r="FO5" s="554"/>
      <c r="FP5" s="554"/>
      <c r="FQ5" s="554"/>
      <c r="FR5" s="554"/>
      <c r="FS5" s="554"/>
      <c r="FT5" s="554"/>
      <c r="FU5" s="554"/>
      <c r="FV5" s="554"/>
      <c r="FW5" s="554"/>
      <c r="FX5" s="554"/>
      <c r="FY5" s="554"/>
      <c r="FZ5" s="554"/>
      <c r="GA5" s="554"/>
      <c r="GB5" s="554"/>
      <c r="GC5" s="554"/>
      <c r="GD5" s="554"/>
      <c r="GE5" s="554"/>
      <c r="GF5" s="554"/>
      <c r="GG5" s="554"/>
      <c r="GH5" s="554"/>
      <c r="GI5" s="554"/>
      <c r="GJ5" s="554"/>
      <c r="GK5" s="554"/>
      <c r="GL5" s="554"/>
      <c r="GM5" s="554"/>
      <c r="GN5" s="554"/>
      <c r="GO5" s="554"/>
      <c r="GP5" s="554"/>
      <c r="GQ5" s="554"/>
      <c r="GR5" s="554"/>
      <c r="GS5" s="554"/>
      <c r="GT5" s="554"/>
      <c r="GU5" s="554"/>
      <c r="GV5" s="554"/>
      <c r="GW5" s="554"/>
      <c r="GX5" s="554"/>
      <c r="GY5" s="554"/>
      <c r="GZ5" s="554"/>
      <c r="HA5" s="554"/>
      <c r="HB5" s="554"/>
      <c r="HC5" s="555"/>
      <c r="HD5" s="539" t="s">
        <v>68</v>
      </c>
      <c r="HE5" s="540"/>
      <c r="HF5" s="540"/>
      <c r="HG5" s="540"/>
      <c r="HH5" s="540"/>
      <c r="HI5" s="540"/>
      <c r="HJ5" s="540"/>
      <c r="HK5" s="540"/>
      <c r="HL5" s="540"/>
      <c r="HM5" s="540"/>
      <c r="HN5" s="541"/>
      <c r="HO5" s="539" t="s">
        <v>69</v>
      </c>
      <c r="HP5" s="540"/>
      <c r="HQ5" s="540"/>
      <c r="HR5" s="540"/>
      <c r="HS5" s="540"/>
      <c r="HT5" s="540"/>
      <c r="HU5" s="540"/>
      <c r="HV5" s="540"/>
      <c r="HW5" s="540"/>
      <c r="HX5" s="540"/>
      <c r="HY5" s="541"/>
      <c r="HZ5" s="572"/>
      <c r="IA5" s="573"/>
      <c r="IB5" s="573"/>
      <c r="IC5" s="573"/>
      <c r="ID5" s="573"/>
      <c r="IE5" s="573"/>
      <c r="IF5" s="573"/>
      <c r="IG5" s="573"/>
      <c r="IH5" s="573"/>
      <c r="II5" s="573"/>
      <c r="IJ5" s="574"/>
      <c r="IK5" s="425" t="s">
        <v>94</v>
      </c>
      <c r="IL5" s="426"/>
      <c r="IM5" s="426"/>
      <c r="IN5" s="426"/>
      <c r="IO5" s="426"/>
      <c r="IP5" s="426"/>
      <c r="IQ5" s="426"/>
      <c r="IR5" s="426"/>
      <c r="IS5" s="426"/>
      <c r="IT5" s="426"/>
      <c r="IU5" s="427"/>
      <c r="IV5" s="425" t="s">
        <v>88</v>
      </c>
      <c r="IW5" s="426"/>
      <c r="IX5" s="426"/>
      <c r="IY5" s="426"/>
      <c r="IZ5" s="426"/>
      <c r="JA5" s="426"/>
      <c r="JB5" s="426"/>
      <c r="JC5" s="426"/>
      <c r="JD5" s="426"/>
      <c r="JE5" s="426"/>
      <c r="JF5" s="427"/>
      <c r="JG5" s="425" t="s">
        <v>140</v>
      </c>
      <c r="JH5" s="426"/>
      <c r="JI5" s="426"/>
      <c r="JJ5" s="426"/>
      <c r="JK5" s="426"/>
      <c r="JL5" s="426"/>
      <c r="JM5" s="426"/>
      <c r="JN5" s="426"/>
      <c r="JO5" s="426"/>
      <c r="JP5" s="426"/>
      <c r="JQ5" s="427"/>
      <c r="JR5" s="425" t="s">
        <v>90</v>
      </c>
      <c r="JS5" s="426"/>
      <c r="JT5" s="426"/>
      <c r="JU5" s="426"/>
      <c r="JV5" s="426"/>
      <c r="JW5" s="426"/>
      <c r="JX5" s="426"/>
      <c r="JY5" s="426"/>
      <c r="JZ5" s="426"/>
      <c r="KA5" s="426"/>
      <c r="KB5" s="427"/>
      <c r="KC5" s="425" t="s">
        <v>89</v>
      </c>
      <c r="KD5" s="426"/>
      <c r="KE5" s="426"/>
      <c r="KF5" s="426"/>
      <c r="KG5" s="426"/>
      <c r="KH5" s="426"/>
      <c r="KI5" s="426"/>
      <c r="KJ5" s="426"/>
      <c r="KK5" s="426"/>
      <c r="KL5" s="426"/>
      <c r="KM5" s="427"/>
      <c r="KN5" s="425" t="s">
        <v>91</v>
      </c>
      <c r="KO5" s="426"/>
      <c r="KP5" s="426"/>
      <c r="KQ5" s="426"/>
      <c r="KR5" s="426"/>
      <c r="KS5" s="426"/>
      <c r="KT5" s="426"/>
      <c r="KU5" s="426"/>
      <c r="KV5" s="426"/>
      <c r="KW5" s="426"/>
      <c r="KX5" s="427"/>
      <c r="KY5" s="425" t="s">
        <v>92</v>
      </c>
      <c r="KZ5" s="426"/>
      <c r="LA5" s="426"/>
      <c r="LB5" s="426"/>
      <c r="LC5" s="426"/>
      <c r="LD5" s="426"/>
      <c r="LE5" s="426"/>
      <c r="LF5" s="426"/>
      <c r="LG5" s="426"/>
      <c r="LH5" s="426"/>
      <c r="LI5" s="427"/>
      <c r="LJ5" s="575" t="s">
        <v>93</v>
      </c>
      <c r="LK5" s="576"/>
      <c r="LL5" s="576"/>
      <c r="LM5" s="576"/>
      <c r="LN5" s="576"/>
      <c r="LO5" s="576"/>
      <c r="LP5" s="576"/>
      <c r="LQ5" s="576"/>
      <c r="LR5" s="576"/>
      <c r="LS5" s="576"/>
      <c r="LT5" s="577"/>
      <c r="LU5" s="575" t="s">
        <v>141</v>
      </c>
      <c r="LV5" s="576"/>
      <c r="LW5" s="576"/>
      <c r="LX5" s="576"/>
      <c r="LY5" s="576"/>
      <c r="LZ5" s="576"/>
      <c r="MA5" s="576"/>
      <c r="MB5" s="576"/>
      <c r="MC5" s="576"/>
      <c r="MD5" s="576"/>
      <c r="ME5" s="577"/>
      <c r="MF5" s="572"/>
      <c r="MG5" s="573"/>
      <c r="MH5" s="573"/>
      <c r="MI5" s="573"/>
      <c r="MJ5" s="573"/>
      <c r="MK5" s="573"/>
      <c r="ML5" s="573"/>
      <c r="MM5" s="573"/>
      <c r="MN5" s="573"/>
      <c r="MO5" s="573"/>
      <c r="MP5" s="574"/>
      <c r="MQ5" s="425" t="s">
        <v>57</v>
      </c>
      <c r="MR5" s="426"/>
      <c r="MS5" s="426"/>
      <c r="MT5" s="426"/>
      <c r="MU5" s="426"/>
      <c r="MV5" s="426"/>
      <c r="MW5" s="426"/>
      <c r="MX5" s="426"/>
      <c r="MY5" s="426"/>
      <c r="MZ5" s="426"/>
      <c r="NA5" s="427"/>
      <c r="NB5" s="425" t="s">
        <v>58</v>
      </c>
      <c r="NC5" s="426"/>
      <c r="ND5" s="426"/>
      <c r="NE5" s="426"/>
      <c r="NF5" s="426"/>
      <c r="NG5" s="426"/>
      <c r="NH5" s="426"/>
      <c r="NI5" s="426"/>
      <c r="NJ5" s="426"/>
      <c r="NK5" s="426"/>
      <c r="NL5" s="427"/>
      <c r="NM5" s="425" t="s">
        <v>59</v>
      </c>
      <c r="NN5" s="426"/>
      <c r="NO5" s="426"/>
      <c r="NP5" s="426"/>
      <c r="NQ5" s="426"/>
      <c r="NR5" s="426"/>
      <c r="NS5" s="426"/>
      <c r="NT5" s="426"/>
      <c r="NU5" s="426"/>
      <c r="NV5" s="426"/>
      <c r="NW5" s="427"/>
      <c r="NX5" s="425" t="s">
        <v>147</v>
      </c>
      <c r="NY5" s="426"/>
      <c r="NZ5" s="426"/>
      <c r="OA5" s="426"/>
      <c r="OB5" s="426"/>
      <c r="OC5" s="426"/>
      <c r="OD5" s="426"/>
      <c r="OE5" s="426"/>
      <c r="OF5" s="426"/>
      <c r="OG5" s="426"/>
      <c r="OH5" s="427"/>
      <c r="OI5" s="443"/>
      <c r="OJ5" s="570"/>
      <c r="OK5" s="570"/>
      <c r="OL5" s="570"/>
      <c r="OM5" s="570"/>
      <c r="ON5" s="570"/>
      <c r="OO5" s="570"/>
      <c r="OP5" s="570"/>
      <c r="OQ5" s="570"/>
      <c r="OR5" s="570"/>
      <c r="OS5" s="571"/>
    </row>
    <row r="6" spans="1:409" ht="21" customHeight="1" thickBot="1" x14ac:dyDescent="0.25">
      <c r="B6" s="548"/>
      <c r="C6" s="552"/>
      <c r="D6" s="552"/>
      <c r="E6" s="552"/>
      <c r="F6" s="552"/>
      <c r="G6" s="552"/>
      <c r="H6" s="552"/>
      <c r="I6" s="552"/>
      <c r="J6" s="552"/>
      <c r="K6" s="552"/>
      <c r="L6" s="552"/>
      <c r="M6" s="552"/>
      <c r="N6" s="431"/>
      <c r="O6" s="432"/>
      <c r="P6" s="432"/>
      <c r="Q6" s="432"/>
      <c r="R6" s="432"/>
      <c r="S6" s="432"/>
      <c r="T6" s="432"/>
      <c r="U6" s="432"/>
      <c r="V6" s="432"/>
      <c r="W6" s="432"/>
      <c r="X6" s="433"/>
      <c r="Y6" s="434" t="s">
        <v>70</v>
      </c>
      <c r="Z6" s="435"/>
      <c r="AA6" s="435"/>
      <c r="AB6" s="435"/>
      <c r="AC6" s="435"/>
      <c r="AD6" s="435"/>
      <c r="AE6" s="435"/>
      <c r="AF6" s="435"/>
      <c r="AG6" s="435"/>
      <c r="AH6" s="435"/>
      <c r="AI6" s="436"/>
      <c r="AJ6" s="536" t="s">
        <v>71</v>
      </c>
      <c r="AK6" s="537"/>
      <c r="AL6" s="537"/>
      <c r="AM6" s="537"/>
      <c r="AN6" s="537"/>
      <c r="AO6" s="537"/>
      <c r="AP6" s="537"/>
      <c r="AQ6" s="537"/>
      <c r="AR6" s="537"/>
      <c r="AS6" s="537"/>
      <c r="AT6" s="538"/>
      <c r="AU6" s="536" t="s">
        <v>72</v>
      </c>
      <c r="AV6" s="537"/>
      <c r="AW6" s="537"/>
      <c r="AX6" s="537"/>
      <c r="AY6" s="537"/>
      <c r="AZ6" s="537"/>
      <c r="BA6" s="537"/>
      <c r="BB6" s="537"/>
      <c r="BC6" s="537"/>
      <c r="BD6" s="537"/>
      <c r="BE6" s="538"/>
      <c r="BF6" s="536" t="s">
        <v>73</v>
      </c>
      <c r="BG6" s="537"/>
      <c r="BH6" s="537"/>
      <c r="BI6" s="537"/>
      <c r="BJ6" s="537"/>
      <c r="BK6" s="537"/>
      <c r="BL6" s="537"/>
      <c r="BM6" s="537"/>
      <c r="BN6" s="537"/>
      <c r="BO6" s="537"/>
      <c r="BP6" s="538"/>
      <c r="BQ6" s="536" t="s">
        <v>74</v>
      </c>
      <c r="BR6" s="537"/>
      <c r="BS6" s="537"/>
      <c r="BT6" s="537"/>
      <c r="BU6" s="537"/>
      <c r="BV6" s="537"/>
      <c r="BW6" s="537"/>
      <c r="BX6" s="537"/>
      <c r="BY6" s="537"/>
      <c r="BZ6" s="537"/>
      <c r="CA6" s="538"/>
      <c r="CB6" s="533"/>
      <c r="CC6" s="534"/>
      <c r="CD6" s="534"/>
      <c r="CE6" s="534"/>
      <c r="CF6" s="534"/>
      <c r="CG6" s="534"/>
      <c r="CH6" s="534"/>
      <c r="CI6" s="534"/>
      <c r="CJ6" s="534"/>
      <c r="CK6" s="534"/>
      <c r="CL6" s="535"/>
      <c r="CM6" s="536" t="s">
        <v>75</v>
      </c>
      <c r="CN6" s="537"/>
      <c r="CO6" s="537"/>
      <c r="CP6" s="537"/>
      <c r="CQ6" s="537"/>
      <c r="CR6" s="537"/>
      <c r="CS6" s="537"/>
      <c r="CT6" s="537"/>
      <c r="CU6" s="537"/>
      <c r="CV6" s="537"/>
      <c r="CW6" s="538"/>
      <c r="CX6" s="536" t="s">
        <v>76</v>
      </c>
      <c r="CY6" s="537"/>
      <c r="CZ6" s="537"/>
      <c r="DA6" s="537"/>
      <c r="DB6" s="537"/>
      <c r="DC6" s="537"/>
      <c r="DD6" s="537"/>
      <c r="DE6" s="537"/>
      <c r="DF6" s="537"/>
      <c r="DG6" s="537"/>
      <c r="DH6" s="538"/>
      <c r="DI6" s="533"/>
      <c r="DJ6" s="534"/>
      <c r="DK6" s="534"/>
      <c r="DL6" s="534"/>
      <c r="DM6" s="534"/>
      <c r="DN6" s="534"/>
      <c r="DO6" s="534"/>
      <c r="DP6" s="534"/>
      <c r="DQ6" s="534"/>
      <c r="DR6" s="534"/>
      <c r="DS6" s="534"/>
      <c r="DT6" s="536" t="s">
        <v>77</v>
      </c>
      <c r="DU6" s="537"/>
      <c r="DV6" s="537"/>
      <c r="DW6" s="537"/>
      <c r="DX6" s="537"/>
      <c r="DY6" s="537"/>
      <c r="DZ6" s="537"/>
      <c r="EA6" s="537"/>
      <c r="EB6" s="537"/>
      <c r="EC6" s="537"/>
      <c r="ED6" s="538"/>
      <c r="EE6" s="536" t="s">
        <v>78</v>
      </c>
      <c r="EF6" s="537"/>
      <c r="EG6" s="537"/>
      <c r="EH6" s="537"/>
      <c r="EI6" s="537"/>
      <c r="EJ6" s="537"/>
      <c r="EK6" s="537"/>
      <c r="EL6" s="537"/>
      <c r="EM6" s="537"/>
      <c r="EN6" s="537"/>
      <c r="EO6" s="538"/>
      <c r="EP6" s="536" t="s">
        <v>79</v>
      </c>
      <c r="EQ6" s="537"/>
      <c r="ER6" s="537"/>
      <c r="ES6" s="537"/>
      <c r="ET6" s="537"/>
      <c r="EU6" s="537"/>
      <c r="EV6" s="537"/>
      <c r="EW6" s="537"/>
      <c r="EX6" s="537"/>
      <c r="EY6" s="537"/>
      <c r="EZ6" s="538"/>
      <c r="FA6" s="536" t="s">
        <v>148</v>
      </c>
      <c r="FB6" s="537"/>
      <c r="FC6" s="537"/>
      <c r="FD6" s="537"/>
      <c r="FE6" s="537"/>
      <c r="FF6" s="537"/>
      <c r="FG6" s="537"/>
      <c r="FH6" s="537"/>
      <c r="FI6" s="537"/>
      <c r="FJ6" s="537"/>
      <c r="FK6" s="538"/>
      <c r="FL6" s="533"/>
      <c r="FM6" s="534"/>
      <c r="FN6" s="534"/>
      <c r="FO6" s="534"/>
      <c r="FP6" s="534"/>
      <c r="FQ6" s="534"/>
      <c r="FR6" s="534"/>
      <c r="FS6" s="534"/>
      <c r="FT6" s="534"/>
      <c r="FU6" s="534"/>
      <c r="FV6" s="534"/>
      <c r="FW6" s="536" t="s">
        <v>80</v>
      </c>
      <c r="FX6" s="537"/>
      <c r="FY6" s="537"/>
      <c r="FZ6" s="537"/>
      <c r="GA6" s="537"/>
      <c r="GB6" s="537"/>
      <c r="GC6" s="537"/>
      <c r="GD6" s="537"/>
      <c r="GE6" s="537"/>
      <c r="GF6" s="537"/>
      <c r="GG6" s="538"/>
      <c r="GH6" s="434" t="s">
        <v>81</v>
      </c>
      <c r="GI6" s="435"/>
      <c r="GJ6" s="435"/>
      <c r="GK6" s="435"/>
      <c r="GL6" s="435"/>
      <c r="GM6" s="435"/>
      <c r="GN6" s="435"/>
      <c r="GO6" s="435"/>
      <c r="GP6" s="435"/>
      <c r="GQ6" s="435"/>
      <c r="GR6" s="436"/>
      <c r="GS6" s="434" t="s">
        <v>82</v>
      </c>
      <c r="GT6" s="435"/>
      <c r="GU6" s="435"/>
      <c r="GV6" s="435"/>
      <c r="GW6" s="435"/>
      <c r="GX6" s="435"/>
      <c r="GY6" s="435"/>
      <c r="GZ6" s="435"/>
      <c r="HA6" s="435"/>
      <c r="HB6" s="435"/>
      <c r="HC6" s="436"/>
      <c r="HD6" s="556"/>
      <c r="HE6" s="557"/>
      <c r="HF6" s="557"/>
      <c r="HG6" s="557"/>
      <c r="HH6" s="557"/>
      <c r="HI6" s="557"/>
      <c r="HJ6" s="557"/>
      <c r="HK6" s="557"/>
      <c r="HL6" s="557"/>
      <c r="HM6" s="557"/>
      <c r="HN6" s="558"/>
      <c r="HO6" s="556"/>
      <c r="HP6" s="557"/>
      <c r="HQ6" s="557"/>
      <c r="HR6" s="557"/>
      <c r="HS6" s="557"/>
      <c r="HT6" s="557"/>
      <c r="HU6" s="557"/>
      <c r="HV6" s="557"/>
      <c r="HW6" s="557"/>
      <c r="HX6" s="557"/>
      <c r="HY6" s="558"/>
      <c r="HZ6" s="533"/>
      <c r="IA6" s="534"/>
      <c r="IB6" s="534"/>
      <c r="IC6" s="534"/>
      <c r="ID6" s="534"/>
      <c r="IE6" s="534"/>
      <c r="IF6" s="534"/>
      <c r="IG6" s="534"/>
      <c r="IH6" s="534"/>
      <c r="II6" s="534"/>
      <c r="IJ6" s="535"/>
      <c r="IK6" s="431"/>
      <c r="IL6" s="432"/>
      <c r="IM6" s="432"/>
      <c r="IN6" s="432"/>
      <c r="IO6" s="432"/>
      <c r="IP6" s="432"/>
      <c r="IQ6" s="432"/>
      <c r="IR6" s="432"/>
      <c r="IS6" s="432"/>
      <c r="IT6" s="432"/>
      <c r="IU6" s="433"/>
      <c r="IV6" s="431"/>
      <c r="IW6" s="432"/>
      <c r="IX6" s="432"/>
      <c r="IY6" s="432"/>
      <c r="IZ6" s="432"/>
      <c r="JA6" s="432"/>
      <c r="JB6" s="432"/>
      <c r="JC6" s="432"/>
      <c r="JD6" s="432"/>
      <c r="JE6" s="432"/>
      <c r="JF6" s="433"/>
      <c r="JG6" s="431"/>
      <c r="JH6" s="432"/>
      <c r="JI6" s="432"/>
      <c r="JJ6" s="432"/>
      <c r="JK6" s="432"/>
      <c r="JL6" s="432"/>
      <c r="JM6" s="432"/>
      <c r="JN6" s="432"/>
      <c r="JO6" s="432"/>
      <c r="JP6" s="432"/>
      <c r="JQ6" s="433"/>
      <c r="JR6" s="431"/>
      <c r="JS6" s="432"/>
      <c r="JT6" s="432"/>
      <c r="JU6" s="432"/>
      <c r="JV6" s="432"/>
      <c r="JW6" s="432"/>
      <c r="JX6" s="432"/>
      <c r="JY6" s="432"/>
      <c r="JZ6" s="432"/>
      <c r="KA6" s="432"/>
      <c r="KB6" s="433"/>
      <c r="KC6" s="431"/>
      <c r="KD6" s="432"/>
      <c r="KE6" s="432"/>
      <c r="KF6" s="432"/>
      <c r="KG6" s="432"/>
      <c r="KH6" s="432"/>
      <c r="KI6" s="432"/>
      <c r="KJ6" s="432"/>
      <c r="KK6" s="432"/>
      <c r="KL6" s="432"/>
      <c r="KM6" s="433"/>
      <c r="KN6" s="431"/>
      <c r="KO6" s="432"/>
      <c r="KP6" s="432"/>
      <c r="KQ6" s="432"/>
      <c r="KR6" s="432"/>
      <c r="KS6" s="432"/>
      <c r="KT6" s="432"/>
      <c r="KU6" s="432"/>
      <c r="KV6" s="432"/>
      <c r="KW6" s="432"/>
      <c r="KX6" s="433"/>
      <c r="KY6" s="431"/>
      <c r="KZ6" s="432"/>
      <c r="LA6" s="432"/>
      <c r="LB6" s="432"/>
      <c r="LC6" s="432"/>
      <c r="LD6" s="432"/>
      <c r="LE6" s="432"/>
      <c r="LF6" s="432"/>
      <c r="LG6" s="432"/>
      <c r="LH6" s="432"/>
      <c r="LI6" s="433"/>
      <c r="LJ6" s="533"/>
      <c r="LK6" s="534"/>
      <c r="LL6" s="534"/>
      <c r="LM6" s="534"/>
      <c r="LN6" s="534"/>
      <c r="LO6" s="534"/>
      <c r="LP6" s="534"/>
      <c r="LQ6" s="534"/>
      <c r="LR6" s="534"/>
      <c r="LS6" s="534"/>
      <c r="LT6" s="535"/>
      <c r="LU6" s="533"/>
      <c r="LV6" s="534"/>
      <c r="LW6" s="534"/>
      <c r="LX6" s="534"/>
      <c r="LY6" s="534"/>
      <c r="LZ6" s="534"/>
      <c r="MA6" s="534"/>
      <c r="MB6" s="534"/>
      <c r="MC6" s="534"/>
      <c r="MD6" s="534"/>
      <c r="ME6" s="535"/>
      <c r="MF6" s="533"/>
      <c r="MG6" s="534"/>
      <c r="MH6" s="534"/>
      <c r="MI6" s="534"/>
      <c r="MJ6" s="534"/>
      <c r="MK6" s="534"/>
      <c r="ML6" s="534"/>
      <c r="MM6" s="534"/>
      <c r="MN6" s="534"/>
      <c r="MO6" s="534"/>
      <c r="MP6" s="535"/>
      <c r="MQ6" s="431"/>
      <c r="MR6" s="432"/>
      <c r="MS6" s="432"/>
      <c r="MT6" s="432"/>
      <c r="MU6" s="432"/>
      <c r="MV6" s="432"/>
      <c r="MW6" s="432"/>
      <c r="MX6" s="432"/>
      <c r="MY6" s="432"/>
      <c r="MZ6" s="432"/>
      <c r="NA6" s="433"/>
      <c r="NB6" s="431"/>
      <c r="NC6" s="432"/>
      <c r="ND6" s="432"/>
      <c r="NE6" s="432"/>
      <c r="NF6" s="432"/>
      <c r="NG6" s="432"/>
      <c r="NH6" s="432"/>
      <c r="NI6" s="432"/>
      <c r="NJ6" s="432"/>
      <c r="NK6" s="432"/>
      <c r="NL6" s="433"/>
      <c r="NM6" s="431"/>
      <c r="NN6" s="432"/>
      <c r="NO6" s="432"/>
      <c r="NP6" s="432"/>
      <c r="NQ6" s="432"/>
      <c r="NR6" s="432"/>
      <c r="NS6" s="432"/>
      <c r="NT6" s="432"/>
      <c r="NU6" s="432"/>
      <c r="NV6" s="432"/>
      <c r="NW6" s="433"/>
      <c r="NX6" s="431"/>
      <c r="NY6" s="432"/>
      <c r="NZ6" s="432"/>
      <c r="OA6" s="432"/>
      <c r="OB6" s="432"/>
      <c r="OC6" s="432"/>
      <c r="OD6" s="432"/>
      <c r="OE6" s="432"/>
      <c r="OF6" s="432"/>
      <c r="OG6" s="432"/>
      <c r="OH6" s="433"/>
      <c r="OI6" s="431"/>
      <c r="OJ6" s="432"/>
      <c r="OK6" s="432"/>
      <c r="OL6" s="432"/>
      <c r="OM6" s="432"/>
      <c r="ON6" s="432"/>
      <c r="OO6" s="432"/>
      <c r="OP6" s="432"/>
      <c r="OQ6" s="432"/>
      <c r="OR6" s="432"/>
      <c r="OS6" s="433"/>
    </row>
    <row r="7" spans="1:409" ht="21" customHeight="1" x14ac:dyDescent="0.2">
      <c r="B7" s="548"/>
      <c r="C7" s="516" t="s">
        <v>61</v>
      </c>
      <c r="D7" s="516"/>
      <c r="E7" s="516"/>
      <c r="F7" s="515" t="s">
        <v>62</v>
      </c>
      <c r="G7" s="516"/>
      <c r="H7" s="516"/>
      <c r="I7" s="516"/>
      <c r="J7" s="516"/>
      <c r="K7" s="516"/>
      <c r="L7" s="516"/>
      <c r="M7" s="515" t="s">
        <v>52</v>
      </c>
      <c r="N7" s="560" t="s">
        <v>61</v>
      </c>
      <c r="O7" s="516"/>
      <c r="P7" s="516"/>
      <c r="Q7" s="515" t="s">
        <v>62</v>
      </c>
      <c r="R7" s="516"/>
      <c r="S7" s="516"/>
      <c r="T7" s="516"/>
      <c r="U7" s="516"/>
      <c r="V7" s="516"/>
      <c r="W7" s="517"/>
      <c r="X7" s="545" t="s">
        <v>52</v>
      </c>
      <c r="Y7" s="431" t="s">
        <v>61</v>
      </c>
      <c r="Z7" s="432"/>
      <c r="AA7" s="524"/>
      <c r="AB7" s="523" t="s">
        <v>62</v>
      </c>
      <c r="AC7" s="432"/>
      <c r="AD7" s="432"/>
      <c r="AE7" s="432"/>
      <c r="AF7" s="432"/>
      <c r="AG7" s="432"/>
      <c r="AH7" s="524"/>
      <c r="AI7" s="433" t="s">
        <v>52</v>
      </c>
      <c r="AJ7" s="520" t="s">
        <v>61</v>
      </c>
      <c r="AK7" s="521"/>
      <c r="AL7" s="522"/>
      <c r="AM7" s="543" t="s">
        <v>62</v>
      </c>
      <c r="AN7" s="521"/>
      <c r="AO7" s="521"/>
      <c r="AP7" s="521"/>
      <c r="AQ7" s="521"/>
      <c r="AR7" s="521"/>
      <c r="AS7" s="544"/>
      <c r="AT7" s="433" t="s">
        <v>52</v>
      </c>
      <c r="AU7" s="520" t="s">
        <v>61</v>
      </c>
      <c r="AV7" s="521"/>
      <c r="AW7" s="522"/>
      <c r="AX7" s="543" t="s">
        <v>62</v>
      </c>
      <c r="AY7" s="521"/>
      <c r="AZ7" s="521"/>
      <c r="BA7" s="521"/>
      <c r="BB7" s="521"/>
      <c r="BC7" s="521"/>
      <c r="BD7" s="544"/>
      <c r="BE7" s="433" t="s">
        <v>52</v>
      </c>
      <c r="BF7" s="520" t="s">
        <v>61</v>
      </c>
      <c r="BG7" s="521"/>
      <c r="BH7" s="522"/>
      <c r="BI7" s="543" t="s">
        <v>62</v>
      </c>
      <c r="BJ7" s="521"/>
      <c r="BK7" s="521"/>
      <c r="BL7" s="521"/>
      <c r="BM7" s="521"/>
      <c r="BN7" s="521"/>
      <c r="BO7" s="544"/>
      <c r="BP7" s="433" t="s">
        <v>52</v>
      </c>
      <c r="BQ7" s="520" t="s">
        <v>61</v>
      </c>
      <c r="BR7" s="521"/>
      <c r="BS7" s="522"/>
      <c r="BT7" s="543" t="s">
        <v>62</v>
      </c>
      <c r="BU7" s="521"/>
      <c r="BV7" s="521"/>
      <c r="BW7" s="521"/>
      <c r="BX7" s="521"/>
      <c r="BY7" s="521"/>
      <c r="BZ7" s="544"/>
      <c r="CA7" s="433" t="s">
        <v>52</v>
      </c>
      <c r="CB7" s="512" t="s">
        <v>61</v>
      </c>
      <c r="CC7" s="513"/>
      <c r="CD7" s="514"/>
      <c r="CE7" s="561" t="s">
        <v>62</v>
      </c>
      <c r="CF7" s="513"/>
      <c r="CG7" s="513"/>
      <c r="CH7" s="513"/>
      <c r="CI7" s="513"/>
      <c r="CJ7" s="513"/>
      <c r="CK7" s="562"/>
      <c r="CL7" s="545" t="s">
        <v>52</v>
      </c>
      <c r="CM7" s="520" t="s">
        <v>61</v>
      </c>
      <c r="CN7" s="521"/>
      <c r="CO7" s="544"/>
      <c r="CP7" s="543" t="s">
        <v>62</v>
      </c>
      <c r="CQ7" s="521"/>
      <c r="CR7" s="521"/>
      <c r="CS7" s="521"/>
      <c r="CT7" s="521"/>
      <c r="CU7" s="521"/>
      <c r="CV7" s="544"/>
      <c r="CW7" s="567" t="s">
        <v>52</v>
      </c>
      <c r="CX7" s="520" t="s">
        <v>61</v>
      </c>
      <c r="CY7" s="521"/>
      <c r="CZ7" s="544"/>
      <c r="DA7" s="543" t="s">
        <v>62</v>
      </c>
      <c r="DB7" s="521"/>
      <c r="DC7" s="521"/>
      <c r="DD7" s="521"/>
      <c r="DE7" s="521"/>
      <c r="DF7" s="521"/>
      <c r="DG7" s="544"/>
      <c r="DH7" s="567" t="s">
        <v>52</v>
      </c>
      <c r="DI7" s="512" t="s">
        <v>61</v>
      </c>
      <c r="DJ7" s="513"/>
      <c r="DK7" s="562"/>
      <c r="DL7" s="561" t="s">
        <v>62</v>
      </c>
      <c r="DM7" s="513"/>
      <c r="DN7" s="513"/>
      <c r="DO7" s="513"/>
      <c r="DP7" s="513"/>
      <c r="DQ7" s="513"/>
      <c r="DR7" s="562"/>
      <c r="DS7" s="545" t="s">
        <v>52</v>
      </c>
      <c r="DT7" s="520" t="s">
        <v>61</v>
      </c>
      <c r="DU7" s="521"/>
      <c r="DV7" s="522"/>
      <c r="DW7" s="543" t="s">
        <v>62</v>
      </c>
      <c r="DX7" s="521"/>
      <c r="DY7" s="521"/>
      <c r="DZ7" s="521"/>
      <c r="EA7" s="521"/>
      <c r="EB7" s="521"/>
      <c r="EC7" s="544"/>
      <c r="ED7" s="433" t="s">
        <v>52</v>
      </c>
      <c r="EE7" s="520" t="s">
        <v>61</v>
      </c>
      <c r="EF7" s="521"/>
      <c r="EG7" s="522"/>
      <c r="EH7" s="543" t="s">
        <v>62</v>
      </c>
      <c r="EI7" s="521"/>
      <c r="EJ7" s="521"/>
      <c r="EK7" s="521"/>
      <c r="EL7" s="521"/>
      <c r="EM7" s="521"/>
      <c r="EN7" s="544"/>
      <c r="EO7" s="433" t="s">
        <v>52</v>
      </c>
      <c r="EP7" s="520" t="s">
        <v>61</v>
      </c>
      <c r="EQ7" s="521"/>
      <c r="ER7" s="522"/>
      <c r="ES7" s="543" t="s">
        <v>62</v>
      </c>
      <c r="ET7" s="521"/>
      <c r="EU7" s="521"/>
      <c r="EV7" s="521"/>
      <c r="EW7" s="521"/>
      <c r="EX7" s="521"/>
      <c r="EY7" s="544"/>
      <c r="EZ7" s="433" t="s">
        <v>52</v>
      </c>
      <c r="FA7" s="520" t="s">
        <v>61</v>
      </c>
      <c r="FB7" s="521"/>
      <c r="FC7" s="522"/>
      <c r="FD7" s="543" t="s">
        <v>62</v>
      </c>
      <c r="FE7" s="521"/>
      <c r="FF7" s="521"/>
      <c r="FG7" s="521"/>
      <c r="FH7" s="521"/>
      <c r="FI7" s="521"/>
      <c r="FJ7" s="544"/>
      <c r="FK7" s="433" t="s">
        <v>52</v>
      </c>
      <c r="FL7" s="512" t="s">
        <v>61</v>
      </c>
      <c r="FM7" s="513"/>
      <c r="FN7" s="514"/>
      <c r="FO7" s="561" t="s">
        <v>62</v>
      </c>
      <c r="FP7" s="513"/>
      <c r="FQ7" s="513"/>
      <c r="FR7" s="513"/>
      <c r="FS7" s="513"/>
      <c r="FT7" s="513"/>
      <c r="FU7" s="562"/>
      <c r="FV7" s="516" t="s">
        <v>52</v>
      </c>
      <c r="FW7" s="520" t="s">
        <v>61</v>
      </c>
      <c r="FX7" s="521"/>
      <c r="FY7" s="522"/>
      <c r="FZ7" s="543" t="s">
        <v>62</v>
      </c>
      <c r="GA7" s="521"/>
      <c r="GB7" s="521"/>
      <c r="GC7" s="521"/>
      <c r="GD7" s="521"/>
      <c r="GE7" s="521"/>
      <c r="GF7" s="544"/>
      <c r="GG7" s="433" t="s">
        <v>52</v>
      </c>
      <c r="GH7" s="431" t="s">
        <v>61</v>
      </c>
      <c r="GI7" s="432"/>
      <c r="GJ7" s="432"/>
      <c r="GK7" s="523" t="s">
        <v>62</v>
      </c>
      <c r="GL7" s="432"/>
      <c r="GM7" s="432"/>
      <c r="GN7" s="432"/>
      <c r="GO7" s="432"/>
      <c r="GP7" s="432"/>
      <c r="GQ7" s="524"/>
      <c r="GR7" s="564" t="s">
        <v>52</v>
      </c>
      <c r="GS7" s="431" t="s">
        <v>61</v>
      </c>
      <c r="GT7" s="432"/>
      <c r="GU7" s="524"/>
      <c r="GV7" s="523" t="s">
        <v>62</v>
      </c>
      <c r="GW7" s="432"/>
      <c r="GX7" s="432"/>
      <c r="GY7" s="432"/>
      <c r="GZ7" s="432"/>
      <c r="HA7" s="432"/>
      <c r="HB7" s="524"/>
      <c r="HC7" s="564" t="s">
        <v>52</v>
      </c>
      <c r="HD7" s="520" t="s">
        <v>61</v>
      </c>
      <c r="HE7" s="521"/>
      <c r="HF7" s="522"/>
      <c r="HG7" s="543" t="s">
        <v>62</v>
      </c>
      <c r="HH7" s="521"/>
      <c r="HI7" s="521"/>
      <c r="HJ7" s="521"/>
      <c r="HK7" s="521"/>
      <c r="HL7" s="521"/>
      <c r="HM7" s="544"/>
      <c r="HN7" s="433" t="s">
        <v>52</v>
      </c>
      <c r="HO7" s="520" t="s">
        <v>61</v>
      </c>
      <c r="HP7" s="521"/>
      <c r="HQ7" s="522"/>
      <c r="HR7" s="543" t="s">
        <v>62</v>
      </c>
      <c r="HS7" s="521"/>
      <c r="HT7" s="521"/>
      <c r="HU7" s="521"/>
      <c r="HV7" s="521"/>
      <c r="HW7" s="521"/>
      <c r="HX7" s="544"/>
      <c r="HY7" s="433" t="s">
        <v>52</v>
      </c>
      <c r="HZ7" s="512" t="s">
        <v>61</v>
      </c>
      <c r="IA7" s="513"/>
      <c r="IB7" s="514"/>
      <c r="IC7" s="561" t="s">
        <v>62</v>
      </c>
      <c r="ID7" s="513"/>
      <c r="IE7" s="513"/>
      <c r="IF7" s="513"/>
      <c r="IG7" s="513"/>
      <c r="IH7" s="513"/>
      <c r="II7" s="562"/>
      <c r="IJ7" s="516" t="s">
        <v>52</v>
      </c>
      <c r="IK7" s="520" t="s">
        <v>61</v>
      </c>
      <c r="IL7" s="521"/>
      <c r="IM7" s="522"/>
      <c r="IN7" s="543" t="s">
        <v>62</v>
      </c>
      <c r="IO7" s="521"/>
      <c r="IP7" s="521"/>
      <c r="IQ7" s="521"/>
      <c r="IR7" s="521"/>
      <c r="IS7" s="521"/>
      <c r="IT7" s="544"/>
      <c r="IU7" s="433" t="s">
        <v>52</v>
      </c>
      <c r="IV7" s="520" t="s">
        <v>61</v>
      </c>
      <c r="IW7" s="521"/>
      <c r="IX7" s="544"/>
      <c r="IY7" s="543" t="s">
        <v>62</v>
      </c>
      <c r="IZ7" s="521"/>
      <c r="JA7" s="521"/>
      <c r="JB7" s="521"/>
      <c r="JC7" s="521"/>
      <c r="JD7" s="521"/>
      <c r="JE7" s="544"/>
      <c r="JF7" s="433" t="s">
        <v>52</v>
      </c>
      <c r="JG7" s="520" t="s">
        <v>61</v>
      </c>
      <c r="JH7" s="521"/>
      <c r="JI7" s="522"/>
      <c r="JJ7" s="543" t="s">
        <v>62</v>
      </c>
      <c r="JK7" s="521"/>
      <c r="JL7" s="521"/>
      <c r="JM7" s="521"/>
      <c r="JN7" s="521"/>
      <c r="JO7" s="521"/>
      <c r="JP7" s="544"/>
      <c r="JQ7" s="567" t="s">
        <v>52</v>
      </c>
      <c r="JR7" s="520" t="s">
        <v>61</v>
      </c>
      <c r="JS7" s="521"/>
      <c r="JT7" s="522"/>
      <c r="JU7" s="543" t="s">
        <v>62</v>
      </c>
      <c r="JV7" s="521"/>
      <c r="JW7" s="521"/>
      <c r="JX7" s="521"/>
      <c r="JY7" s="521"/>
      <c r="JZ7" s="521"/>
      <c r="KA7" s="544"/>
      <c r="KB7" s="567" t="s">
        <v>52</v>
      </c>
      <c r="KC7" s="520" t="s">
        <v>61</v>
      </c>
      <c r="KD7" s="521"/>
      <c r="KE7" s="522"/>
      <c r="KF7" s="543" t="s">
        <v>62</v>
      </c>
      <c r="KG7" s="521"/>
      <c r="KH7" s="521"/>
      <c r="KI7" s="521"/>
      <c r="KJ7" s="521"/>
      <c r="KK7" s="521"/>
      <c r="KL7" s="544"/>
      <c r="KM7" s="567" t="s">
        <v>52</v>
      </c>
      <c r="KN7" s="520" t="s">
        <v>61</v>
      </c>
      <c r="KO7" s="521"/>
      <c r="KP7" s="522"/>
      <c r="KQ7" s="543" t="s">
        <v>62</v>
      </c>
      <c r="KR7" s="521"/>
      <c r="KS7" s="521"/>
      <c r="KT7" s="521"/>
      <c r="KU7" s="521"/>
      <c r="KV7" s="521"/>
      <c r="KW7" s="544"/>
      <c r="KX7" s="567" t="s">
        <v>52</v>
      </c>
      <c r="KY7" s="520" t="s">
        <v>61</v>
      </c>
      <c r="KZ7" s="521"/>
      <c r="LA7" s="522"/>
      <c r="LB7" s="543" t="s">
        <v>62</v>
      </c>
      <c r="LC7" s="521"/>
      <c r="LD7" s="521"/>
      <c r="LE7" s="521"/>
      <c r="LF7" s="521"/>
      <c r="LG7" s="521"/>
      <c r="LH7" s="544"/>
      <c r="LI7" s="567" t="s">
        <v>52</v>
      </c>
      <c r="LJ7" s="520" t="s">
        <v>61</v>
      </c>
      <c r="LK7" s="521"/>
      <c r="LL7" s="522"/>
      <c r="LM7" s="543" t="s">
        <v>62</v>
      </c>
      <c r="LN7" s="521"/>
      <c r="LO7" s="521"/>
      <c r="LP7" s="521"/>
      <c r="LQ7" s="521"/>
      <c r="LR7" s="521"/>
      <c r="LS7" s="544"/>
      <c r="LT7" s="567" t="s">
        <v>52</v>
      </c>
      <c r="LU7" s="520" t="s">
        <v>61</v>
      </c>
      <c r="LV7" s="521"/>
      <c r="LW7" s="522"/>
      <c r="LX7" s="543" t="s">
        <v>62</v>
      </c>
      <c r="LY7" s="521"/>
      <c r="LZ7" s="521"/>
      <c r="MA7" s="521"/>
      <c r="MB7" s="521"/>
      <c r="MC7" s="521"/>
      <c r="MD7" s="544"/>
      <c r="ME7" s="567" t="s">
        <v>52</v>
      </c>
      <c r="MF7" s="512" t="s">
        <v>61</v>
      </c>
      <c r="MG7" s="513"/>
      <c r="MH7" s="514"/>
      <c r="MI7" s="561" t="s">
        <v>62</v>
      </c>
      <c r="MJ7" s="513"/>
      <c r="MK7" s="513"/>
      <c r="ML7" s="513"/>
      <c r="MM7" s="513"/>
      <c r="MN7" s="513"/>
      <c r="MO7" s="562"/>
      <c r="MP7" s="545" t="s">
        <v>52</v>
      </c>
      <c r="MQ7" s="520" t="s">
        <v>61</v>
      </c>
      <c r="MR7" s="521"/>
      <c r="MS7" s="522"/>
      <c r="MT7" s="543" t="s">
        <v>62</v>
      </c>
      <c r="MU7" s="521"/>
      <c r="MV7" s="521"/>
      <c r="MW7" s="521"/>
      <c r="MX7" s="521"/>
      <c r="MY7" s="521"/>
      <c r="MZ7" s="544"/>
      <c r="NA7" s="567" t="s">
        <v>52</v>
      </c>
      <c r="NB7" s="520" t="s">
        <v>61</v>
      </c>
      <c r="NC7" s="521"/>
      <c r="ND7" s="522"/>
      <c r="NE7" s="543" t="s">
        <v>62</v>
      </c>
      <c r="NF7" s="521"/>
      <c r="NG7" s="521"/>
      <c r="NH7" s="521"/>
      <c r="NI7" s="521"/>
      <c r="NJ7" s="521"/>
      <c r="NK7" s="544"/>
      <c r="NL7" s="567" t="s">
        <v>52</v>
      </c>
      <c r="NM7" s="520" t="s">
        <v>61</v>
      </c>
      <c r="NN7" s="521"/>
      <c r="NO7" s="522"/>
      <c r="NP7" s="543" t="s">
        <v>62</v>
      </c>
      <c r="NQ7" s="521"/>
      <c r="NR7" s="521"/>
      <c r="NS7" s="521"/>
      <c r="NT7" s="521"/>
      <c r="NU7" s="521"/>
      <c r="NV7" s="544"/>
      <c r="NW7" s="567" t="s">
        <v>52</v>
      </c>
      <c r="NX7" s="520" t="s">
        <v>61</v>
      </c>
      <c r="NY7" s="521"/>
      <c r="NZ7" s="522"/>
      <c r="OA7" s="543" t="s">
        <v>62</v>
      </c>
      <c r="OB7" s="521"/>
      <c r="OC7" s="521"/>
      <c r="OD7" s="521"/>
      <c r="OE7" s="521"/>
      <c r="OF7" s="521"/>
      <c r="OG7" s="544"/>
      <c r="OH7" s="567" t="s">
        <v>52</v>
      </c>
      <c r="OI7" s="512" t="s">
        <v>61</v>
      </c>
      <c r="OJ7" s="513"/>
      <c r="OK7" s="514"/>
      <c r="OL7" s="561" t="s">
        <v>62</v>
      </c>
      <c r="OM7" s="513"/>
      <c r="ON7" s="513"/>
      <c r="OO7" s="513"/>
      <c r="OP7" s="513"/>
      <c r="OQ7" s="513"/>
      <c r="OR7" s="562"/>
      <c r="OS7" s="545" t="s">
        <v>52</v>
      </c>
    </row>
    <row r="8" spans="1:409" ht="30" customHeight="1" thickBot="1" x14ac:dyDescent="0.25">
      <c r="B8" s="549"/>
      <c r="C8" s="249" t="s">
        <v>43</v>
      </c>
      <c r="D8" s="74" t="s">
        <v>44</v>
      </c>
      <c r="E8" s="250" t="s">
        <v>45</v>
      </c>
      <c r="F8" s="76" t="s">
        <v>83</v>
      </c>
      <c r="G8" s="74" t="s">
        <v>47</v>
      </c>
      <c r="H8" s="74" t="s">
        <v>48</v>
      </c>
      <c r="I8" s="74" t="s">
        <v>49</v>
      </c>
      <c r="J8" s="74" t="s">
        <v>50</v>
      </c>
      <c r="K8" s="74" t="s">
        <v>51</v>
      </c>
      <c r="L8" s="75" t="s">
        <v>45</v>
      </c>
      <c r="M8" s="559"/>
      <c r="N8" s="73" t="s">
        <v>43</v>
      </c>
      <c r="O8" s="74" t="s">
        <v>44</v>
      </c>
      <c r="P8" s="75" t="s">
        <v>45</v>
      </c>
      <c r="Q8" s="76" t="s">
        <v>83</v>
      </c>
      <c r="R8" s="74" t="s">
        <v>47</v>
      </c>
      <c r="S8" s="74" t="s">
        <v>48</v>
      </c>
      <c r="T8" s="74" t="s">
        <v>49</v>
      </c>
      <c r="U8" s="74" t="s">
        <v>50</v>
      </c>
      <c r="V8" s="74" t="s">
        <v>51</v>
      </c>
      <c r="W8" s="75" t="s">
        <v>45</v>
      </c>
      <c r="X8" s="546"/>
      <c r="Y8" s="73" t="s">
        <v>43</v>
      </c>
      <c r="Z8" s="74" t="s">
        <v>44</v>
      </c>
      <c r="AA8" s="75" t="s">
        <v>45</v>
      </c>
      <c r="AB8" s="76" t="s">
        <v>83</v>
      </c>
      <c r="AC8" s="74" t="s">
        <v>47</v>
      </c>
      <c r="AD8" s="74" t="s">
        <v>48</v>
      </c>
      <c r="AE8" s="74" t="s">
        <v>49</v>
      </c>
      <c r="AF8" s="74" t="s">
        <v>50</v>
      </c>
      <c r="AG8" s="74" t="s">
        <v>51</v>
      </c>
      <c r="AH8" s="75" t="s">
        <v>45</v>
      </c>
      <c r="AI8" s="532"/>
      <c r="AJ8" s="73" t="s">
        <v>43</v>
      </c>
      <c r="AK8" s="74" t="s">
        <v>44</v>
      </c>
      <c r="AL8" s="250" t="s">
        <v>45</v>
      </c>
      <c r="AM8" s="76" t="s">
        <v>83</v>
      </c>
      <c r="AN8" s="74" t="s">
        <v>47</v>
      </c>
      <c r="AO8" s="74" t="s">
        <v>48</v>
      </c>
      <c r="AP8" s="74" t="s">
        <v>49</v>
      </c>
      <c r="AQ8" s="74" t="s">
        <v>50</v>
      </c>
      <c r="AR8" s="74" t="s">
        <v>51</v>
      </c>
      <c r="AS8" s="75" t="s">
        <v>45</v>
      </c>
      <c r="AT8" s="532"/>
      <c r="AU8" s="73" t="s">
        <v>43</v>
      </c>
      <c r="AV8" s="74" t="s">
        <v>44</v>
      </c>
      <c r="AW8" s="250" t="s">
        <v>45</v>
      </c>
      <c r="AX8" s="76" t="s">
        <v>83</v>
      </c>
      <c r="AY8" s="74" t="s">
        <v>47</v>
      </c>
      <c r="AZ8" s="74" t="s">
        <v>48</v>
      </c>
      <c r="BA8" s="74" t="s">
        <v>49</v>
      </c>
      <c r="BB8" s="74" t="s">
        <v>50</v>
      </c>
      <c r="BC8" s="74" t="s">
        <v>51</v>
      </c>
      <c r="BD8" s="75" t="s">
        <v>45</v>
      </c>
      <c r="BE8" s="532"/>
      <c r="BF8" s="251" t="s">
        <v>43</v>
      </c>
      <c r="BG8" s="74" t="s">
        <v>44</v>
      </c>
      <c r="BH8" s="250" t="s">
        <v>45</v>
      </c>
      <c r="BI8" s="76" t="s">
        <v>83</v>
      </c>
      <c r="BJ8" s="74" t="s">
        <v>47</v>
      </c>
      <c r="BK8" s="74" t="s">
        <v>48</v>
      </c>
      <c r="BL8" s="74" t="s">
        <v>49</v>
      </c>
      <c r="BM8" s="74" t="s">
        <v>50</v>
      </c>
      <c r="BN8" s="74" t="s">
        <v>51</v>
      </c>
      <c r="BO8" s="75" t="s">
        <v>45</v>
      </c>
      <c r="BP8" s="532"/>
      <c r="BQ8" s="73" t="s">
        <v>43</v>
      </c>
      <c r="BR8" s="74" t="s">
        <v>44</v>
      </c>
      <c r="BS8" s="250" t="s">
        <v>45</v>
      </c>
      <c r="BT8" s="76" t="s">
        <v>83</v>
      </c>
      <c r="BU8" s="74" t="s">
        <v>47</v>
      </c>
      <c r="BV8" s="74" t="s">
        <v>48</v>
      </c>
      <c r="BW8" s="74" t="s">
        <v>49</v>
      </c>
      <c r="BX8" s="74" t="s">
        <v>50</v>
      </c>
      <c r="BY8" s="74" t="s">
        <v>51</v>
      </c>
      <c r="BZ8" s="75" t="s">
        <v>45</v>
      </c>
      <c r="CA8" s="532"/>
      <c r="CB8" s="73" t="s">
        <v>43</v>
      </c>
      <c r="CC8" s="74" t="s">
        <v>44</v>
      </c>
      <c r="CD8" s="250" t="s">
        <v>45</v>
      </c>
      <c r="CE8" s="76" t="s">
        <v>83</v>
      </c>
      <c r="CF8" s="74" t="s">
        <v>47</v>
      </c>
      <c r="CG8" s="74" t="s">
        <v>48</v>
      </c>
      <c r="CH8" s="74" t="s">
        <v>49</v>
      </c>
      <c r="CI8" s="74" t="s">
        <v>50</v>
      </c>
      <c r="CJ8" s="74" t="s">
        <v>51</v>
      </c>
      <c r="CK8" s="75" t="s">
        <v>45</v>
      </c>
      <c r="CL8" s="546"/>
      <c r="CM8" s="73" t="s">
        <v>43</v>
      </c>
      <c r="CN8" s="74" t="s">
        <v>44</v>
      </c>
      <c r="CO8" s="75" t="s">
        <v>45</v>
      </c>
      <c r="CP8" s="76" t="s">
        <v>83</v>
      </c>
      <c r="CQ8" s="74" t="s">
        <v>47</v>
      </c>
      <c r="CR8" s="74" t="s">
        <v>48</v>
      </c>
      <c r="CS8" s="74" t="s">
        <v>49</v>
      </c>
      <c r="CT8" s="74" t="s">
        <v>50</v>
      </c>
      <c r="CU8" s="74" t="s">
        <v>51</v>
      </c>
      <c r="CV8" s="75" t="s">
        <v>45</v>
      </c>
      <c r="CW8" s="546"/>
      <c r="CX8" s="73" t="s">
        <v>43</v>
      </c>
      <c r="CY8" s="74" t="s">
        <v>44</v>
      </c>
      <c r="CZ8" s="75" t="s">
        <v>45</v>
      </c>
      <c r="DA8" s="76" t="s">
        <v>83</v>
      </c>
      <c r="DB8" s="74" t="s">
        <v>47</v>
      </c>
      <c r="DC8" s="74" t="s">
        <v>48</v>
      </c>
      <c r="DD8" s="74" t="s">
        <v>49</v>
      </c>
      <c r="DE8" s="74" t="s">
        <v>50</v>
      </c>
      <c r="DF8" s="74" t="s">
        <v>51</v>
      </c>
      <c r="DG8" s="75" t="s">
        <v>45</v>
      </c>
      <c r="DH8" s="546"/>
      <c r="DI8" s="73" t="s">
        <v>43</v>
      </c>
      <c r="DJ8" s="74" t="s">
        <v>44</v>
      </c>
      <c r="DK8" s="75" t="s">
        <v>45</v>
      </c>
      <c r="DL8" s="76" t="s">
        <v>83</v>
      </c>
      <c r="DM8" s="74" t="s">
        <v>47</v>
      </c>
      <c r="DN8" s="74" t="s">
        <v>48</v>
      </c>
      <c r="DO8" s="74" t="s">
        <v>49</v>
      </c>
      <c r="DP8" s="74" t="s">
        <v>50</v>
      </c>
      <c r="DQ8" s="74" t="s">
        <v>51</v>
      </c>
      <c r="DR8" s="75" t="s">
        <v>45</v>
      </c>
      <c r="DS8" s="546"/>
      <c r="DT8" s="73" t="s">
        <v>43</v>
      </c>
      <c r="DU8" s="74" t="s">
        <v>44</v>
      </c>
      <c r="DV8" s="250" t="s">
        <v>45</v>
      </c>
      <c r="DW8" s="76" t="s">
        <v>83</v>
      </c>
      <c r="DX8" s="74" t="s">
        <v>47</v>
      </c>
      <c r="DY8" s="74" t="s">
        <v>48</v>
      </c>
      <c r="DZ8" s="74" t="s">
        <v>49</v>
      </c>
      <c r="EA8" s="74" t="s">
        <v>50</v>
      </c>
      <c r="EB8" s="74" t="s">
        <v>51</v>
      </c>
      <c r="EC8" s="75" t="s">
        <v>45</v>
      </c>
      <c r="ED8" s="532"/>
      <c r="EE8" s="73" t="s">
        <v>43</v>
      </c>
      <c r="EF8" s="74" t="s">
        <v>44</v>
      </c>
      <c r="EG8" s="250" t="s">
        <v>45</v>
      </c>
      <c r="EH8" s="76" t="s">
        <v>83</v>
      </c>
      <c r="EI8" s="74" t="s">
        <v>47</v>
      </c>
      <c r="EJ8" s="74" t="s">
        <v>48</v>
      </c>
      <c r="EK8" s="74" t="s">
        <v>49</v>
      </c>
      <c r="EL8" s="74" t="s">
        <v>50</v>
      </c>
      <c r="EM8" s="74" t="s">
        <v>51</v>
      </c>
      <c r="EN8" s="75" t="s">
        <v>45</v>
      </c>
      <c r="EO8" s="532"/>
      <c r="EP8" s="73" t="s">
        <v>43</v>
      </c>
      <c r="EQ8" s="74" t="s">
        <v>44</v>
      </c>
      <c r="ER8" s="250" t="s">
        <v>45</v>
      </c>
      <c r="ES8" s="76" t="s">
        <v>83</v>
      </c>
      <c r="ET8" s="74" t="s">
        <v>47</v>
      </c>
      <c r="EU8" s="74" t="s">
        <v>48</v>
      </c>
      <c r="EV8" s="74" t="s">
        <v>49</v>
      </c>
      <c r="EW8" s="74" t="s">
        <v>50</v>
      </c>
      <c r="EX8" s="74" t="s">
        <v>51</v>
      </c>
      <c r="EY8" s="75" t="s">
        <v>45</v>
      </c>
      <c r="EZ8" s="532"/>
      <c r="FA8" s="73" t="s">
        <v>43</v>
      </c>
      <c r="FB8" s="74" t="s">
        <v>44</v>
      </c>
      <c r="FC8" s="250" t="s">
        <v>45</v>
      </c>
      <c r="FD8" s="76" t="s">
        <v>83</v>
      </c>
      <c r="FE8" s="74" t="s">
        <v>47</v>
      </c>
      <c r="FF8" s="74" t="s">
        <v>48</v>
      </c>
      <c r="FG8" s="74" t="s">
        <v>49</v>
      </c>
      <c r="FH8" s="74" t="s">
        <v>50</v>
      </c>
      <c r="FI8" s="74" t="s">
        <v>51</v>
      </c>
      <c r="FJ8" s="75" t="s">
        <v>45</v>
      </c>
      <c r="FK8" s="532"/>
      <c r="FL8" s="73" t="s">
        <v>43</v>
      </c>
      <c r="FM8" s="74" t="s">
        <v>44</v>
      </c>
      <c r="FN8" s="250" t="s">
        <v>45</v>
      </c>
      <c r="FO8" s="76" t="s">
        <v>83</v>
      </c>
      <c r="FP8" s="74" t="s">
        <v>47</v>
      </c>
      <c r="FQ8" s="74" t="s">
        <v>48</v>
      </c>
      <c r="FR8" s="74" t="s">
        <v>49</v>
      </c>
      <c r="FS8" s="74" t="s">
        <v>50</v>
      </c>
      <c r="FT8" s="74" t="s">
        <v>51</v>
      </c>
      <c r="FU8" s="75" t="s">
        <v>45</v>
      </c>
      <c r="FV8" s="566"/>
      <c r="FW8" s="73" t="s">
        <v>43</v>
      </c>
      <c r="FX8" s="74" t="s">
        <v>44</v>
      </c>
      <c r="FY8" s="250" t="s">
        <v>45</v>
      </c>
      <c r="FZ8" s="76" t="s">
        <v>83</v>
      </c>
      <c r="GA8" s="74" t="s">
        <v>47</v>
      </c>
      <c r="GB8" s="74" t="s">
        <v>48</v>
      </c>
      <c r="GC8" s="74" t="s">
        <v>49</v>
      </c>
      <c r="GD8" s="74" t="s">
        <v>50</v>
      </c>
      <c r="GE8" s="74" t="s">
        <v>51</v>
      </c>
      <c r="GF8" s="75" t="s">
        <v>45</v>
      </c>
      <c r="GG8" s="532"/>
      <c r="GH8" s="73" t="s">
        <v>43</v>
      </c>
      <c r="GI8" s="74" t="s">
        <v>44</v>
      </c>
      <c r="GJ8" s="250" t="s">
        <v>45</v>
      </c>
      <c r="GK8" s="76" t="s">
        <v>83</v>
      </c>
      <c r="GL8" s="74" t="s">
        <v>47</v>
      </c>
      <c r="GM8" s="74" t="s">
        <v>48</v>
      </c>
      <c r="GN8" s="74" t="s">
        <v>49</v>
      </c>
      <c r="GO8" s="74" t="s">
        <v>50</v>
      </c>
      <c r="GP8" s="74" t="s">
        <v>51</v>
      </c>
      <c r="GQ8" s="75" t="s">
        <v>45</v>
      </c>
      <c r="GR8" s="565"/>
      <c r="GS8" s="73" t="s">
        <v>43</v>
      </c>
      <c r="GT8" s="74" t="s">
        <v>44</v>
      </c>
      <c r="GU8" s="250" t="s">
        <v>45</v>
      </c>
      <c r="GV8" s="76" t="s">
        <v>83</v>
      </c>
      <c r="GW8" s="74" t="s">
        <v>47</v>
      </c>
      <c r="GX8" s="74" t="s">
        <v>48</v>
      </c>
      <c r="GY8" s="74" t="s">
        <v>49</v>
      </c>
      <c r="GZ8" s="74" t="s">
        <v>50</v>
      </c>
      <c r="HA8" s="74" t="s">
        <v>51</v>
      </c>
      <c r="HB8" s="75" t="s">
        <v>45</v>
      </c>
      <c r="HC8" s="565"/>
      <c r="HD8" s="73" t="s">
        <v>43</v>
      </c>
      <c r="HE8" s="74" t="s">
        <v>44</v>
      </c>
      <c r="HF8" s="250" t="s">
        <v>45</v>
      </c>
      <c r="HG8" s="76" t="s">
        <v>83</v>
      </c>
      <c r="HH8" s="74" t="s">
        <v>47</v>
      </c>
      <c r="HI8" s="74" t="s">
        <v>48</v>
      </c>
      <c r="HJ8" s="74" t="s">
        <v>49</v>
      </c>
      <c r="HK8" s="74" t="s">
        <v>50</v>
      </c>
      <c r="HL8" s="74" t="s">
        <v>51</v>
      </c>
      <c r="HM8" s="75" t="s">
        <v>45</v>
      </c>
      <c r="HN8" s="532"/>
      <c r="HO8" s="73" t="s">
        <v>43</v>
      </c>
      <c r="HP8" s="74" t="s">
        <v>44</v>
      </c>
      <c r="HQ8" s="250" t="s">
        <v>45</v>
      </c>
      <c r="HR8" s="76" t="s">
        <v>83</v>
      </c>
      <c r="HS8" s="74" t="s">
        <v>47</v>
      </c>
      <c r="HT8" s="74" t="s">
        <v>48</v>
      </c>
      <c r="HU8" s="74" t="s">
        <v>49</v>
      </c>
      <c r="HV8" s="74" t="s">
        <v>50</v>
      </c>
      <c r="HW8" s="74" t="s">
        <v>51</v>
      </c>
      <c r="HX8" s="75" t="s">
        <v>45</v>
      </c>
      <c r="HY8" s="532"/>
      <c r="HZ8" s="73" t="s">
        <v>43</v>
      </c>
      <c r="IA8" s="74" t="s">
        <v>44</v>
      </c>
      <c r="IB8" s="250" t="s">
        <v>45</v>
      </c>
      <c r="IC8" s="76" t="s">
        <v>83</v>
      </c>
      <c r="ID8" s="74" t="s">
        <v>47</v>
      </c>
      <c r="IE8" s="74" t="s">
        <v>48</v>
      </c>
      <c r="IF8" s="74" t="s">
        <v>49</v>
      </c>
      <c r="IG8" s="74" t="s">
        <v>50</v>
      </c>
      <c r="IH8" s="74" t="s">
        <v>51</v>
      </c>
      <c r="II8" s="75" t="s">
        <v>45</v>
      </c>
      <c r="IJ8" s="566"/>
      <c r="IK8" s="73" t="s">
        <v>43</v>
      </c>
      <c r="IL8" s="74" t="s">
        <v>44</v>
      </c>
      <c r="IM8" s="250" t="s">
        <v>45</v>
      </c>
      <c r="IN8" s="76" t="s">
        <v>83</v>
      </c>
      <c r="IO8" s="252" t="s">
        <v>47</v>
      </c>
      <c r="IP8" s="252" t="s">
        <v>48</v>
      </c>
      <c r="IQ8" s="252" t="s">
        <v>49</v>
      </c>
      <c r="IR8" s="252" t="s">
        <v>50</v>
      </c>
      <c r="IS8" s="252" t="s">
        <v>51</v>
      </c>
      <c r="IT8" s="253" t="s">
        <v>45</v>
      </c>
      <c r="IU8" s="569"/>
      <c r="IV8" s="251" t="s">
        <v>43</v>
      </c>
      <c r="IW8" s="252" t="s">
        <v>44</v>
      </c>
      <c r="IX8" s="253" t="s">
        <v>45</v>
      </c>
      <c r="IY8" s="231" t="s">
        <v>83</v>
      </c>
      <c r="IZ8" s="252" t="s">
        <v>47</v>
      </c>
      <c r="JA8" s="252" t="s">
        <v>48</v>
      </c>
      <c r="JB8" s="252" t="s">
        <v>49</v>
      </c>
      <c r="JC8" s="252" t="s">
        <v>50</v>
      </c>
      <c r="JD8" s="252" t="s">
        <v>51</v>
      </c>
      <c r="JE8" s="253" t="s">
        <v>45</v>
      </c>
      <c r="JF8" s="569"/>
      <c r="JG8" s="251" t="s">
        <v>43</v>
      </c>
      <c r="JH8" s="252" t="s">
        <v>44</v>
      </c>
      <c r="JI8" s="254" t="s">
        <v>45</v>
      </c>
      <c r="JJ8" s="231" t="s">
        <v>83</v>
      </c>
      <c r="JK8" s="252" t="s">
        <v>47</v>
      </c>
      <c r="JL8" s="252" t="s">
        <v>48</v>
      </c>
      <c r="JM8" s="252" t="s">
        <v>49</v>
      </c>
      <c r="JN8" s="252" t="s">
        <v>50</v>
      </c>
      <c r="JO8" s="252" t="s">
        <v>51</v>
      </c>
      <c r="JP8" s="253" t="s">
        <v>45</v>
      </c>
      <c r="JQ8" s="568"/>
      <c r="JR8" s="251" t="s">
        <v>43</v>
      </c>
      <c r="JS8" s="252" t="s">
        <v>44</v>
      </c>
      <c r="JT8" s="254" t="s">
        <v>45</v>
      </c>
      <c r="JU8" s="231" t="s">
        <v>83</v>
      </c>
      <c r="JV8" s="252" t="s">
        <v>47</v>
      </c>
      <c r="JW8" s="252" t="s">
        <v>48</v>
      </c>
      <c r="JX8" s="252" t="s">
        <v>49</v>
      </c>
      <c r="JY8" s="252" t="s">
        <v>50</v>
      </c>
      <c r="JZ8" s="252" t="s">
        <v>51</v>
      </c>
      <c r="KA8" s="253" t="s">
        <v>45</v>
      </c>
      <c r="KB8" s="568"/>
      <c r="KC8" s="251" t="s">
        <v>43</v>
      </c>
      <c r="KD8" s="252" t="s">
        <v>44</v>
      </c>
      <c r="KE8" s="254" t="s">
        <v>45</v>
      </c>
      <c r="KF8" s="231" t="s">
        <v>83</v>
      </c>
      <c r="KG8" s="252" t="s">
        <v>47</v>
      </c>
      <c r="KH8" s="252" t="s">
        <v>48</v>
      </c>
      <c r="KI8" s="252" t="s">
        <v>49</v>
      </c>
      <c r="KJ8" s="252" t="s">
        <v>50</v>
      </c>
      <c r="KK8" s="252" t="s">
        <v>51</v>
      </c>
      <c r="KL8" s="253" t="s">
        <v>45</v>
      </c>
      <c r="KM8" s="568"/>
      <c r="KN8" s="251" t="s">
        <v>43</v>
      </c>
      <c r="KO8" s="252" t="s">
        <v>44</v>
      </c>
      <c r="KP8" s="254" t="s">
        <v>45</v>
      </c>
      <c r="KQ8" s="76" t="s">
        <v>83</v>
      </c>
      <c r="KR8" s="252" t="s">
        <v>47</v>
      </c>
      <c r="KS8" s="252" t="s">
        <v>48</v>
      </c>
      <c r="KT8" s="252" t="s">
        <v>49</v>
      </c>
      <c r="KU8" s="252" t="s">
        <v>50</v>
      </c>
      <c r="KV8" s="252" t="s">
        <v>51</v>
      </c>
      <c r="KW8" s="253" t="s">
        <v>45</v>
      </c>
      <c r="KX8" s="568"/>
      <c r="KY8" s="251" t="s">
        <v>43</v>
      </c>
      <c r="KZ8" s="252" t="s">
        <v>44</v>
      </c>
      <c r="LA8" s="254" t="s">
        <v>45</v>
      </c>
      <c r="LB8" s="76" t="s">
        <v>83</v>
      </c>
      <c r="LC8" s="252" t="s">
        <v>47</v>
      </c>
      <c r="LD8" s="252" t="s">
        <v>48</v>
      </c>
      <c r="LE8" s="252" t="s">
        <v>49</v>
      </c>
      <c r="LF8" s="252" t="s">
        <v>50</v>
      </c>
      <c r="LG8" s="252" t="s">
        <v>51</v>
      </c>
      <c r="LH8" s="253" t="s">
        <v>45</v>
      </c>
      <c r="LI8" s="568"/>
      <c r="LJ8" s="251" t="s">
        <v>43</v>
      </c>
      <c r="LK8" s="252" t="s">
        <v>44</v>
      </c>
      <c r="LL8" s="254" t="s">
        <v>45</v>
      </c>
      <c r="LM8" s="76" t="s">
        <v>83</v>
      </c>
      <c r="LN8" s="252" t="s">
        <v>47</v>
      </c>
      <c r="LO8" s="252" t="s">
        <v>48</v>
      </c>
      <c r="LP8" s="252" t="s">
        <v>49</v>
      </c>
      <c r="LQ8" s="252" t="s">
        <v>50</v>
      </c>
      <c r="LR8" s="252" t="s">
        <v>51</v>
      </c>
      <c r="LS8" s="253" t="s">
        <v>45</v>
      </c>
      <c r="LT8" s="568"/>
      <c r="LU8" s="251" t="s">
        <v>43</v>
      </c>
      <c r="LV8" s="252" t="s">
        <v>44</v>
      </c>
      <c r="LW8" s="254" t="s">
        <v>45</v>
      </c>
      <c r="LX8" s="76" t="s">
        <v>83</v>
      </c>
      <c r="LY8" s="252" t="s">
        <v>47</v>
      </c>
      <c r="LZ8" s="252" t="s">
        <v>48</v>
      </c>
      <c r="MA8" s="252" t="s">
        <v>49</v>
      </c>
      <c r="MB8" s="252" t="s">
        <v>50</v>
      </c>
      <c r="MC8" s="252" t="s">
        <v>51</v>
      </c>
      <c r="MD8" s="253" t="s">
        <v>45</v>
      </c>
      <c r="ME8" s="568"/>
      <c r="MF8" s="251" t="s">
        <v>43</v>
      </c>
      <c r="MG8" s="252" t="s">
        <v>44</v>
      </c>
      <c r="MH8" s="254" t="s">
        <v>45</v>
      </c>
      <c r="MI8" s="76" t="s">
        <v>83</v>
      </c>
      <c r="MJ8" s="252" t="s">
        <v>47</v>
      </c>
      <c r="MK8" s="252" t="s">
        <v>48</v>
      </c>
      <c r="ML8" s="252" t="s">
        <v>49</v>
      </c>
      <c r="MM8" s="252" t="s">
        <v>50</v>
      </c>
      <c r="MN8" s="252" t="s">
        <v>51</v>
      </c>
      <c r="MO8" s="253" t="s">
        <v>45</v>
      </c>
      <c r="MP8" s="568"/>
      <c r="MQ8" s="251" t="s">
        <v>43</v>
      </c>
      <c r="MR8" s="252" t="s">
        <v>44</v>
      </c>
      <c r="MS8" s="254" t="s">
        <v>45</v>
      </c>
      <c r="MT8" s="76" t="s">
        <v>83</v>
      </c>
      <c r="MU8" s="252" t="s">
        <v>47</v>
      </c>
      <c r="MV8" s="252" t="s">
        <v>48</v>
      </c>
      <c r="MW8" s="252" t="s">
        <v>49</v>
      </c>
      <c r="MX8" s="252" t="s">
        <v>50</v>
      </c>
      <c r="MY8" s="252" t="s">
        <v>51</v>
      </c>
      <c r="MZ8" s="253" t="s">
        <v>45</v>
      </c>
      <c r="NA8" s="568"/>
      <c r="NB8" s="251" t="s">
        <v>43</v>
      </c>
      <c r="NC8" s="252" t="s">
        <v>44</v>
      </c>
      <c r="ND8" s="254" t="s">
        <v>45</v>
      </c>
      <c r="NE8" s="76" t="s">
        <v>83</v>
      </c>
      <c r="NF8" s="252" t="s">
        <v>47</v>
      </c>
      <c r="NG8" s="252" t="s">
        <v>48</v>
      </c>
      <c r="NH8" s="252" t="s">
        <v>49</v>
      </c>
      <c r="NI8" s="252" t="s">
        <v>50</v>
      </c>
      <c r="NJ8" s="252" t="s">
        <v>51</v>
      </c>
      <c r="NK8" s="253" t="s">
        <v>45</v>
      </c>
      <c r="NL8" s="568"/>
      <c r="NM8" s="251" t="s">
        <v>43</v>
      </c>
      <c r="NN8" s="252" t="s">
        <v>44</v>
      </c>
      <c r="NO8" s="254" t="s">
        <v>45</v>
      </c>
      <c r="NP8" s="76" t="s">
        <v>83</v>
      </c>
      <c r="NQ8" s="252" t="s">
        <v>47</v>
      </c>
      <c r="NR8" s="252" t="s">
        <v>48</v>
      </c>
      <c r="NS8" s="252" t="s">
        <v>49</v>
      </c>
      <c r="NT8" s="252" t="s">
        <v>50</v>
      </c>
      <c r="NU8" s="252" t="s">
        <v>51</v>
      </c>
      <c r="NV8" s="253" t="s">
        <v>45</v>
      </c>
      <c r="NW8" s="568"/>
      <c r="NX8" s="251" t="s">
        <v>43</v>
      </c>
      <c r="NY8" s="252" t="s">
        <v>44</v>
      </c>
      <c r="NZ8" s="254" t="s">
        <v>45</v>
      </c>
      <c r="OA8" s="76" t="s">
        <v>83</v>
      </c>
      <c r="OB8" s="252" t="s">
        <v>47</v>
      </c>
      <c r="OC8" s="252" t="s">
        <v>48</v>
      </c>
      <c r="OD8" s="252" t="s">
        <v>49</v>
      </c>
      <c r="OE8" s="252" t="s">
        <v>50</v>
      </c>
      <c r="OF8" s="252" t="s">
        <v>51</v>
      </c>
      <c r="OG8" s="253" t="s">
        <v>45</v>
      </c>
      <c r="OH8" s="568"/>
      <c r="OI8" s="251" t="s">
        <v>43</v>
      </c>
      <c r="OJ8" s="252" t="s">
        <v>44</v>
      </c>
      <c r="OK8" s="254" t="s">
        <v>45</v>
      </c>
      <c r="OL8" s="231" t="s">
        <v>83</v>
      </c>
      <c r="OM8" s="252" t="s">
        <v>47</v>
      </c>
      <c r="ON8" s="252" t="s">
        <v>48</v>
      </c>
      <c r="OO8" s="252" t="s">
        <v>49</v>
      </c>
      <c r="OP8" s="252" t="s">
        <v>50</v>
      </c>
      <c r="OQ8" s="252" t="s">
        <v>51</v>
      </c>
      <c r="OR8" s="253" t="s">
        <v>45</v>
      </c>
      <c r="OS8" s="568"/>
    </row>
    <row r="9" spans="1:409" s="407" customFormat="1" ht="21" customHeight="1" x14ac:dyDescent="0.2">
      <c r="A9" s="70"/>
      <c r="B9" s="408" t="s">
        <v>4</v>
      </c>
      <c r="C9" s="255">
        <v>29433995</v>
      </c>
      <c r="D9" s="256">
        <v>51062082</v>
      </c>
      <c r="E9" s="257">
        <v>80496077</v>
      </c>
      <c r="F9" s="258">
        <v>0</v>
      </c>
      <c r="G9" s="256">
        <v>315513174</v>
      </c>
      <c r="H9" s="256">
        <v>437163931</v>
      </c>
      <c r="I9" s="256">
        <v>352279691</v>
      </c>
      <c r="J9" s="256">
        <v>332521484</v>
      </c>
      <c r="K9" s="256">
        <v>204489969</v>
      </c>
      <c r="L9" s="259">
        <v>1641968249</v>
      </c>
      <c r="M9" s="260">
        <v>1722464326</v>
      </c>
      <c r="N9" s="255">
        <v>8827777</v>
      </c>
      <c r="O9" s="256">
        <v>17510273</v>
      </c>
      <c r="P9" s="261">
        <v>26338050</v>
      </c>
      <c r="Q9" s="255">
        <v>0</v>
      </c>
      <c r="R9" s="256">
        <v>99293188</v>
      </c>
      <c r="S9" s="256">
        <v>148571575</v>
      </c>
      <c r="T9" s="256">
        <v>120062770</v>
      </c>
      <c r="U9" s="256">
        <v>127139347</v>
      </c>
      <c r="V9" s="256">
        <v>101894262</v>
      </c>
      <c r="W9" s="261">
        <v>596961142</v>
      </c>
      <c r="X9" s="260">
        <v>623299192</v>
      </c>
      <c r="Y9" s="255">
        <v>0</v>
      </c>
      <c r="Z9" s="256">
        <v>0</v>
      </c>
      <c r="AA9" s="261">
        <v>0</v>
      </c>
      <c r="AB9" s="262">
        <v>0</v>
      </c>
      <c r="AC9" s="263">
        <v>39378888</v>
      </c>
      <c r="AD9" s="263">
        <v>58601162</v>
      </c>
      <c r="AE9" s="263">
        <v>56318216</v>
      </c>
      <c r="AF9" s="263">
        <v>69704537</v>
      </c>
      <c r="AG9" s="263">
        <v>57323207</v>
      </c>
      <c r="AH9" s="261">
        <v>281326010</v>
      </c>
      <c r="AI9" s="260">
        <v>281326010</v>
      </c>
      <c r="AJ9" s="264">
        <v>0</v>
      </c>
      <c r="AK9" s="263">
        <v>74975</v>
      </c>
      <c r="AL9" s="261">
        <v>74975</v>
      </c>
      <c r="AM9" s="262">
        <v>0</v>
      </c>
      <c r="AN9" s="263">
        <v>308926</v>
      </c>
      <c r="AO9" s="259">
        <v>1743019</v>
      </c>
      <c r="AP9" s="263">
        <v>2974828</v>
      </c>
      <c r="AQ9" s="263">
        <v>7071464</v>
      </c>
      <c r="AR9" s="263">
        <v>10824553</v>
      </c>
      <c r="AS9" s="261">
        <v>22922790</v>
      </c>
      <c r="AT9" s="260">
        <v>22997765</v>
      </c>
      <c r="AU9" s="264">
        <v>4529155</v>
      </c>
      <c r="AV9" s="263">
        <v>12169177</v>
      </c>
      <c r="AW9" s="261">
        <v>16698332</v>
      </c>
      <c r="AX9" s="262">
        <v>0</v>
      </c>
      <c r="AY9" s="263">
        <v>36278926</v>
      </c>
      <c r="AZ9" s="263">
        <v>60294994</v>
      </c>
      <c r="BA9" s="263">
        <v>37897327</v>
      </c>
      <c r="BB9" s="263">
        <v>29066984</v>
      </c>
      <c r="BC9" s="263">
        <v>20445781</v>
      </c>
      <c r="BD9" s="261">
        <v>183984012</v>
      </c>
      <c r="BE9" s="265">
        <v>200682344</v>
      </c>
      <c r="BF9" s="264">
        <v>605598</v>
      </c>
      <c r="BG9" s="259">
        <v>1346681</v>
      </c>
      <c r="BH9" s="266">
        <v>1952279</v>
      </c>
      <c r="BI9" s="262">
        <v>0</v>
      </c>
      <c r="BJ9" s="263">
        <v>3030365</v>
      </c>
      <c r="BK9" s="263">
        <v>4293470</v>
      </c>
      <c r="BL9" s="263">
        <v>2866479</v>
      </c>
      <c r="BM9" s="263">
        <v>1247223</v>
      </c>
      <c r="BN9" s="263">
        <v>1325659</v>
      </c>
      <c r="BO9" s="261">
        <v>12763196</v>
      </c>
      <c r="BP9" s="260">
        <v>14715475</v>
      </c>
      <c r="BQ9" s="264">
        <v>3693024</v>
      </c>
      <c r="BR9" s="263">
        <v>3919440</v>
      </c>
      <c r="BS9" s="261">
        <v>7612464</v>
      </c>
      <c r="BT9" s="262">
        <v>0</v>
      </c>
      <c r="BU9" s="263">
        <v>20296083</v>
      </c>
      <c r="BV9" s="263">
        <v>23638930</v>
      </c>
      <c r="BW9" s="263">
        <v>20005920</v>
      </c>
      <c r="BX9" s="263">
        <v>20049139</v>
      </c>
      <c r="BY9" s="263">
        <v>11975062</v>
      </c>
      <c r="BZ9" s="261">
        <v>95965134</v>
      </c>
      <c r="CA9" s="260">
        <v>103577598</v>
      </c>
      <c r="CB9" s="264">
        <v>3157508</v>
      </c>
      <c r="CC9" s="263">
        <v>7787479</v>
      </c>
      <c r="CD9" s="261">
        <v>10944987</v>
      </c>
      <c r="CE9" s="262">
        <v>0</v>
      </c>
      <c r="CF9" s="263">
        <v>92335118</v>
      </c>
      <c r="CG9" s="263">
        <v>117314532</v>
      </c>
      <c r="CH9" s="267">
        <v>79975577</v>
      </c>
      <c r="CI9" s="263">
        <v>45286831</v>
      </c>
      <c r="CJ9" s="263">
        <v>18729349</v>
      </c>
      <c r="CK9" s="261">
        <v>353641407</v>
      </c>
      <c r="CL9" s="260">
        <v>364586394</v>
      </c>
      <c r="CM9" s="255">
        <v>0</v>
      </c>
      <c r="CN9" s="256">
        <v>0</v>
      </c>
      <c r="CO9" s="261">
        <v>0</v>
      </c>
      <c r="CP9" s="262">
        <v>0</v>
      </c>
      <c r="CQ9" s="263">
        <v>74342731</v>
      </c>
      <c r="CR9" s="263">
        <v>86956227</v>
      </c>
      <c r="CS9" s="263">
        <v>57930000</v>
      </c>
      <c r="CT9" s="263">
        <v>31704722</v>
      </c>
      <c r="CU9" s="263">
        <v>14955907</v>
      </c>
      <c r="CV9" s="268">
        <v>265889587</v>
      </c>
      <c r="CW9" s="260">
        <v>265889587</v>
      </c>
      <c r="CX9" s="264">
        <v>3157508</v>
      </c>
      <c r="CY9" s="263">
        <v>7787479</v>
      </c>
      <c r="CZ9" s="261">
        <v>10944987</v>
      </c>
      <c r="DA9" s="262">
        <v>0</v>
      </c>
      <c r="DB9" s="263">
        <v>17992387</v>
      </c>
      <c r="DC9" s="263">
        <v>30358305</v>
      </c>
      <c r="DD9" s="263">
        <v>22045577</v>
      </c>
      <c r="DE9" s="263">
        <v>13582109</v>
      </c>
      <c r="DF9" s="263">
        <v>3773442</v>
      </c>
      <c r="DG9" s="261">
        <v>87751820</v>
      </c>
      <c r="DH9" s="260">
        <v>98696807</v>
      </c>
      <c r="DI9" s="264">
        <v>77843</v>
      </c>
      <c r="DJ9" s="263">
        <v>1132004</v>
      </c>
      <c r="DK9" s="266">
        <v>1209847</v>
      </c>
      <c r="DL9" s="262">
        <v>0</v>
      </c>
      <c r="DM9" s="263">
        <v>8451846</v>
      </c>
      <c r="DN9" s="263">
        <v>20950183</v>
      </c>
      <c r="DO9" s="263">
        <v>32634819</v>
      </c>
      <c r="DP9" s="263">
        <v>25546873</v>
      </c>
      <c r="DQ9" s="263">
        <v>13518869</v>
      </c>
      <c r="DR9" s="269">
        <v>101102590</v>
      </c>
      <c r="DS9" s="260">
        <v>102312437</v>
      </c>
      <c r="DT9" s="264">
        <v>77843</v>
      </c>
      <c r="DU9" s="263">
        <v>939451</v>
      </c>
      <c r="DV9" s="261">
        <v>1017294</v>
      </c>
      <c r="DW9" s="262">
        <v>0</v>
      </c>
      <c r="DX9" s="263">
        <v>7392469</v>
      </c>
      <c r="DY9" s="263">
        <v>17641723</v>
      </c>
      <c r="DZ9" s="263">
        <v>28620625</v>
      </c>
      <c r="EA9" s="263">
        <v>22009417</v>
      </c>
      <c r="EB9" s="263">
        <v>11624019</v>
      </c>
      <c r="EC9" s="261">
        <v>87288253</v>
      </c>
      <c r="ED9" s="260">
        <v>88305547</v>
      </c>
      <c r="EE9" s="264">
        <v>0</v>
      </c>
      <c r="EF9" s="259">
        <v>192553</v>
      </c>
      <c r="EG9" s="261">
        <v>192553</v>
      </c>
      <c r="EH9" s="265">
        <v>0</v>
      </c>
      <c r="EI9" s="263">
        <v>1059377</v>
      </c>
      <c r="EJ9" s="263">
        <v>3308460</v>
      </c>
      <c r="EK9" s="263">
        <v>4014194</v>
      </c>
      <c r="EL9" s="263">
        <v>3537456</v>
      </c>
      <c r="EM9" s="267">
        <v>1894850</v>
      </c>
      <c r="EN9" s="259">
        <v>13814337</v>
      </c>
      <c r="EO9" s="260">
        <v>14006890</v>
      </c>
      <c r="EP9" s="264">
        <v>0</v>
      </c>
      <c r="EQ9" s="263">
        <v>0</v>
      </c>
      <c r="ER9" s="259">
        <v>0</v>
      </c>
      <c r="ES9" s="262">
        <v>0</v>
      </c>
      <c r="ET9" s="263">
        <v>0</v>
      </c>
      <c r="EU9" s="263">
        <v>0</v>
      </c>
      <c r="EV9" s="263">
        <v>0</v>
      </c>
      <c r="EW9" s="263">
        <v>0</v>
      </c>
      <c r="EX9" s="263">
        <v>0</v>
      </c>
      <c r="EY9" s="268">
        <v>0</v>
      </c>
      <c r="EZ9" s="260">
        <v>0</v>
      </c>
      <c r="FA9" s="264">
        <v>0</v>
      </c>
      <c r="FB9" s="263">
        <v>0</v>
      </c>
      <c r="FC9" s="259">
        <v>0</v>
      </c>
      <c r="FD9" s="262">
        <v>0</v>
      </c>
      <c r="FE9" s="263">
        <v>0</v>
      </c>
      <c r="FF9" s="263">
        <v>0</v>
      </c>
      <c r="FG9" s="263">
        <v>0</v>
      </c>
      <c r="FH9" s="263">
        <v>0</v>
      </c>
      <c r="FI9" s="263">
        <v>0</v>
      </c>
      <c r="FJ9" s="268">
        <v>0</v>
      </c>
      <c r="FK9" s="260">
        <v>0</v>
      </c>
      <c r="FL9" s="264">
        <v>7221792</v>
      </c>
      <c r="FM9" s="263">
        <v>11728215</v>
      </c>
      <c r="FN9" s="261">
        <v>18950007</v>
      </c>
      <c r="FO9" s="262">
        <v>0</v>
      </c>
      <c r="FP9" s="263">
        <v>17067942</v>
      </c>
      <c r="FQ9" s="263">
        <v>42925788</v>
      </c>
      <c r="FR9" s="263">
        <v>29032267</v>
      </c>
      <c r="FS9" s="263">
        <v>22592816</v>
      </c>
      <c r="FT9" s="263">
        <v>15079516</v>
      </c>
      <c r="FU9" s="261">
        <v>126698329</v>
      </c>
      <c r="FV9" s="260">
        <v>145648336</v>
      </c>
      <c r="FW9" s="264">
        <v>2988392</v>
      </c>
      <c r="FX9" s="263">
        <v>7733728</v>
      </c>
      <c r="FY9" s="259">
        <v>10722120</v>
      </c>
      <c r="FZ9" s="265">
        <v>0</v>
      </c>
      <c r="GA9" s="263">
        <v>11809400</v>
      </c>
      <c r="GB9" s="270">
        <v>37965481</v>
      </c>
      <c r="GC9" s="263">
        <v>26356028</v>
      </c>
      <c r="GD9" s="270">
        <v>20712516</v>
      </c>
      <c r="GE9" s="263">
        <v>14100912</v>
      </c>
      <c r="GF9" s="268">
        <v>110944337</v>
      </c>
      <c r="GG9" s="271">
        <v>121666457</v>
      </c>
      <c r="GH9" s="272">
        <v>502500</v>
      </c>
      <c r="GI9" s="263">
        <v>711012</v>
      </c>
      <c r="GJ9" s="270">
        <v>1213512</v>
      </c>
      <c r="GK9" s="258">
        <v>0</v>
      </c>
      <c r="GL9" s="263">
        <v>936639</v>
      </c>
      <c r="GM9" s="259">
        <v>1298475</v>
      </c>
      <c r="GN9" s="263">
        <v>718928</v>
      </c>
      <c r="GO9" s="259">
        <v>833020</v>
      </c>
      <c r="GP9" s="263">
        <v>344204</v>
      </c>
      <c r="GQ9" s="269">
        <v>4131266</v>
      </c>
      <c r="GR9" s="260">
        <v>5344778</v>
      </c>
      <c r="GS9" s="259">
        <v>3730900</v>
      </c>
      <c r="GT9" s="263">
        <v>3283475</v>
      </c>
      <c r="GU9" s="261">
        <v>7014375</v>
      </c>
      <c r="GV9" s="259">
        <v>0</v>
      </c>
      <c r="GW9" s="263">
        <v>4321903</v>
      </c>
      <c r="GX9" s="259">
        <v>3661832</v>
      </c>
      <c r="GY9" s="263">
        <v>1957311</v>
      </c>
      <c r="GZ9" s="259">
        <v>1047280</v>
      </c>
      <c r="HA9" s="263">
        <v>634400</v>
      </c>
      <c r="HB9" s="259">
        <v>11622726</v>
      </c>
      <c r="HC9" s="260">
        <v>18637101</v>
      </c>
      <c r="HD9" s="259">
        <v>10149075</v>
      </c>
      <c r="HE9" s="263">
        <v>12904111</v>
      </c>
      <c r="HF9" s="259">
        <v>23053186</v>
      </c>
      <c r="HG9" s="265">
        <v>0</v>
      </c>
      <c r="HH9" s="263">
        <v>98365080</v>
      </c>
      <c r="HI9" s="270">
        <v>107401853</v>
      </c>
      <c r="HJ9" s="263">
        <v>90574258</v>
      </c>
      <c r="HK9" s="270">
        <v>111955617</v>
      </c>
      <c r="HL9" s="263">
        <v>55267973</v>
      </c>
      <c r="HM9" s="268">
        <v>463564781</v>
      </c>
      <c r="HN9" s="259">
        <v>486617967</v>
      </c>
      <c r="HO9" s="272">
        <v>0</v>
      </c>
      <c r="HP9" s="263">
        <v>0</v>
      </c>
      <c r="HQ9" s="268">
        <v>0</v>
      </c>
      <c r="HR9" s="270">
        <v>0</v>
      </c>
      <c r="HS9" s="263">
        <v>0</v>
      </c>
      <c r="HT9" s="270">
        <v>0</v>
      </c>
      <c r="HU9" s="263">
        <v>0</v>
      </c>
      <c r="HV9" s="270">
        <v>0</v>
      </c>
      <c r="HW9" s="263">
        <v>0</v>
      </c>
      <c r="HX9" s="270">
        <v>0</v>
      </c>
      <c r="HY9" s="260">
        <v>0</v>
      </c>
      <c r="HZ9" s="273">
        <v>406689</v>
      </c>
      <c r="IA9" s="274">
        <v>959539</v>
      </c>
      <c r="IB9" s="275">
        <v>1366228</v>
      </c>
      <c r="IC9" s="276">
        <v>0</v>
      </c>
      <c r="ID9" s="274">
        <v>81165251</v>
      </c>
      <c r="IE9" s="277">
        <v>109119967</v>
      </c>
      <c r="IF9" s="278">
        <v>108474067</v>
      </c>
      <c r="IG9" s="274">
        <v>79917075</v>
      </c>
      <c r="IH9" s="278">
        <v>53559035</v>
      </c>
      <c r="II9" s="279">
        <v>432235395</v>
      </c>
      <c r="IJ9" s="280">
        <v>433601623</v>
      </c>
      <c r="IK9" s="281">
        <v>0</v>
      </c>
      <c r="IL9" s="282">
        <v>0</v>
      </c>
      <c r="IM9" s="283">
        <v>0</v>
      </c>
      <c r="IN9" s="406">
        <v>0</v>
      </c>
      <c r="IO9" s="284">
        <v>1027153</v>
      </c>
      <c r="IP9" s="284">
        <v>3703780</v>
      </c>
      <c r="IQ9" s="284">
        <v>6054876</v>
      </c>
      <c r="IR9" s="284">
        <v>4851839</v>
      </c>
      <c r="IS9" s="284">
        <v>5862361</v>
      </c>
      <c r="IT9" s="285">
        <v>21500009</v>
      </c>
      <c r="IU9" s="286">
        <v>21500009</v>
      </c>
      <c r="IV9" s="287">
        <v>0</v>
      </c>
      <c r="IW9" s="284">
        <v>0</v>
      </c>
      <c r="IX9" s="288">
        <v>0</v>
      </c>
      <c r="IY9" s="406">
        <v>0</v>
      </c>
      <c r="IZ9" s="284">
        <v>310376</v>
      </c>
      <c r="JA9" s="284">
        <v>347286</v>
      </c>
      <c r="JB9" s="284">
        <v>621121</v>
      </c>
      <c r="JC9" s="284">
        <v>1584783</v>
      </c>
      <c r="JD9" s="284">
        <v>656993</v>
      </c>
      <c r="JE9" s="288">
        <v>3520559</v>
      </c>
      <c r="JF9" s="289">
        <v>3520559</v>
      </c>
      <c r="JG9" s="287">
        <v>0</v>
      </c>
      <c r="JH9" s="284">
        <v>0</v>
      </c>
      <c r="JI9" s="285">
        <v>0</v>
      </c>
      <c r="JJ9" s="290">
        <v>0</v>
      </c>
      <c r="JK9" s="284">
        <v>36866517</v>
      </c>
      <c r="JL9" s="284">
        <v>43871417</v>
      </c>
      <c r="JM9" s="284">
        <v>28230281</v>
      </c>
      <c r="JN9" s="284">
        <v>14291652</v>
      </c>
      <c r="JO9" s="284">
        <v>7554266</v>
      </c>
      <c r="JP9" s="288">
        <v>130814133</v>
      </c>
      <c r="JQ9" s="286">
        <v>130814133</v>
      </c>
      <c r="JR9" s="287">
        <v>0</v>
      </c>
      <c r="JS9" s="284">
        <v>0</v>
      </c>
      <c r="JT9" s="285">
        <v>0</v>
      </c>
      <c r="JU9" s="290">
        <v>0</v>
      </c>
      <c r="JV9" s="284">
        <v>4778660</v>
      </c>
      <c r="JW9" s="284">
        <v>7879811</v>
      </c>
      <c r="JX9" s="284">
        <v>7735165</v>
      </c>
      <c r="JY9" s="284">
        <v>4452088</v>
      </c>
      <c r="JZ9" s="284">
        <v>2238602</v>
      </c>
      <c r="KA9" s="288">
        <v>27084326</v>
      </c>
      <c r="KB9" s="286">
        <v>27084326</v>
      </c>
      <c r="KC9" s="291">
        <v>406689</v>
      </c>
      <c r="KD9" s="292">
        <v>716135</v>
      </c>
      <c r="KE9" s="288">
        <v>1122824</v>
      </c>
      <c r="KF9" s="290">
        <v>0</v>
      </c>
      <c r="KG9" s="284">
        <v>10435035</v>
      </c>
      <c r="KH9" s="284">
        <v>13359232</v>
      </c>
      <c r="KI9" s="284">
        <v>17304103</v>
      </c>
      <c r="KJ9" s="284">
        <v>12646668</v>
      </c>
      <c r="KK9" s="284">
        <v>9303951</v>
      </c>
      <c r="KL9" s="288">
        <v>63048989</v>
      </c>
      <c r="KM9" s="293">
        <v>64171813</v>
      </c>
      <c r="KN9" s="281">
        <v>0</v>
      </c>
      <c r="KO9" s="282">
        <v>243404</v>
      </c>
      <c r="KP9" s="283">
        <v>243404</v>
      </c>
      <c r="KQ9" s="406">
        <v>0</v>
      </c>
      <c r="KR9" s="284">
        <v>24285009</v>
      </c>
      <c r="KS9" s="284">
        <v>35114299</v>
      </c>
      <c r="KT9" s="284">
        <v>38812070</v>
      </c>
      <c r="KU9" s="284">
        <v>26595205</v>
      </c>
      <c r="KV9" s="284">
        <v>14379970</v>
      </c>
      <c r="KW9" s="288">
        <v>139186553</v>
      </c>
      <c r="KX9" s="286">
        <v>139429957</v>
      </c>
      <c r="KY9" s="287">
        <v>0</v>
      </c>
      <c r="KZ9" s="284">
        <v>0</v>
      </c>
      <c r="LA9" s="288">
        <v>0</v>
      </c>
      <c r="LB9" s="406">
        <v>0</v>
      </c>
      <c r="LC9" s="284">
        <v>730030</v>
      </c>
      <c r="LD9" s="284">
        <v>929856</v>
      </c>
      <c r="LE9" s="284">
        <v>623179</v>
      </c>
      <c r="LF9" s="284">
        <v>916631</v>
      </c>
      <c r="LG9" s="284">
        <v>1258838</v>
      </c>
      <c r="LH9" s="288">
        <v>4458534</v>
      </c>
      <c r="LI9" s="289">
        <v>4458534</v>
      </c>
      <c r="LJ9" s="287">
        <v>0</v>
      </c>
      <c r="LK9" s="284">
        <v>0</v>
      </c>
      <c r="LL9" s="288">
        <v>0</v>
      </c>
      <c r="LM9" s="406">
        <v>0</v>
      </c>
      <c r="LN9" s="284">
        <v>237692</v>
      </c>
      <c r="LO9" s="284">
        <v>461126</v>
      </c>
      <c r="LP9" s="284">
        <v>3075806</v>
      </c>
      <c r="LQ9" s="284">
        <v>7417158</v>
      </c>
      <c r="LR9" s="284">
        <v>4678797</v>
      </c>
      <c r="LS9" s="288">
        <v>15870579</v>
      </c>
      <c r="LT9" s="286">
        <v>15870579</v>
      </c>
      <c r="LU9" s="287">
        <v>0</v>
      </c>
      <c r="LV9" s="284">
        <v>0</v>
      </c>
      <c r="LW9" s="288">
        <v>0</v>
      </c>
      <c r="LX9" s="406">
        <v>0</v>
      </c>
      <c r="LY9" s="284">
        <v>2494779</v>
      </c>
      <c r="LZ9" s="284">
        <v>3453160</v>
      </c>
      <c r="MA9" s="284">
        <v>6017466</v>
      </c>
      <c r="MB9" s="284">
        <v>7161051</v>
      </c>
      <c r="MC9" s="284">
        <v>7625257</v>
      </c>
      <c r="MD9" s="288">
        <v>26751713</v>
      </c>
      <c r="ME9" s="289">
        <v>26751713</v>
      </c>
      <c r="MF9" s="287">
        <v>0</v>
      </c>
      <c r="MG9" s="284">
        <v>0</v>
      </c>
      <c r="MH9" s="288">
        <v>0</v>
      </c>
      <c r="MI9" s="406">
        <v>0</v>
      </c>
      <c r="MJ9" s="284">
        <v>25176628</v>
      </c>
      <c r="MK9" s="284">
        <v>63582499</v>
      </c>
      <c r="ML9" s="284">
        <v>201054808</v>
      </c>
      <c r="MM9" s="284">
        <v>281418578</v>
      </c>
      <c r="MN9" s="284">
        <v>151447656</v>
      </c>
      <c r="MO9" s="288">
        <v>722680169</v>
      </c>
      <c r="MP9" s="293">
        <v>722680169</v>
      </c>
      <c r="MQ9" s="287">
        <v>0</v>
      </c>
      <c r="MR9" s="284">
        <v>0</v>
      </c>
      <c r="MS9" s="288">
        <v>0</v>
      </c>
      <c r="MT9" s="406">
        <v>0</v>
      </c>
      <c r="MU9" s="284">
        <v>4074284</v>
      </c>
      <c r="MV9" s="284">
        <v>15332252</v>
      </c>
      <c r="MW9" s="284">
        <v>117678863</v>
      </c>
      <c r="MX9" s="284">
        <v>179649780</v>
      </c>
      <c r="MY9" s="284">
        <v>99026355</v>
      </c>
      <c r="MZ9" s="288">
        <v>415761534</v>
      </c>
      <c r="NA9" s="293">
        <v>415761534</v>
      </c>
      <c r="NB9" s="287">
        <v>0</v>
      </c>
      <c r="NC9" s="284">
        <v>0</v>
      </c>
      <c r="ND9" s="288">
        <v>0</v>
      </c>
      <c r="NE9" s="406">
        <v>0</v>
      </c>
      <c r="NF9" s="284">
        <v>21102344</v>
      </c>
      <c r="NG9" s="284">
        <v>48170931</v>
      </c>
      <c r="NH9" s="284">
        <v>82943539</v>
      </c>
      <c r="NI9" s="284">
        <v>96579388</v>
      </c>
      <c r="NJ9" s="284">
        <v>45653397</v>
      </c>
      <c r="NK9" s="288">
        <v>294449599</v>
      </c>
      <c r="NL9" s="286">
        <v>294449599</v>
      </c>
      <c r="NM9" s="287">
        <v>0</v>
      </c>
      <c r="NN9" s="284">
        <v>0</v>
      </c>
      <c r="NO9" s="288">
        <v>0</v>
      </c>
      <c r="NP9" s="406">
        <v>0</v>
      </c>
      <c r="NQ9" s="284">
        <v>0</v>
      </c>
      <c r="NR9" s="284">
        <v>0</v>
      </c>
      <c r="NS9" s="284">
        <v>0</v>
      </c>
      <c r="NT9" s="284">
        <v>0</v>
      </c>
      <c r="NU9" s="284">
        <v>0</v>
      </c>
      <c r="NV9" s="288">
        <v>0</v>
      </c>
      <c r="NW9" s="289">
        <v>0</v>
      </c>
      <c r="NX9" s="287">
        <v>0</v>
      </c>
      <c r="NY9" s="284">
        <v>0</v>
      </c>
      <c r="NZ9" s="288">
        <v>0</v>
      </c>
      <c r="OA9" s="406">
        <v>0</v>
      </c>
      <c r="OB9" s="284">
        <v>0</v>
      </c>
      <c r="OC9" s="284">
        <v>79316</v>
      </c>
      <c r="OD9" s="284">
        <v>432406</v>
      </c>
      <c r="OE9" s="284">
        <v>5189410</v>
      </c>
      <c r="OF9" s="284">
        <v>6767904</v>
      </c>
      <c r="OG9" s="288">
        <v>12469036</v>
      </c>
      <c r="OH9" s="289">
        <v>12469036</v>
      </c>
      <c r="OI9" s="287">
        <v>29840684</v>
      </c>
      <c r="OJ9" s="284">
        <v>52021621</v>
      </c>
      <c r="OK9" s="285">
        <v>81862305</v>
      </c>
      <c r="OL9" s="290">
        <v>0</v>
      </c>
      <c r="OM9" s="284">
        <v>421855053</v>
      </c>
      <c r="ON9" s="284">
        <v>609866397</v>
      </c>
      <c r="OO9" s="284">
        <v>661808566</v>
      </c>
      <c r="OP9" s="284">
        <v>693857137</v>
      </c>
      <c r="OQ9" s="284">
        <v>409496660</v>
      </c>
      <c r="OR9" s="288">
        <v>2796883813</v>
      </c>
      <c r="OS9" s="293">
        <v>2878746118</v>
      </c>
    </row>
    <row r="10" spans="1:409" s="407" customFormat="1" ht="21" customHeight="1" x14ac:dyDescent="0.2">
      <c r="A10" s="70"/>
      <c r="B10" s="409" t="s">
        <v>5</v>
      </c>
      <c r="C10" s="295">
        <v>11638832</v>
      </c>
      <c r="D10" s="296">
        <v>25938453</v>
      </c>
      <c r="E10" s="297">
        <v>37577285</v>
      </c>
      <c r="F10" s="298">
        <v>0</v>
      </c>
      <c r="G10" s="296">
        <v>114753404</v>
      </c>
      <c r="H10" s="296">
        <v>201940009</v>
      </c>
      <c r="I10" s="296">
        <v>161822530</v>
      </c>
      <c r="J10" s="296">
        <v>148483396</v>
      </c>
      <c r="K10" s="296">
        <v>90734446</v>
      </c>
      <c r="L10" s="298">
        <v>717733785</v>
      </c>
      <c r="M10" s="299">
        <v>755311070</v>
      </c>
      <c r="N10" s="295">
        <v>3579828</v>
      </c>
      <c r="O10" s="296">
        <v>9897860</v>
      </c>
      <c r="P10" s="297">
        <v>13477688</v>
      </c>
      <c r="Q10" s="295">
        <v>0</v>
      </c>
      <c r="R10" s="296">
        <v>38990775</v>
      </c>
      <c r="S10" s="296">
        <v>74856186</v>
      </c>
      <c r="T10" s="296">
        <v>56414045</v>
      </c>
      <c r="U10" s="296">
        <v>55241512</v>
      </c>
      <c r="V10" s="296">
        <v>41966241</v>
      </c>
      <c r="W10" s="297">
        <v>267468759</v>
      </c>
      <c r="X10" s="299">
        <v>280946447</v>
      </c>
      <c r="Y10" s="295">
        <v>0</v>
      </c>
      <c r="Z10" s="296">
        <v>0</v>
      </c>
      <c r="AA10" s="297">
        <v>0</v>
      </c>
      <c r="AB10" s="295">
        <v>0</v>
      </c>
      <c r="AC10" s="296">
        <v>15470328</v>
      </c>
      <c r="AD10" s="296">
        <v>27509582</v>
      </c>
      <c r="AE10" s="296">
        <v>24853404</v>
      </c>
      <c r="AF10" s="296">
        <v>26921314</v>
      </c>
      <c r="AG10" s="296">
        <v>21787205</v>
      </c>
      <c r="AH10" s="297">
        <v>116541833</v>
      </c>
      <c r="AI10" s="299">
        <v>116541833</v>
      </c>
      <c r="AJ10" s="295">
        <v>0</v>
      </c>
      <c r="AK10" s="296">
        <v>74975</v>
      </c>
      <c r="AL10" s="297">
        <v>74975</v>
      </c>
      <c r="AM10" s="295">
        <v>0</v>
      </c>
      <c r="AN10" s="296">
        <v>123208</v>
      </c>
      <c r="AO10" s="296">
        <v>777570</v>
      </c>
      <c r="AP10" s="296">
        <v>1357953</v>
      </c>
      <c r="AQ10" s="296">
        <v>3316736</v>
      </c>
      <c r="AR10" s="296">
        <v>5300350</v>
      </c>
      <c r="AS10" s="297">
        <v>10875817</v>
      </c>
      <c r="AT10" s="299">
        <v>10950792</v>
      </c>
      <c r="AU10" s="295">
        <v>1898835</v>
      </c>
      <c r="AV10" s="296">
        <v>7064586</v>
      </c>
      <c r="AW10" s="297">
        <v>8963421</v>
      </c>
      <c r="AX10" s="295">
        <v>0</v>
      </c>
      <c r="AY10" s="296">
        <v>14691646</v>
      </c>
      <c r="AZ10" s="296">
        <v>33591323</v>
      </c>
      <c r="BA10" s="296">
        <v>19960354</v>
      </c>
      <c r="BB10" s="296">
        <v>15209106</v>
      </c>
      <c r="BC10" s="296">
        <v>9027747</v>
      </c>
      <c r="BD10" s="297">
        <v>92480176</v>
      </c>
      <c r="BE10" s="299">
        <v>101443597</v>
      </c>
      <c r="BF10" s="295">
        <v>172193</v>
      </c>
      <c r="BG10" s="296">
        <v>705803</v>
      </c>
      <c r="BH10" s="300">
        <v>877996</v>
      </c>
      <c r="BI10" s="301">
        <v>0</v>
      </c>
      <c r="BJ10" s="296">
        <v>845953</v>
      </c>
      <c r="BK10" s="296">
        <v>1856333</v>
      </c>
      <c r="BL10" s="296">
        <v>1360662</v>
      </c>
      <c r="BM10" s="296">
        <v>720868</v>
      </c>
      <c r="BN10" s="296">
        <v>606827</v>
      </c>
      <c r="BO10" s="297">
        <v>5390643</v>
      </c>
      <c r="BP10" s="299">
        <v>6268639</v>
      </c>
      <c r="BQ10" s="295">
        <v>1508800</v>
      </c>
      <c r="BR10" s="296">
        <v>2052496</v>
      </c>
      <c r="BS10" s="297">
        <v>3561296</v>
      </c>
      <c r="BT10" s="295">
        <v>0</v>
      </c>
      <c r="BU10" s="296">
        <v>7859640</v>
      </c>
      <c r="BV10" s="296">
        <v>11121378</v>
      </c>
      <c r="BW10" s="296">
        <v>8881672</v>
      </c>
      <c r="BX10" s="296">
        <v>9073488</v>
      </c>
      <c r="BY10" s="296">
        <v>5244112</v>
      </c>
      <c r="BZ10" s="297">
        <v>42180290</v>
      </c>
      <c r="CA10" s="299">
        <v>45741586</v>
      </c>
      <c r="CB10" s="295">
        <v>1491449</v>
      </c>
      <c r="CC10" s="296">
        <v>3798526</v>
      </c>
      <c r="CD10" s="297">
        <v>5289975</v>
      </c>
      <c r="CE10" s="295">
        <v>0</v>
      </c>
      <c r="CF10" s="296">
        <v>31095206</v>
      </c>
      <c r="CG10" s="296">
        <v>49391005</v>
      </c>
      <c r="CH10" s="296">
        <v>33792853</v>
      </c>
      <c r="CI10" s="296">
        <v>19193436</v>
      </c>
      <c r="CJ10" s="296">
        <v>9705329</v>
      </c>
      <c r="CK10" s="297">
        <v>143177829</v>
      </c>
      <c r="CL10" s="299">
        <v>148467804</v>
      </c>
      <c r="CM10" s="295">
        <v>0</v>
      </c>
      <c r="CN10" s="296">
        <v>0</v>
      </c>
      <c r="CO10" s="297">
        <v>0</v>
      </c>
      <c r="CP10" s="301">
        <v>0</v>
      </c>
      <c r="CQ10" s="296">
        <v>24670921</v>
      </c>
      <c r="CR10" s="296">
        <v>35054838</v>
      </c>
      <c r="CS10" s="296">
        <v>22589434</v>
      </c>
      <c r="CT10" s="296">
        <v>12601050</v>
      </c>
      <c r="CU10" s="296">
        <v>8202070</v>
      </c>
      <c r="CV10" s="297">
        <v>103118313</v>
      </c>
      <c r="CW10" s="299">
        <v>103118313</v>
      </c>
      <c r="CX10" s="295">
        <v>1491449</v>
      </c>
      <c r="CY10" s="296">
        <v>3798526</v>
      </c>
      <c r="CZ10" s="297">
        <v>5289975</v>
      </c>
      <c r="DA10" s="295">
        <v>0</v>
      </c>
      <c r="DB10" s="296">
        <v>6424285</v>
      </c>
      <c r="DC10" s="296">
        <v>14336167</v>
      </c>
      <c r="DD10" s="296">
        <v>11203419</v>
      </c>
      <c r="DE10" s="296">
        <v>6592386</v>
      </c>
      <c r="DF10" s="296">
        <v>1503259</v>
      </c>
      <c r="DG10" s="297">
        <v>40059516</v>
      </c>
      <c r="DH10" s="299">
        <v>45349491</v>
      </c>
      <c r="DI10" s="295">
        <v>29601</v>
      </c>
      <c r="DJ10" s="296">
        <v>518194</v>
      </c>
      <c r="DK10" s="300">
        <v>547795</v>
      </c>
      <c r="DL10" s="301">
        <v>0</v>
      </c>
      <c r="DM10" s="296">
        <v>3072162</v>
      </c>
      <c r="DN10" s="296">
        <v>8237385</v>
      </c>
      <c r="DO10" s="296">
        <v>16113715</v>
      </c>
      <c r="DP10" s="296">
        <v>11523250</v>
      </c>
      <c r="DQ10" s="296">
        <v>6199008</v>
      </c>
      <c r="DR10" s="297">
        <v>45145520</v>
      </c>
      <c r="DS10" s="299">
        <v>45693315</v>
      </c>
      <c r="DT10" s="295">
        <v>29601</v>
      </c>
      <c r="DU10" s="296">
        <v>369626</v>
      </c>
      <c r="DV10" s="297">
        <v>399227</v>
      </c>
      <c r="DW10" s="295">
        <v>0</v>
      </c>
      <c r="DX10" s="296">
        <v>2594872</v>
      </c>
      <c r="DY10" s="296">
        <v>6395330</v>
      </c>
      <c r="DZ10" s="296">
        <v>13582676</v>
      </c>
      <c r="EA10" s="296">
        <v>9487987</v>
      </c>
      <c r="EB10" s="296">
        <v>5100613</v>
      </c>
      <c r="EC10" s="297">
        <v>37161478</v>
      </c>
      <c r="ED10" s="299">
        <v>37560705</v>
      </c>
      <c r="EE10" s="295">
        <v>0</v>
      </c>
      <c r="EF10" s="300">
        <v>148568</v>
      </c>
      <c r="EG10" s="297">
        <v>148568</v>
      </c>
      <c r="EH10" s="295">
        <v>0</v>
      </c>
      <c r="EI10" s="296">
        <v>477290</v>
      </c>
      <c r="EJ10" s="296">
        <v>1842055</v>
      </c>
      <c r="EK10" s="296">
        <v>2531039</v>
      </c>
      <c r="EL10" s="296">
        <v>2035263</v>
      </c>
      <c r="EM10" s="296">
        <v>1098395</v>
      </c>
      <c r="EN10" s="300">
        <v>7984042</v>
      </c>
      <c r="EO10" s="299">
        <v>8132610</v>
      </c>
      <c r="EP10" s="295">
        <v>0</v>
      </c>
      <c r="EQ10" s="296">
        <v>0</v>
      </c>
      <c r="ER10" s="300">
        <v>0</v>
      </c>
      <c r="ES10" s="301">
        <v>0</v>
      </c>
      <c r="ET10" s="296">
        <v>0</v>
      </c>
      <c r="EU10" s="296">
        <v>0</v>
      </c>
      <c r="EV10" s="296">
        <v>0</v>
      </c>
      <c r="EW10" s="296">
        <v>0</v>
      </c>
      <c r="EX10" s="296">
        <v>0</v>
      </c>
      <c r="EY10" s="297">
        <v>0</v>
      </c>
      <c r="EZ10" s="299">
        <v>0</v>
      </c>
      <c r="FA10" s="295">
        <v>0</v>
      </c>
      <c r="FB10" s="296">
        <v>0</v>
      </c>
      <c r="FC10" s="300">
        <v>0</v>
      </c>
      <c r="FD10" s="301">
        <v>0</v>
      </c>
      <c r="FE10" s="296">
        <v>0</v>
      </c>
      <c r="FF10" s="296">
        <v>0</v>
      </c>
      <c r="FG10" s="296">
        <v>0</v>
      </c>
      <c r="FH10" s="296">
        <v>0</v>
      </c>
      <c r="FI10" s="296">
        <v>0</v>
      </c>
      <c r="FJ10" s="297">
        <v>0</v>
      </c>
      <c r="FK10" s="299">
        <v>0</v>
      </c>
      <c r="FL10" s="295">
        <v>2698614</v>
      </c>
      <c r="FM10" s="296">
        <v>4792946</v>
      </c>
      <c r="FN10" s="297">
        <v>7491560</v>
      </c>
      <c r="FO10" s="295">
        <v>0</v>
      </c>
      <c r="FP10" s="296">
        <v>5331623</v>
      </c>
      <c r="FQ10" s="296">
        <v>18560521</v>
      </c>
      <c r="FR10" s="296">
        <v>12841728</v>
      </c>
      <c r="FS10" s="296">
        <v>10460891</v>
      </c>
      <c r="FT10" s="296">
        <v>6559180</v>
      </c>
      <c r="FU10" s="297">
        <v>53753943</v>
      </c>
      <c r="FV10" s="299">
        <v>61245503</v>
      </c>
      <c r="FW10" s="302">
        <v>838192</v>
      </c>
      <c r="FX10" s="296">
        <v>3455640</v>
      </c>
      <c r="FY10" s="300">
        <v>4293832</v>
      </c>
      <c r="FZ10" s="301">
        <v>0</v>
      </c>
      <c r="GA10" s="296">
        <v>3486528</v>
      </c>
      <c r="GB10" s="296">
        <v>16461797</v>
      </c>
      <c r="GC10" s="296">
        <v>11736360</v>
      </c>
      <c r="GD10" s="296">
        <v>9485256</v>
      </c>
      <c r="GE10" s="296">
        <v>5917264</v>
      </c>
      <c r="GF10" s="297">
        <v>47087205</v>
      </c>
      <c r="GG10" s="303">
        <v>51381037</v>
      </c>
      <c r="GH10" s="302">
        <v>202602</v>
      </c>
      <c r="GI10" s="296">
        <v>253706</v>
      </c>
      <c r="GJ10" s="300">
        <v>456308</v>
      </c>
      <c r="GK10" s="301">
        <v>0</v>
      </c>
      <c r="GL10" s="296">
        <v>477495</v>
      </c>
      <c r="GM10" s="296">
        <v>496364</v>
      </c>
      <c r="GN10" s="296">
        <v>423768</v>
      </c>
      <c r="GO10" s="296">
        <v>453315</v>
      </c>
      <c r="GP10" s="296">
        <v>129916</v>
      </c>
      <c r="GQ10" s="297">
        <v>1980858</v>
      </c>
      <c r="GR10" s="299">
        <v>2437166</v>
      </c>
      <c r="GS10" s="295">
        <v>1657820</v>
      </c>
      <c r="GT10" s="296">
        <v>1083600</v>
      </c>
      <c r="GU10" s="297">
        <v>2741420</v>
      </c>
      <c r="GV10" s="295">
        <v>0</v>
      </c>
      <c r="GW10" s="296">
        <v>1367600</v>
      </c>
      <c r="GX10" s="296">
        <v>1602360</v>
      </c>
      <c r="GY10" s="296">
        <v>681600</v>
      </c>
      <c r="GZ10" s="296">
        <v>522320</v>
      </c>
      <c r="HA10" s="296">
        <v>512000</v>
      </c>
      <c r="HB10" s="300">
        <v>4685880</v>
      </c>
      <c r="HC10" s="299">
        <v>7427300</v>
      </c>
      <c r="HD10" s="295">
        <v>3839340</v>
      </c>
      <c r="HE10" s="296">
        <v>6930927</v>
      </c>
      <c r="HF10" s="300">
        <v>10770267</v>
      </c>
      <c r="HG10" s="301">
        <v>0</v>
      </c>
      <c r="HH10" s="296">
        <v>36263638</v>
      </c>
      <c r="HI10" s="296">
        <v>50894912</v>
      </c>
      <c r="HJ10" s="296">
        <v>42660189</v>
      </c>
      <c r="HK10" s="296">
        <v>52064307</v>
      </c>
      <c r="HL10" s="296">
        <v>26304688</v>
      </c>
      <c r="HM10" s="297">
        <v>208187734</v>
      </c>
      <c r="HN10" s="298">
        <v>218958001</v>
      </c>
      <c r="HO10" s="302">
        <v>0</v>
      </c>
      <c r="HP10" s="296">
        <v>0</v>
      </c>
      <c r="HQ10" s="297">
        <v>0</v>
      </c>
      <c r="HR10" s="295">
        <v>0</v>
      </c>
      <c r="HS10" s="296">
        <v>0</v>
      </c>
      <c r="HT10" s="296">
        <v>0</v>
      </c>
      <c r="HU10" s="296">
        <v>0</v>
      </c>
      <c r="HV10" s="296">
        <v>0</v>
      </c>
      <c r="HW10" s="296">
        <v>0</v>
      </c>
      <c r="HX10" s="300">
        <v>0</v>
      </c>
      <c r="HY10" s="299">
        <v>0</v>
      </c>
      <c r="HZ10" s="304">
        <v>146773</v>
      </c>
      <c r="IA10" s="305">
        <v>568922</v>
      </c>
      <c r="IB10" s="306">
        <v>715695</v>
      </c>
      <c r="IC10" s="307">
        <v>0</v>
      </c>
      <c r="ID10" s="308">
        <v>30950085</v>
      </c>
      <c r="IE10" s="309">
        <v>49801152</v>
      </c>
      <c r="IF10" s="310">
        <v>46074894</v>
      </c>
      <c r="IG10" s="308">
        <v>33459512</v>
      </c>
      <c r="IH10" s="310">
        <v>23472109</v>
      </c>
      <c r="II10" s="311">
        <v>183757752</v>
      </c>
      <c r="IJ10" s="312">
        <v>184473447</v>
      </c>
      <c r="IK10" s="313">
        <v>0</v>
      </c>
      <c r="IL10" s="314">
        <v>0</v>
      </c>
      <c r="IM10" s="315">
        <v>0</v>
      </c>
      <c r="IN10" s="403">
        <v>0</v>
      </c>
      <c r="IO10" s="316">
        <v>432614</v>
      </c>
      <c r="IP10" s="316">
        <v>1917477</v>
      </c>
      <c r="IQ10" s="316">
        <v>3276978</v>
      </c>
      <c r="IR10" s="316">
        <v>2826809</v>
      </c>
      <c r="IS10" s="316">
        <v>2917027</v>
      </c>
      <c r="IT10" s="317">
        <v>11370905</v>
      </c>
      <c r="IU10" s="318">
        <v>11370905</v>
      </c>
      <c r="IV10" s="319">
        <v>0</v>
      </c>
      <c r="IW10" s="316">
        <v>0</v>
      </c>
      <c r="IX10" s="320">
        <v>0</v>
      </c>
      <c r="IY10" s="403">
        <v>0</v>
      </c>
      <c r="IZ10" s="316">
        <v>229334</v>
      </c>
      <c r="JA10" s="316">
        <v>294456</v>
      </c>
      <c r="JB10" s="316">
        <v>453725</v>
      </c>
      <c r="JC10" s="316">
        <v>1133196</v>
      </c>
      <c r="JD10" s="316">
        <v>479146</v>
      </c>
      <c r="JE10" s="320">
        <v>2589857</v>
      </c>
      <c r="JF10" s="321">
        <v>2589857</v>
      </c>
      <c r="JG10" s="319">
        <v>0</v>
      </c>
      <c r="JH10" s="316">
        <v>0</v>
      </c>
      <c r="JI10" s="317">
        <v>0</v>
      </c>
      <c r="JJ10" s="322">
        <v>0</v>
      </c>
      <c r="JK10" s="316">
        <v>13565970</v>
      </c>
      <c r="JL10" s="316">
        <v>20837012</v>
      </c>
      <c r="JM10" s="316">
        <v>16386505</v>
      </c>
      <c r="JN10" s="316">
        <v>6755147</v>
      </c>
      <c r="JO10" s="316">
        <v>3521160</v>
      </c>
      <c r="JP10" s="320">
        <v>61065794</v>
      </c>
      <c r="JQ10" s="318">
        <v>61065794</v>
      </c>
      <c r="JR10" s="319">
        <v>0</v>
      </c>
      <c r="JS10" s="316">
        <v>0</v>
      </c>
      <c r="JT10" s="317">
        <v>0</v>
      </c>
      <c r="JU10" s="322">
        <v>0</v>
      </c>
      <c r="JV10" s="316">
        <v>2983056</v>
      </c>
      <c r="JW10" s="316">
        <v>4642906</v>
      </c>
      <c r="JX10" s="316">
        <v>4546198</v>
      </c>
      <c r="JY10" s="316">
        <v>2310880</v>
      </c>
      <c r="JZ10" s="316">
        <v>1032905</v>
      </c>
      <c r="KA10" s="320">
        <v>15515945</v>
      </c>
      <c r="KB10" s="318">
        <v>15515945</v>
      </c>
      <c r="KC10" s="323">
        <v>146773</v>
      </c>
      <c r="KD10" s="324">
        <v>325518</v>
      </c>
      <c r="KE10" s="320">
        <v>472291</v>
      </c>
      <c r="KF10" s="322">
        <v>0</v>
      </c>
      <c r="KG10" s="316">
        <v>4539474</v>
      </c>
      <c r="KH10" s="316">
        <v>5945789</v>
      </c>
      <c r="KI10" s="316">
        <v>7076958</v>
      </c>
      <c r="KJ10" s="316">
        <v>6248001</v>
      </c>
      <c r="KK10" s="316">
        <v>4555027</v>
      </c>
      <c r="KL10" s="320">
        <v>28365249</v>
      </c>
      <c r="KM10" s="325">
        <v>28837540</v>
      </c>
      <c r="KN10" s="313">
        <v>0</v>
      </c>
      <c r="KO10" s="314">
        <v>243404</v>
      </c>
      <c r="KP10" s="315">
        <v>243404</v>
      </c>
      <c r="KQ10" s="403">
        <v>0</v>
      </c>
      <c r="KR10" s="316">
        <v>8361537</v>
      </c>
      <c r="KS10" s="316">
        <v>15317408</v>
      </c>
      <c r="KT10" s="316">
        <v>12641223</v>
      </c>
      <c r="KU10" s="316">
        <v>10427082</v>
      </c>
      <c r="KV10" s="316">
        <v>6922588</v>
      </c>
      <c r="KW10" s="320">
        <v>53669838</v>
      </c>
      <c r="KX10" s="318">
        <v>53913242</v>
      </c>
      <c r="KY10" s="319">
        <v>0</v>
      </c>
      <c r="KZ10" s="316">
        <v>0</v>
      </c>
      <c r="LA10" s="320">
        <v>0</v>
      </c>
      <c r="LB10" s="403">
        <v>0</v>
      </c>
      <c r="LC10" s="316">
        <v>0</v>
      </c>
      <c r="LD10" s="316">
        <v>0</v>
      </c>
      <c r="LE10" s="316">
        <v>0</v>
      </c>
      <c r="LF10" s="316">
        <v>0</v>
      </c>
      <c r="LG10" s="316">
        <v>0</v>
      </c>
      <c r="LH10" s="320">
        <v>0</v>
      </c>
      <c r="LI10" s="321">
        <v>0</v>
      </c>
      <c r="LJ10" s="319">
        <v>0</v>
      </c>
      <c r="LK10" s="316">
        <v>0</v>
      </c>
      <c r="LL10" s="320">
        <v>0</v>
      </c>
      <c r="LM10" s="403">
        <v>0</v>
      </c>
      <c r="LN10" s="316">
        <v>237692</v>
      </c>
      <c r="LO10" s="316">
        <v>0</v>
      </c>
      <c r="LP10" s="316">
        <v>864793</v>
      </c>
      <c r="LQ10" s="316">
        <v>1553402</v>
      </c>
      <c r="LR10" s="316">
        <v>640068</v>
      </c>
      <c r="LS10" s="320">
        <v>3295955</v>
      </c>
      <c r="LT10" s="318">
        <v>3295955</v>
      </c>
      <c r="LU10" s="319">
        <v>0</v>
      </c>
      <c r="LV10" s="316">
        <v>0</v>
      </c>
      <c r="LW10" s="320">
        <v>0</v>
      </c>
      <c r="LX10" s="403">
        <v>0</v>
      </c>
      <c r="LY10" s="316">
        <v>600408</v>
      </c>
      <c r="LZ10" s="316">
        <v>846104</v>
      </c>
      <c r="MA10" s="316">
        <v>828514</v>
      </c>
      <c r="MB10" s="316">
        <v>2204995</v>
      </c>
      <c r="MC10" s="316">
        <v>3404188</v>
      </c>
      <c r="MD10" s="320">
        <v>7884209</v>
      </c>
      <c r="ME10" s="321">
        <v>7884209</v>
      </c>
      <c r="MF10" s="319">
        <v>0</v>
      </c>
      <c r="MG10" s="316">
        <v>0</v>
      </c>
      <c r="MH10" s="320">
        <v>0</v>
      </c>
      <c r="MI10" s="403">
        <v>0</v>
      </c>
      <c r="MJ10" s="316">
        <v>11292736</v>
      </c>
      <c r="MK10" s="316">
        <v>38077755</v>
      </c>
      <c r="ML10" s="316">
        <v>96003718</v>
      </c>
      <c r="MM10" s="316">
        <v>136846320</v>
      </c>
      <c r="MN10" s="316">
        <v>71738212</v>
      </c>
      <c r="MO10" s="320">
        <v>353958741</v>
      </c>
      <c r="MP10" s="325">
        <v>353958741</v>
      </c>
      <c r="MQ10" s="319">
        <v>0</v>
      </c>
      <c r="MR10" s="316">
        <v>0</v>
      </c>
      <c r="MS10" s="320">
        <v>0</v>
      </c>
      <c r="MT10" s="403">
        <v>0</v>
      </c>
      <c r="MU10" s="316">
        <v>2508813</v>
      </c>
      <c r="MV10" s="316">
        <v>11541163</v>
      </c>
      <c r="MW10" s="316">
        <v>58209810</v>
      </c>
      <c r="MX10" s="316">
        <v>82688222</v>
      </c>
      <c r="MY10" s="316">
        <v>45624698</v>
      </c>
      <c r="MZ10" s="320">
        <v>200572706</v>
      </c>
      <c r="NA10" s="325">
        <v>200572706</v>
      </c>
      <c r="NB10" s="319">
        <v>0</v>
      </c>
      <c r="NC10" s="316">
        <v>0</v>
      </c>
      <c r="ND10" s="320">
        <v>0</v>
      </c>
      <c r="NE10" s="403">
        <v>0</v>
      </c>
      <c r="NF10" s="316">
        <v>8783923</v>
      </c>
      <c r="NG10" s="316">
        <v>26536592</v>
      </c>
      <c r="NH10" s="316">
        <v>37415062</v>
      </c>
      <c r="NI10" s="316">
        <v>51738352</v>
      </c>
      <c r="NJ10" s="316">
        <v>23855352</v>
      </c>
      <c r="NK10" s="320">
        <v>148329281</v>
      </c>
      <c r="NL10" s="318">
        <v>148329281</v>
      </c>
      <c r="NM10" s="319">
        <v>0</v>
      </c>
      <c r="NN10" s="316">
        <v>0</v>
      </c>
      <c r="NO10" s="320">
        <v>0</v>
      </c>
      <c r="NP10" s="403">
        <v>0</v>
      </c>
      <c r="NQ10" s="316">
        <v>0</v>
      </c>
      <c r="NR10" s="316">
        <v>0</v>
      </c>
      <c r="NS10" s="316">
        <v>0</v>
      </c>
      <c r="NT10" s="316">
        <v>0</v>
      </c>
      <c r="NU10" s="316">
        <v>0</v>
      </c>
      <c r="NV10" s="320">
        <v>0</v>
      </c>
      <c r="NW10" s="321">
        <v>0</v>
      </c>
      <c r="NX10" s="319">
        <v>0</v>
      </c>
      <c r="NY10" s="316">
        <v>0</v>
      </c>
      <c r="NZ10" s="320">
        <v>0</v>
      </c>
      <c r="OA10" s="403">
        <v>0</v>
      </c>
      <c r="OB10" s="316">
        <v>0</v>
      </c>
      <c r="OC10" s="316">
        <v>0</v>
      </c>
      <c r="OD10" s="316">
        <v>378846</v>
      </c>
      <c r="OE10" s="316">
        <v>2419746</v>
      </c>
      <c r="OF10" s="316">
        <v>2258162</v>
      </c>
      <c r="OG10" s="320">
        <v>5056754</v>
      </c>
      <c r="OH10" s="321">
        <v>5056754</v>
      </c>
      <c r="OI10" s="319">
        <v>11785605</v>
      </c>
      <c r="OJ10" s="316">
        <v>26507375</v>
      </c>
      <c r="OK10" s="317">
        <v>38292980</v>
      </c>
      <c r="OL10" s="322">
        <v>0</v>
      </c>
      <c r="OM10" s="316">
        <v>156996225</v>
      </c>
      <c r="ON10" s="316">
        <v>289818916</v>
      </c>
      <c r="OO10" s="316">
        <v>303901142</v>
      </c>
      <c r="OP10" s="316">
        <v>318789228</v>
      </c>
      <c r="OQ10" s="316">
        <v>185944767</v>
      </c>
      <c r="OR10" s="320">
        <v>1255450278</v>
      </c>
      <c r="OS10" s="325">
        <v>1293743258</v>
      </c>
    </row>
    <row r="11" spans="1:409" s="70" customFormat="1" ht="21" customHeight="1" x14ac:dyDescent="0.2">
      <c r="B11" s="410" t="s">
        <v>6</v>
      </c>
      <c r="C11" s="326">
        <v>4127939</v>
      </c>
      <c r="D11" s="327">
        <v>4982844</v>
      </c>
      <c r="E11" s="328">
        <v>9110783</v>
      </c>
      <c r="F11" s="329">
        <v>0</v>
      </c>
      <c r="G11" s="327">
        <v>47857260</v>
      </c>
      <c r="H11" s="327">
        <v>54558252</v>
      </c>
      <c r="I11" s="327">
        <v>40937610</v>
      </c>
      <c r="J11" s="327">
        <v>39748532</v>
      </c>
      <c r="K11" s="327">
        <v>24655138</v>
      </c>
      <c r="L11" s="329">
        <v>207756792</v>
      </c>
      <c r="M11" s="330">
        <v>216867575</v>
      </c>
      <c r="N11" s="326">
        <v>1264972</v>
      </c>
      <c r="O11" s="327">
        <v>1842626</v>
      </c>
      <c r="P11" s="328">
        <v>3107598</v>
      </c>
      <c r="Q11" s="326">
        <v>0</v>
      </c>
      <c r="R11" s="327">
        <v>14896471</v>
      </c>
      <c r="S11" s="327">
        <v>16614137</v>
      </c>
      <c r="T11" s="327">
        <v>14175989</v>
      </c>
      <c r="U11" s="327">
        <v>15905057</v>
      </c>
      <c r="V11" s="327">
        <v>12385348</v>
      </c>
      <c r="W11" s="328">
        <v>73977002</v>
      </c>
      <c r="X11" s="330">
        <v>77084600</v>
      </c>
      <c r="Y11" s="326">
        <v>0</v>
      </c>
      <c r="Z11" s="327">
        <v>0</v>
      </c>
      <c r="AA11" s="328">
        <v>0</v>
      </c>
      <c r="AB11" s="326">
        <v>0</v>
      </c>
      <c r="AC11" s="327">
        <v>5832264</v>
      </c>
      <c r="AD11" s="327">
        <v>5989302</v>
      </c>
      <c r="AE11" s="327">
        <v>6444769</v>
      </c>
      <c r="AF11" s="327">
        <v>9240924</v>
      </c>
      <c r="AG11" s="327">
        <v>7318294</v>
      </c>
      <c r="AH11" s="328">
        <v>34825553</v>
      </c>
      <c r="AI11" s="330">
        <v>34825553</v>
      </c>
      <c r="AJ11" s="326">
        <v>0</v>
      </c>
      <c r="AK11" s="327">
        <v>0</v>
      </c>
      <c r="AL11" s="328">
        <v>0</v>
      </c>
      <c r="AM11" s="326">
        <v>0</v>
      </c>
      <c r="AN11" s="327">
        <v>49283</v>
      </c>
      <c r="AO11" s="327">
        <v>75872</v>
      </c>
      <c r="AP11" s="327">
        <v>110833</v>
      </c>
      <c r="AQ11" s="327">
        <v>562369</v>
      </c>
      <c r="AR11" s="327">
        <v>1235025</v>
      </c>
      <c r="AS11" s="328">
        <v>2033382</v>
      </c>
      <c r="AT11" s="330">
        <v>2033382</v>
      </c>
      <c r="AU11" s="326">
        <v>572369</v>
      </c>
      <c r="AV11" s="327">
        <v>1355981</v>
      </c>
      <c r="AW11" s="328">
        <v>1928350</v>
      </c>
      <c r="AX11" s="326">
        <v>0</v>
      </c>
      <c r="AY11" s="327">
        <v>5530613</v>
      </c>
      <c r="AZ11" s="327">
        <v>6846648</v>
      </c>
      <c r="BA11" s="327">
        <v>4567047</v>
      </c>
      <c r="BB11" s="327">
        <v>3455272</v>
      </c>
      <c r="BC11" s="327">
        <v>1961203</v>
      </c>
      <c r="BD11" s="328">
        <v>22360783</v>
      </c>
      <c r="BE11" s="330">
        <v>24289133</v>
      </c>
      <c r="BF11" s="326">
        <v>126283</v>
      </c>
      <c r="BG11" s="327">
        <v>20749</v>
      </c>
      <c r="BH11" s="331">
        <v>147032</v>
      </c>
      <c r="BI11" s="332">
        <v>0</v>
      </c>
      <c r="BJ11" s="327">
        <v>278871</v>
      </c>
      <c r="BK11" s="327">
        <v>480451</v>
      </c>
      <c r="BL11" s="327">
        <v>238748</v>
      </c>
      <c r="BM11" s="327">
        <v>25780</v>
      </c>
      <c r="BN11" s="327">
        <v>124308</v>
      </c>
      <c r="BO11" s="328">
        <v>1148158</v>
      </c>
      <c r="BP11" s="330">
        <v>1295190</v>
      </c>
      <c r="BQ11" s="326">
        <v>566320</v>
      </c>
      <c r="BR11" s="327">
        <v>465896</v>
      </c>
      <c r="BS11" s="328">
        <v>1032216</v>
      </c>
      <c r="BT11" s="326">
        <v>0</v>
      </c>
      <c r="BU11" s="327">
        <v>3205440</v>
      </c>
      <c r="BV11" s="327">
        <v>3221864</v>
      </c>
      <c r="BW11" s="327">
        <v>2814592</v>
      </c>
      <c r="BX11" s="327">
        <v>2620712</v>
      </c>
      <c r="BY11" s="327">
        <v>1746518</v>
      </c>
      <c r="BZ11" s="328">
        <v>13609126</v>
      </c>
      <c r="CA11" s="330">
        <v>14641342</v>
      </c>
      <c r="CB11" s="326">
        <v>321045</v>
      </c>
      <c r="CC11" s="327">
        <v>555228</v>
      </c>
      <c r="CD11" s="328">
        <v>876273</v>
      </c>
      <c r="CE11" s="326">
        <v>0</v>
      </c>
      <c r="CF11" s="327">
        <v>13082847</v>
      </c>
      <c r="CG11" s="327">
        <v>16179223</v>
      </c>
      <c r="CH11" s="327">
        <v>8903732</v>
      </c>
      <c r="CI11" s="327">
        <v>6105292</v>
      </c>
      <c r="CJ11" s="327">
        <v>1985728</v>
      </c>
      <c r="CK11" s="328">
        <v>46256822</v>
      </c>
      <c r="CL11" s="330">
        <v>47133095</v>
      </c>
      <c r="CM11" s="326">
        <v>0</v>
      </c>
      <c r="CN11" s="327">
        <v>0</v>
      </c>
      <c r="CO11" s="328">
        <v>0</v>
      </c>
      <c r="CP11" s="332">
        <v>0</v>
      </c>
      <c r="CQ11" s="327">
        <v>10554880</v>
      </c>
      <c r="CR11" s="327">
        <v>12536396</v>
      </c>
      <c r="CS11" s="327">
        <v>6147641</v>
      </c>
      <c r="CT11" s="327">
        <v>4352416</v>
      </c>
      <c r="CU11" s="327">
        <v>1082010</v>
      </c>
      <c r="CV11" s="328">
        <v>34673343</v>
      </c>
      <c r="CW11" s="330">
        <v>34673343</v>
      </c>
      <c r="CX11" s="326">
        <v>321045</v>
      </c>
      <c r="CY11" s="327">
        <v>555228</v>
      </c>
      <c r="CZ11" s="328">
        <v>876273</v>
      </c>
      <c r="DA11" s="326">
        <v>0</v>
      </c>
      <c r="DB11" s="327">
        <v>2527967</v>
      </c>
      <c r="DC11" s="327">
        <v>3642827</v>
      </c>
      <c r="DD11" s="327">
        <v>2756091</v>
      </c>
      <c r="DE11" s="327">
        <v>1752876</v>
      </c>
      <c r="DF11" s="327">
        <v>903718</v>
      </c>
      <c r="DG11" s="328">
        <v>11583479</v>
      </c>
      <c r="DH11" s="330">
        <v>12459752</v>
      </c>
      <c r="DI11" s="326">
        <v>0</v>
      </c>
      <c r="DJ11" s="327">
        <v>22777</v>
      </c>
      <c r="DK11" s="331">
        <v>22777</v>
      </c>
      <c r="DL11" s="332">
        <v>0</v>
      </c>
      <c r="DM11" s="327">
        <v>616964</v>
      </c>
      <c r="DN11" s="327">
        <v>2640825</v>
      </c>
      <c r="DO11" s="327">
        <v>2870358</v>
      </c>
      <c r="DP11" s="327">
        <v>2125907</v>
      </c>
      <c r="DQ11" s="327">
        <v>1156038</v>
      </c>
      <c r="DR11" s="328">
        <v>9410092</v>
      </c>
      <c r="DS11" s="330">
        <v>9432869</v>
      </c>
      <c r="DT11" s="326">
        <v>0</v>
      </c>
      <c r="DU11" s="327">
        <v>22777</v>
      </c>
      <c r="DV11" s="328">
        <v>22777</v>
      </c>
      <c r="DW11" s="326">
        <v>0</v>
      </c>
      <c r="DX11" s="327">
        <v>515656</v>
      </c>
      <c r="DY11" s="327">
        <v>2130912</v>
      </c>
      <c r="DZ11" s="327">
        <v>2722725</v>
      </c>
      <c r="EA11" s="327">
        <v>1465114</v>
      </c>
      <c r="EB11" s="327">
        <v>733018</v>
      </c>
      <c r="EC11" s="328">
        <v>7567425</v>
      </c>
      <c r="ED11" s="330">
        <v>7590202</v>
      </c>
      <c r="EE11" s="326">
        <v>0</v>
      </c>
      <c r="EF11" s="331">
        <v>0</v>
      </c>
      <c r="EG11" s="328">
        <v>0</v>
      </c>
      <c r="EH11" s="326">
        <v>0</v>
      </c>
      <c r="EI11" s="327">
        <v>101308</v>
      </c>
      <c r="EJ11" s="327">
        <v>509913</v>
      </c>
      <c r="EK11" s="327">
        <v>147633</v>
      </c>
      <c r="EL11" s="327">
        <v>660793</v>
      </c>
      <c r="EM11" s="327">
        <v>423020</v>
      </c>
      <c r="EN11" s="331">
        <v>1842667</v>
      </c>
      <c r="EO11" s="330">
        <v>1842667</v>
      </c>
      <c r="EP11" s="326">
        <v>0</v>
      </c>
      <c r="EQ11" s="327">
        <v>0</v>
      </c>
      <c r="ER11" s="331">
        <v>0</v>
      </c>
      <c r="ES11" s="332">
        <v>0</v>
      </c>
      <c r="ET11" s="327">
        <v>0</v>
      </c>
      <c r="EU11" s="327">
        <v>0</v>
      </c>
      <c r="EV11" s="327">
        <v>0</v>
      </c>
      <c r="EW11" s="327">
        <v>0</v>
      </c>
      <c r="EX11" s="327">
        <v>0</v>
      </c>
      <c r="EY11" s="328">
        <v>0</v>
      </c>
      <c r="EZ11" s="330">
        <v>0</v>
      </c>
      <c r="FA11" s="326">
        <v>0</v>
      </c>
      <c r="FB11" s="327">
        <v>0</v>
      </c>
      <c r="FC11" s="331">
        <v>0</v>
      </c>
      <c r="FD11" s="332">
        <v>0</v>
      </c>
      <c r="FE11" s="327">
        <v>0</v>
      </c>
      <c r="FF11" s="327">
        <v>0</v>
      </c>
      <c r="FG11" s="327">
        <v>0</v>
      </c>
      <c r="FH11" s="327">
        <v>0</v>
      </c>
      <c r="FI11" s="327">
        <v>0</v>
      </c>
      <c r="FJ11" s="328">
        <v>0</v>
      </c>
      <c r="FK11" s="330">
        <v>0</v>
      </c>
      <c r="FL11" s="326">
        <v>757372</v>
      </c>
      <c r="FM11" s="327">
        <v>1345340</v>
      </c>
      <c r="FN11" s="328">
        <v>2102712</v>
      </c>
      <c r="FO11" s="326">
        <v>0</v>
      </c>
      <c r="FP11" s="327">
        <v>2643276</v>
      </c>
      <c r="FQ11" s="327">
        <v>4930600</v>
      </c>
      <c r="FR11" s="327">
        <v>3809436</v>
      </c>
      <c r="FS11" s="327">
        <v>2976168</v>
      </c>
      <c r="FT11" s="327">
        <v>1965088</v>
      </c>
      <c r="FU11" s="328">
        <v>16324568</v>
      </c>
      <c r="FV11" s="330">
        <v>18427280</v>
      </c>
      <c r="FW11" s="333">
        <v>430192</v>
      </c>
      <c r="FX11" s="327">
        <v>906716</v>
      </c>
      <c r="FY11" s="331">
        <v>1336908</v>
      </c>
      <c r="FZ11" s="332">
        <v>0</v>
      </c>
      <c r="GA11" s="327">
        <v>1958192</v>
      </c>
      <c r="GB11" s="327">
        <v>4635168</v>
      </c>
      <c r="GC11" s="327">
        <v>3409192</v>
      </c>
      <c r="GD11" s="327">
        <v>2890568</v>
      </c>
      <c r="GE11" s="327">
        <v>1817888</v>
      </c>
      <c r="GF11" s="328">
        <v>14711008</v>
      </c>
      <c r="GG11" s="334">
        <v>16047916</v>
      </c>
      <c r="GH11" s="333">
        <v>91420</v>
      </c>
      <c r="GI11" s="327">
        <v>30280</v>
      </c>
      <c r="GJ11" s="331">
        <v>121700</v>
      </c>
      <c r="GK11" s="332">
        <v>0</v>
      </c>
      <c r="GL11" s="327">
        <v>50844</v>
      </c>
      <c r="GM11" s="327">
        <v>137192</v>
      </c>
      <c r="GN11" s="327">
        <v>112328</v>
      </c>
      <c r="GO11" s="327">
        <v>29600</v>
      </c>
      <c r="GP11" s="327">
        <v>24800</v>
      </c>
      <c r="GQ11" s="328">
        <v>354764</v>
      </c>
      <c r="GR11" s="330">
        <v>476464</v>
      </c>
      <c r="GS11" s="326">
        <v>235760</v>
      </c>
      <c r="GT11" s="327">
        <v>408344</v>
      </c>
      <c r="GU11" s="328">
        <v>644104</v>
      </c>
      <c r="GV11" s="326">
        <v>0</v>
      </c>
      <c r="GW11" s="327">
        <v>634240</v>
      </c>
      <c r="GX11" s="327">
        <v>158240</v>
      </c>
      <c r="GY11" s="327">
        <v>287916</v>
      </c>
      <c r="GZ11" s="327">
        <v>56000</v>
      </c>
      <c r="HA11" s="327">
        <v>122400</v>
      </c>
      <c r="HB11" s="331">
        <v>1258796</v>
      </c>
      <c r="HC11" s="330">
        <v>1902900</v>
      </c>
      <c r="HD11" s="326">
        <v>1784550</v>
      </c>
      <c r="HE11" s="327">
        <v>1216873</v>
      </c>
      <c r="HF11" s="331">
        <v>3001423</v>
      </c>
      <c r="HG11" s="332">
        <v>0</v>
      </c>
      <c r="HH11" s="327">
        <v>16617702</v>
      </c>
      <c r="HI11" s="327">
        <v>14193467</v>
      </c>
      <c r="HJ11" s="327">
        <v>11178095</v>
      </c>
      <c r="HK11" s="327">
        <v>12636108</v>
      </c>
      <c r="HL11" s="327">
        <v>7162936</v>
      </c>
      <c r="HM11" s="328">
        <v>61788308</v>
      </c>
      <c r="HN11" s="329">
        <v>64789731</v>
      </c>
      <c r="HO11" s="333">
        <v>0</v>
      </c>
      <c r="HP11" s="327">
        <v>0</v>
      </c>
      <c r="HQ11" s="328">
        <v>0</v>
      </c>
      <c r="HR11" s="326">
        <v>0</v>
      </c>
      <c r="HS11" s="327">
        <v>0</v>
      </c>
      <c r="HT11" s="327">
        <v>0</v>
      </c>
      <c r="HU11" s="327">
        <v>0</v>
      </c>
      <c r="HV11" s="327">
        <v>0</v>
      </c>
      <c r="HW11" s="327">
        <v>0</v>
      </c>
      <c r="HX11" s="331">
        <v>0</v>
      </c>
      <c r="HY11" s="330">
        <v>0</v>
      </c>
      <c r="HZ11" s="335">
        <v>87605</v>
      </c>
      <c r="IA11" s="336">
        <v>79816</v>
      </c>
      <c r="IB11" s="337">
        <v>167421</v>
      </c>
      <c r="IC11" s="338">
        <v>0</v>
      </c>
      <c r="ID11" s="336">
        <v>13007797</v>
      </c>
      <c r="IE11" s="339">
        <v>14270765</v>
      </c>
      <c r="IF11" s="337">
        <v>16237183</v>
      </c>
      <c r="IG11" s="336">
        <v>10561228</v>
      </c>
      <c r="IH11" s="337">
        <v>8932400</v>
      </c>
      <c r="II11" s="340">
        <v>63009373</v>
      </c>
      <c r="IJ11" s="341">
        <v>63176794</v>
      </c>
      <c r="IK11" s="342">
        <v>0</v>
      </c>
      <c r="IL11" s="343">
        <v>0</v>
      </c>
      <c r="IM11" s="344">
        <v>0</v>
      </c>
      <c r="IN11" s="404">
        <v>0</v>
      </c>
      <c r="IO11" s="345">
        <v>136187</v>
      </c>
      <c r="IP11" s="345">
        <v>744173</v>
      </c>
      <c r="IQ11" s="345">
        <v>1261971</v>
      </c>
      <c r="IR11" s="345">
        <v>245902</v>
      </c>
      <c r="IS11" s="345">
        <v>1465222</v>
      </c>
      <c r="IT11" s="346">
        <v>3853455</v>
      </c>
      <c r="IU11" s="347">
        <v>3853455</v>
      </c>
      <c r="IV11" s="348">
        <v>0</v>
      </c>
      <c r="IW11" s="345">
        <v>0</v>
      </c>
      <c r="IX11" s="349">
        <v>0</v>
      </c>
      <c r="IY11" s="404">
        <v>0</v>
      </c>
      <c r="IZ11" s="345">
        <v>70541</v>
      </c>
      <c r="JA11" s="345">
        <v>52830</v>
      </c>
      <c r="JB11" s="345">
        <v>123977</v>
      </c>
      <c r="JC11" s="345">
        <v>435275</v>
      </c>
      <c r="JD11" s="345">
        <v>136067</v>
      </c>
      <c r="JE11" s="349">
        <v>818690</v>
      </c>
      <c r="JF11" s="350">
        <v>818690</v>
      </c>
      <c r="JG11" s="348">
        <v>0</v>
      </c>
      <c r="JH11" s="345">
        <v>0</v>
      </c>
      <c r="JI11" s="346">
        <v>0</v>
      </c>
      <c r="JJ11" s="351">
        <v>0</v>
      </c>
      <c r="JK11" s="345">
        <v>4205986</v>
      </c>
      <c r="JL11" s="345">
        <v>3661641</v>
      </c>
      <c r="JM11" s="345">
        <v>2210284</v>
      </c>
      <c r="JN11" s="345">
        <v>1630661</v>
      </c>
      <c r="JO11" s="345">
        <v>1928395</v>
      </c>
      <c r="JP11" s="349">
        <v>13636967</v>
      </c>
      <c r="JQ11" s="347">
        <v>13636967</v>
      </c>
      <c r="JR11" s="348">
        <v>0</v>
      </c>
      <c r="JS11" s="345">
        <v>0</v>
      </c>
      <c r="JT11" s="346">
        <v>0</v>
      </c>
      <c r="JU11" s="351">
        <v>0</v>
      </c>
      <c r="JV11" s="345">
        <v>499463</v>
      </c>
      <c r="JW11" s="345">
        <v>1514632</v>
      </c>
      <c r="JX11" s="345">
        <v>784822</v>
      </c>
      <c r="JY11" s="345">
        <v>692120</v>
      </c>
      <c r="JZ11" s="345">
        <v>428453</v>
      </c>
      <c r="KA11" s="349">
        <v>3919490</v>
      </c>
      <c r="KB11" s="347">
        <v>3919490</v>
      </c>
      <c r="KC11" s="352">
        <v>87605</v>
      </c>
      <c r="KD11" s="353">
        <v>79816</v>
      </c>
      <c r="KE11" s="349">
        <v>167421</v>
      </c>
      <c r="KF11" s="351">
        <v>0</v>
      </c>
      <c r="KG11" s="345">
        <v>1996810</v>
      </c>
      <c r="KH11" s="345">
        <v>2460045</v>
      </c>
      <c r="KI11" s="345">
        <v>2123570</v>
      </c>
      <c r="KJ11" s="345">
        <v>1815151</v>
      </c>
      <c r="KK11" s="345">
        <v>867873</v>
      </c>
      <c r="KL11" s="349">
        <v>9263449</v>
      </c>
      <c r="KM11" s="354">
        <v>9430870</v>
      </c>
      <c r="KN11" s="342">
        <v>0</v>
      </c>
      <c r="KO11" s="343">
        <v>0</v>
      </c>
      <c r="KP11" s="344">
        <v>0</v>
      </c>
      <c r="KQ11" s="404">
        <v>0</v>
      </c>
      <c r="KR11" s="345">
        <v>5267312</v>
      </c>
      <c r="KS11" s="345">
        <v>4880773</v>
      </c>
      <c r="KT11" s="345">
        <v>6824859</v>
      </c>
      <c r="KU11" s="345">
        <v>4132815</v>
      </c>
      <c r="KV11" s="345">
        <v>1688044</v>
      </c>
      <c r="KW11" s="349">
        <v>22793803</v>
      </c>
      <c r="KX11" s="347">
        <v>22793803</v>
      </c>
      <c r="KY11" s="348">
        <v>0</v>
      </c>
      <c r="KZ11" s="345">
        <v>0</v>
      </c>
      <c r="LA11" s="349">
        <v>0</v>
      </c>
      <c r="LB11" s="404">
        <v>0</v>
      </c>
      <c r="LC11" s="345">
        <v>0</v>
      </c>
      <c r="LD11" s="345">
        <v>0</v>
      </c>
      <c r="LE11" s="345">
        <v>0</v>
      </c>
      <c r="LF11" s="345">
        <v>0</v>
      </c>
      <c r="LG11" s="345">
        <v>0</v>
      </c>
      <c r="LH11" s="349">
        <v>0</v>
      </c>
      <c r="LI11" s="350">
        <v>0</v>
      </c>
      <c r="LJ11" s="348">
        <v>0</v>
      </c>
      <c r="LK11" s="345">
        <v>0</v>
      </c>
      <c r="LL11" s="349">
        <v>0</v>
      </c>
      <c r="LM11" s="404">
        <v>0</v>
      </c>
      <c r="LN11" s="345">
        <v>0</v>
      </c>
      <c r="LO11" s="345">
        <v>0</v>
      </c>
      <c r="LP11" s="345">
        <v>876054</v>
      </c>
      <c r="LQ11" s="345">
        <v>1266689</v>
      </c>
      <c r="LR11" s="345">
        <v>967541</v>
      </c>
      <c r="LS11" s="349">
        <v>3110284</v>
      </c>
      <c r="LT11" s="347">
        <v>3110284</v>
      </c>
      <c r="LU11" s="348">
        <v>0</v>
      </c>
      <c r="LV11" s="345">
        <v>0</v>
      </c>
      <c r="LW11" s="349">
        <v>0</v>
      </c>
      <c r="LX11" s="404">
        <v>0</v>
      </c>
      <c r="LY11" s="345">
        <v>831498</v>
      </c>
      <c r="LZ11" s="345">
        <v>956671</v>
      </c>
      <c r="MA11" s="345">
        <v>2031646</v>
      </c>
      <c r="MB11" s="345">
        <v>342615</v>
      </c>
      <c r="MC11" s="345">
        <v>1450805</v>
      </c>
      <c r="MD11" s="349">
        <v>5613235</v>
      </c>
      <c r="ME11" s="350">
        <v>5613235</v>
      </c>
      <c r="MF11" s="348">
        <v>0</v>
      </c>
      <c r="MG11" s="345">
        <v>0</v>
      </c>
      <c r="MH11" s="349">
        <v>0</v>
      </c>
      <c r="MI11" s="404">
        <v>0</v>
      </c>
      <c r="MJ11" s="345">
        <v>3153402</v>
      </c>
      <c r="MK11" s="345">
        <v>5164452</v>
      </c>
      <c r="ML11" s="345">
        <v>23967363</v>
      </c>
      <c r="MM11" s="345">
        <v>30724597</v>
      </c>
      <c r="MN11" s="345">
        <v>18070198</v>
      </c>
      <c r="MO11" s="349">
        <v>81080012</v>
      </c>
      <c r="MP11" s="354">
        <v>81080012</v>
      </c>
      <c r="MQ11" s="348">
        <v>0</v>
      </c>
      <c r="MR11" s="345">
        <v>0</v>
      </c>
      <c r="MS11" s="349">
        <v>0</v>
      </c>
      <c r="MT11" s="404">
        <v>0</v>
      </c>
      <c r="MU11" s="345">
        <v>1075341</v>
      </c>
      <c r="MV11" s="345">
        <v>1908214</v>
      </c>
      <c r="MW11" s="345">
        <v>11812683</v>
      </c>
      <c r="MX11" s="345">
        <v>19670556</v>
      </c>
      <c r="MY11" s="345">
        <v>11759433</v>
      </c>
      <c r="MZ11" s="349">
        <v>46226227</v>
      </c>
      <c r="NA11" s="354">
        <v>46226227</v>
      </c>
      <c r="NB11" s="348">
        <v>0</v>
      </c>
      <c r="NC11" s="345">
        <v>0</v>
      </c>
      <c r="ND11" s="349">
        <v>0</v>
      </c>
      <c r="NE11" s="404">
        <v>0</v>
      </c>
      <c r="NF11" s="345">
        <v>2078061</v>
      </c>
      <c r="NG11" s="345">
        <v>3256238</v>
      </c>
      <c r="NH11" s="345">
        <v>12154680</v>
      </c>
      <c r="NI11" s="345">
        <v>11054041</v>
      </c>
      <c r="NJ11" s="345">
        <v>6310765</v>
      </c>
      <c r="NK11" s="349">
        <v>34853785</v>
      </c>
      <c r="NL11" s="347">
        <v>34853785</v>
      </c>
      <c r="NM11" s="348">
        <v>0</v>
      </c>
      <c r="NN11" s="345">
        <v>0</v>
      </c>
      <c r="NO11" s="349">
        <v>0</v>
      </c>
      <c r="NP11" s="404">
        <v>0</v>
      </c>
      <c r="NQ11" s="345">
        <v>0</v>
      </c>
      <c r="NR11" s="345">
        <v>0</v>
      </c>
      <c r="NS11" s="345">
        <v>0</v>
      </c>
      <c r="NT11" s="345">
        <v>0</v>
      </c>
      <c r="NU11" s="345">
        <v>0</v>
      </c>
      <c r="NV11" s="349">
        <v>0</v>
      </c>
      <c r="NW11" s="350">
        <v>0</v>
      </c>
      <c r="NX11" s="348">
        <v>0</v>
      </c>
      <c r="NY11" s="345">
        <v>0</v>
      </c>
      <c r="NZ11" s="349">
        <v>0</v>
      </c>
      <c r="OA11" s="404">
        <v>0</v>
      </c>
      <c r="OB11" s="345">
        <v>0</v>
      </c>
      <c r="OC11" s="345">
        <v>0</v>
      </c>
      <c r="OD11" s="345">
        <v>0</v>
      </c>
      <c r="OE11" s="345">
        <v>0</v>
      </c>
      <c r="OF11" s="345">
        <v>0</v>
      </c>
      <c r="OG11" s="349">
        <v>0</v>
      </c>
      <c r="OH11" s="350">
        <v>0</v>
      </c>
      <c r="OI11" s="348">
        <v>4215544</v>
      </c>
      <c r="OJ11" s="345">
        <v>5062660</v>
      </c>
      <c r="OK11" s="346">
        <v>9278204</v>
      </c>
      <c r="OL11" s="351">
        <v>0</v>
      </c>
      <c r="OM11" s="345">
        <v>64018459</v>
      </c>
      <c r="ON11" s="345">
        <v>73993469</v>
      </c>
      <c r="OO11" s="345">
        <v>81142156</v>
      </c>
      <c r="OP11" s="345">
        <v>81034357</v>
      </c>
      <c r="OQ11" s="345">
        <v>51657736</v>
      </c>
      <c r="OR11" s="349">
        <v>351846177</v>
      </c>
      <c r="OS11" s="354">
        <v>361124381</v>
      </c>
    </row>
    <row r="12" spans="1:409" s="70" customFormat="1" ht="21" customHeight="1" x14ac:dyDescent="0.2">
      <c r="B12" s="410" t="s">
        <v>14</v>
      </c>
      <c r="C12" s="326">
        <v>1777654</v>
      </c>
      <c r="D12" s="327">
        <v>3248543</v>
      </c>
      <c r="E12" s="328">
        <v>5026197</v>
      </c>
      <c r="F12" s="329">
        <v>0</v>
      </c>
      <c r="G12" s="327">
        <v>16149030</v>
      </c>
      <c r="H12" s="327">
        <v>31849238</v>
      </c>
      <c r="I12" s="327">
        <v>27463142</v>
      </c>
      <c r="J12" s="327">
        <v>20630524</v>
      </c>
      <c r="K12" s="327">
        <v>15467580</v>
      </c>
      <c r="L12" s="331">
        <v>111559514</v>
      </c>
      <c r="M12" s="330">
        <v>116585711</v>
      </c>
      <c r="N12" s="326">
        <v>621997</v>
      </c>
      <c r="O12" s="327">
        <v>1122658</v>
      </c>
      <c r="P12" s="328">
        <v>1744655</v>
      </c>
      <c r="Q12" s="326">
        <v>0</v>
      </c>
      <c r="R12" s="327">
        <v>4661538</v>
      </c>
      <c r="S12" s="327">
        <v>10549828</v>
      </c>
      <c r="T12" s="327">
        <v>9175532</v>
      </c>
      <c r="U12" s="327">
        <v>7874015</v>
      </c>
      <c r="V12" s="327">
        <v>9111062</v>
      </c>
      <c r="W12" s="328">
        <v>41371975</v>
      </c>
      <c r="X12" s="330">
        <v>43116630</v>
      </c>
      <c r="Y12" s="326">
        <v>0</v>
      </c>
      <c r="Z12" s="327">
        <v>0</v>
      </c>
      <c r="AA12" s="328">
        <v>0</v>
      </c>
      <c r="AB12" s="326">
        <v>0</v>
      </c>
      <c r="AC12" s="327">
        <v>1662986</v>
      </c>
      <c r="AD12" s="327">
        <v>4372534</v>
      </c>
      <c r="AE12" s="327">
        <v>4925244</v>
      </c>
      <c r="AF12" s="327">
        <v>4339407</v>
      </c>
      <c r="AG12" s="327">
        <v>6200682</v>
      </c>
      <c r="AH12" s="328">
        <v>21500853</v>
      </c>
      <c r="AI12" s="330">
        <v>21500853</v>
      </c>
      <c r="AJ12" s="326">
        <v>0</v>
      </c>
      <c r="AK12" s="327">
        <v>0</v>
      </c>
      <c r="AL12" s="328">
        <v>0</v>
      </c>
      <c r="AM12" s="326">
        <v>0</v>
      </c>
      <c r="AN12" s="327">
        <v>0</v>
      </c>
      <c r="AO12" s="327">
        <v>68011</v>
      </c>
      <c r="AP12" s="327">
        <v>123506</v>
      </c>
      <c r="AQ12" s="327">
        <v>424355</v>
      </c>
      <c r="AR12" s="327">
        <v>357636</v>
      </c>
      <c r="AS12" s="328">
        <v>973508</v>
      </c>
      <c r="AT12" s="330">
        <v>973508</v>
      </c>
      <c r="AU12" s="326">
        <v>290994</v>
      </c>
      <c r="AV12" s="327">
        <v>761636</v>
      </c>
      <c r="AW12" s="328">
        <v>1052630</v>
      </c>
      <c r="AX12" s="326">
        <v>0</v>
      </c>
      <c r="AY12" s="327">
        <v>1725358</v>
      </c>
      <c r="AZ12" s="327">
        <v>4209624</v>
      </c>
      <c r="BA12" s="327">
        <v>2467871</v>
      </c>
      <c r="BB12" s="327">
        <v>1733479</v>
      </c>
      <c r="BC12" s="327">
        <v>1556560</v>
      </c>
      <c r="BD12" s="328">
        <v>11692892</v>
      </c>
      <c r="BE12" s="330">
        <v>12745522</v>
      </c>
      <c r="BF12" s="326">
        <v>59011</v>
      </c>
      <c r="BG12" s="327">
        <v>34086</v>
      </c>
      <c r="BH12" s="331">
        <v>93097</v>
      </c>
      <c r="BI12" s="332">
        <v>0</v>
      </c>
      <c r="BJ12" s="327">
        <v>38418</v>
      </c>
      <c r="BK12" s="327">
        <v>89387</v>
      </c>
      <c r="BL12" s="327">
        <v>45295</v>
      </c>
      <c r="BM12" s="327">
        <v>68998</v>
      </c>
      <c r="BN12" s="327">
        <v>0</v>
      </c>
      <c r="BO12" s="328">
        <v>242098</v>
      </c>
      <c r="BP12" s="330">
        <v>335195</v>
      </c>
      <c r="BQ12" s="326">
        <v>271992</v>
      </c>
      <c r="BR12" s="327">
        <v>326936</v>
      </c>
      <c r="BS12" s="328">
        <v>598928</v>
      </c>
      <c r="BT12" s="326">
        <v>0</v>
      </c>
      <c r="BU12" s="327">
        <v>1234776</v>
      </c>
      <c r="BV12" s="327">
        <v>1810272</v>
      </c>
      <c r="BW12" s="327">
        <v>1613616</v>
      </c>
      <c r="BX12" s="327">
        <v>1307776</v>
      </c>
      <c r="BY12" s="327">
        <v>996184</v>
      </c>
      <c r="BZ12" s="328">
        <v>6962624</v>
      </c>
      <c r="CA12" s="330">
        <v>7561552</v>
      </c>
      <c r="CB12" s="326">
        <v>119273</v>
      </c>
      <c r="CC12" s="327">
        <v>429666</v>
      </c>
      <c r="CD12" s="328">
        <v>548939</v>
      </c>
      <c r="CE12" s="326">
        <v>0</v>
      </c>
      <c r="CF12" s="327">
        <v>5525190</v>
      </c>
      <c r="CG12" s="327">
        <v>9227402</v>
      </c>
      <c r="CH12" s="327">
        <v>7733585</v>
      </c>
      <c r="CI12" s="327">
        <v>4179322</v>
      </c>
      <c r="CJ12" s="327">
        <v>1070904</v>
      </c>
      <c r="CK12" s="328">
        <v>27736403</v>
      </c>
      <c r="CL12" s="330">
        <v>28285342</v>
      </c>
      <c r="CM12" s="326">
        <v>0</v>
      </c>
      <c r="CN12" s="327">
        <v>0</v>
      </c>
      <c r="CO12" s="328">
        <v>0</v>
      </c>
      <c r="CP12" s="332">
        <v>0</v>
      </c>
      <c r="CQ12" s="327">
        <v>5087557</v>
      </c>
      <c r="CR12" s="327">
        <v>7353062</v>
      </c>
      <c r="CS12" s="327">
        <v>6756622</v>
      </c>
      <c r="CT12" s="327">
        <v>3389595</v>
      </c>
      <c r="CU12" s="327">
        <v>977543</v>
      </c>
      <c r="CV12" s="328">
        <v>23564379</v>
      </c>
      <c r="CW12" s="330">
        <v>23564379</v>
      </c>
      <c r="CX12" s="326">
        <v>119273</v>
      </c>
      <c r="CY12" s="327">
        <v>429666</v>
      </c>
      <c r="CZ12" s="328">
        <v>548939</v>
      </c>
      <c r="DA12" s="326">
        <v>0</v>
      </c>
      <c r="DB12" s="327">
        <v>437633</v>
      </c>
      <c r="DC12" s="327">
        <v>1874340</v>
      </c>
      <c r="DD12" s="327">
        <v>976963</v>
      </c>
      <c r="DE12" s="327">
        <v>789727</v>
      </c>
      <c r="DF12" s="327">
        <v>93361</v>
      </c>
      <c r="DG12" s="328">
        <v>4172024</v>
      </c>
      <c r="DH12" s="330">
        <v>4720963</v>
      </c>
      <c r="DI12" s="326">
        <v>0</v>
      </c>
      <c r="DJ12" s="327">
        <v>15324</v>
      </c>
      <c r="DK12" s="331">
        <v>15324</v>
      </c>
      <c r="DL12" s="332">
        <v>0</v>
      </c>
      <c r="DM12" s="327">
        <v>120717</v>
      </c>
      <c r="DN12" s="327">
        <v>1624972</v>
      </c>
      <c r="DO12" s="327">
        <v>2232376</v>
      </c>
      <c r="DP12" s="327">
        <v>2467674</v>
      </c>
      <c r="DQ12" s="327">
        <v>1176808</v>
      </c>
      <c r="DR12" s="328">
        <v>7622547</v>
      </c>
      <c r="DS12" s="330">
        <v>7637871</v>
      </c>
      <c r="DT12" s="326">
        <v>0</v>
      </c>
      <c r="DU12" s="327">
        <v>15324</v>
      </c>
      <c r="DV12" s="328">
        <v>15324</v>
      </c>
      <c r="DW12" s="326">
        <v>0</v>
      </c>
      <c r="DX12" s="327">
        <v>120717</v>
      </c>
      <c r="DY12" s="327">
        <v>1577459</v>
      </c>
      <c r="DZ12" s="327">
        <v>2232376</v>
      </c>
      <c r="EA12" s="327">
        <v>2337554</v>
      </c>
      <c r="EB12" s="327">
        <v>1112720</v>
      </c>
      <c r="EC12" s="328">
        <v>7380826</v>
      </c>
      <c r="ED12" s="330">
        <v>7396150</v>
      </c>
      <c r="EE12" s="326">
        <v>0</v>
      </c>
      <c r="EF12" s="331">
        <v>0</v>
      </c>
      <c r="EG12" s="328">
        <v>0</v>
      </c>
      <c r="EH12" s="326">
        <v>0</v>
      </c>
      <c r="EI12" s="327">
        <v>0</v>
      </c>
      <c r="EJ12" s="327">
        <v>47513</v>
      </c>
      <c r="EK12" s="327">
        <v>0</v>
      </c>
      <c r="EL12" s="327">
        <v>130120</v>
      </c>
      <c r="EM12" s="327">
        <v>64088</v>
      </c>
      <c r="EN12" s="331">
        <v>241721</v>
      </c>
      <c r="EO12" s="330">
        <v>241721</v>
      </c>
      <c r="EP12" s="326">
        <v>0</v>
      </c>
      <c r="EQ12" s="327">
        <v>0</v>
      </c>
      <c r="ER12" s="331">
        <v>0</v>
      </c>
      <c r="ES12" s="332">
        <v>0</v>
      </c>
      <c r="ET12" s="327">
        <v>0</v>
      </c>
      <c r="EU12" s="327">
        <v>0</v>
      </c>
      <c r="EV12" s="327">
        <v>0</v>
      </c>
      <c r="EW12" s="327">
        <v>0</v>
      </c>
      <c r="EX12" s="327">
        <v>0</v>
      </c>
      <c r="EY12" s="328">
        <v>0</v>
      </c>
      <c r="EZ12" s="330">
        <v>0</v>
      </c>
      <c r="FA12" s="326">
        <v>0</v>
      </c>
      <c r="FB12" s="327">
        <v>0</v>
      </c>
      <c r="FC12" s="331">
        <v>0</v>
      </c>
      <c r="FD12" s="332">
        <v>0</v>
      </c>
      <c r="FE12" s="327">
        <v>0</v>
      </c>
      <c r="FF12" s="327">
        <v>0</v>
      </c>
      <c r="FG12" s="327">
        <v>0</v>
      </c>
      <c r="FH12" s="327">
        <v>0</v>
      </c>
      <c r="FI12" s="327">
        <v>0</v>
      </c>
      <c r="FJ12" s="328">
        <v>0</v>
      </c>
      <c r="FK12" s="330">
        <v>0</v>
      </c>
      <c r="FL12" s="326">
        <v>396040</v>
      </c>
      <c r="FM12" s="327">
        <v>1203580</v>
      </c>
      <c r="FN12" s="328">
        <v>1599620</v>
      </c>
      <c r="FO12" s="326">
        <v>0</v>
      </c>
      <c r="FP12" s="327">
        <v>1128902</v>
      </c>
      <c r="FQ12" s="327">
        <v>3932160</v>
      </c>
      <c r="FR12" s="327">
        <v>2350837</v>
      </c>
      <c r="FS12" s="327">
        <v>2075109</v>
      </c>
      <c r="FT12" s="327">
        <v>1398440</v>
      </c>
      <c r="FU12" s="328">
        <v>10885448</v>
      </c>
      <c r="FV12" s="330">
        <v>12485068</v>
      </c>
      <c r="FW12" s="333">
        <v>177816</v>
      </c>
      <c r="FX12" s="327">
        <v>740680</v>
      </c>
      <c r="FY12" s="331">
        <v>918496</v>
      </c>
      <c r="FZ12" s="332">
        <v>0</v>
      </c>
      <c r="GA12" s="327">
        <v>826808</v>
      </c>
      <c r="GB12" s="327">
        <v>3349240</v>
      </c>
      <c r="GC12" s="327">
        <v>2144720</v>
      </c>
      <c r="GD12" s="327">
        <v>1605160</v>
      </c>
      <c r="GE12" s="327">
        <v>1318440</v>
      </c>
      <c r="GF12" s="328">
        <v>9244368</v>
      </c>
      <c r="GG12" s="334">
        <v>10162864</v>
      </c>
      <c r="GH12" s="333">
        <v>20624</v>
      </c>
      <c r="GI12" s="327">
        <v>59100</v>
      </c>
      <c r="GJ12" s="331">
        <v>79724</v>
      </c>
      <c r="GK12" s="332">
        <v>0</v>
      </c>
      <c r="GL12" s="327">
        <v>0</v>
      </c>
      <c r="GM12" s="327">
        <v>203560</v>
      </c>
      <c r="GN12" s="327">
        <v>47717</v>
      </c>
      <c r="GO12" s="327">
        <v>244989</v>
      </c>
      <c r="GP12" s="327">
        <v>80000</v>
      </c>
      <c r="GQ12" s="328">
        <v>576266</v>
      </c>
      <c r="GR12" s="330">
        <v>655990</v>
      </c>
      <c r="GS12" s="326">
        <v>197600</v>
      </c>
      <c r="GT12" s="327">
        <v>403800</v>
      </c>
      <c r="GU12" s="328">
        <v>601400</v>
      </c>
      <c r="GV12" s="326">
        <v>0</v>
      </c>
      <c r="GW12" s="327">
        <v>302094</v>
      </c>
      <c r="GX12" s="327">
        <v>379360</v>
      </c>
      <c r="GY12" s="327">
        <v>158400</v>
      </c>
      <c r="GZ12" s="327">
        <v>224960</v>
      </c>
      <c r="HA12" s="327">
        <v>0</v>
      </c>
      <c r="HB12" s="331">
        <v>1064814</v>
      </c>
      <c r="HC12" s="330">
        <v>1666214</v>
      </c>
      <c r="HD12" s="326">
        <v>640344</v>
      </c>
      <c r="HE12" s="327">
        <v>477315</v>
      </c>
      <c r="HF12" s="331">
        <v>1117659</v>
      </c>
      <c r="HG12" s="332">
        <v>0</v>
      </c>
      <c r="HH12" s="327">
        <v>4712683</v>
      </c>
      <c r="HI12" s="327">
        <v>6514876</v>
      </c>
      <c r="HJ12" s="327">
        <v>5970812</v>
      </c>
      <c r="HK12" s="327">
        <v>4034404</v>
      </c>
      <c r="HL12" s="327">
        <v>2710366</v>
      </c>
      <c r="HM12" s="328">
        <v>23943141</v>
      </c>
      <c r="HN12" s="329">
        <v>25060800</v>
      </c>
      <c r="HO12" s="333">
        <v>0</v>
      </c>
      <c r="HP12" s="327">
        <v>0</v>
      </c>
      <c r="HQ12" s="328">
        <v>0</v>
      </c>
      <c r="HR12" s="326">
        <v>0</v>
      </c>
      <c r="HS12" s="327">
        <v>0</v>
      </c>
      <c r="HT12" s="327">
        <v>0</v>
      </c>
      <c r="HU12" s="327">
        <v>0</v>
      </c>
      <c r="HV12" s="327">
        <v>0</v>
      </c>
      <c r="HW12" s="327">
        <v>0</v>
      </c>
      <c r="HX12" s="331">
        <v>0</v>
      </c>
      <c r="HY12" s="330">
        <v>0</v>
      </c>
      <c r="HZ12" s="335">
        <v>41539</v>
      </c>
      <c r="IA12" s="336">
        <v>68138</v>
      </c>
      <c r="IB12" s="337">
        <v>109677</v>
      </c>
      <c r="IC12" s="355">
        <v>0</v>
      </c>
      <c r="ID12" s="356">
        <v>6209019</v>
      </c>
      <c r="IE12" s="357">
        <v>7393635</v>
      </c>
      <c r="IF12" s="358">
        <v>10052627</v>
      </c>
      <c r="IG12" s="356">
        <v>8270271</v>
      </c>
      <c r="IH12" s="358">
        <v>5201436</v>
      </c>
      <c r="II12" s="359">
        <v>37126988</v>
      </c>
      <c r="IJ12" s="341">
        <v>37236665</v>
      </c>
      <c r="IK12" s="342">
        <v>0</v>
      </c>
      <c r="IL12" s="343">
        <v>0</v>
      </c>
      <c r="IM12" s="344">
        <v>0</v>
      </c>
      <c r="IN12" s="404">
        <v>0</v>
      </c>
      <c r="IO12" s="345">
        <v>70546</v>
      </c>
      <c r="IP12" s="345">
        <v>452641</v>
      </c>
      <c r="IQ12" s="345">
        <v>439156</v>
      </c>
      <c r="IR12" s="345">
        <v>1067415</v>
      </c>
      <c r="IS12" s="345">
        <v>1480112</v>
      </c>
      <c r="IT12" s="346">
        <v>3509870</v>
      </c>
      <c r="IU12" s="347">
        <v>3509870</v>
      </c>
      <c r="IV12" s="348">
        <v>0</v>
      </c>
      <c r="IW12" s="345">
        <v>0</v>
      </c>
      <c r="IX12" s="349">
        <v>0</v>
      </c>
      <c r="IY12" s="404">
        <v>0</v>
      </c>
      <c r="IZ12" s="345">
        <v>0</v>
      </c>
      <c r="JA12" s="345">
        <v>0</v>
      </c>
      <c r="JB12" s="345">
        <v>0</v>
      </c>
      <c r="JC12" s="345">
        <v>0</v>
      </c>
      <c r="JD12" s="345">
        <v>0</v>
      </c>
      <c r="JE12" s="349">
        <v>0</v>
      </c>
      <c r="JF12" s="350">
        <v>0</v>
      </c>
      <c r="JG12" s="348">
        <v>0</v>
      </c>
      <c r="JH12" s="345">
        <v>0</v>
      </c>
      <c r="JI12" s="346">
        <v>0</v>
      </c>
      <c r="JJ12" s="351">
        <v>0</v>
      </c>
      <c r="JK12" s="345">
        <v>2796593</v>
      </c>
      <c r="JL12" s="345">
        <v>3956142</v>
      </c>
      <c r="JM12" s="345">
        <v>2596777</v>
      </c>
      <c r="JN12" s="345">
        <v>1592840</v>
      </c>
      <c r="JO12" s="345">
        <v>202188</v>
      </c>
      <c r="JP12" s="349">
        <v>11144540</v>
      </c>
      <c r="JQ12" s="347">
        <v>11144540</v>
      </c>
      <c r="JR12" s="348">
        <v>0</v>
      </c>
      <c r="JS12" s="345">
        <v>0</v>
      </c>
      <c r="JT12" s="346">
        <v>0</v>
      </c>
      <c r="JU12" s="351">
        <v>0</v>
      </c>
      <c r="JV12" s="345">
        <v>173833</v>
      </c>
      <c r="JW12" s="345">
        <v>94344</v>
      </c>
      <c r="JX12" s="345">
        <v>0</v>
      </c>
      <c r="JY12" s="345">
        <v>0</v>
      </c>
      <c r="JZ12" s="345">
        <v>0</v>
      </c>
      <c r="KA12" s="349">
        <v>268177</v>
      </c>
      <c r="KB12" s="347">
        <v>268177</v>
      </c>
      <c r="KC12" s="352">
        <v>41539</v>
      </c>
      <c r="KD12" s="353">
        <v>68138</v>
      </c>
      <c r="KE12" s="349">
        <v>109677</v>
      </c>
      <c r="KF12" s="351">
        <v>0</v>
      </c>
      <c r="KG12" s="345">
        <v>603659</v>
      </c>
      <c r="KH12" s="345">
        <v>322596</v>
      </c>
      <c r="KI12" s="345">
        <v>2182565</v>
      </c>
      <c r="KJ12" s="345">
        <v>923033</v>
      </c>
      <c r="KK12" s="345">
        <v>1394570</v>
      </c>
      <c r="KL12" s="349">
        <v>5426423</v>
      </c>
      <c r="KM12" s="354">
        <v>5536100</v>
      </c>
      <c r="KN12" s="342">
        <v>0</v>
      </c>
      <c r="KO12" s="343">
        <v>0</v>
      </c>
      <c r="KP12" s="344">
        <v>0</v>
      </c>
      <c r="KQ12" s="404">
        <v>0</v>
      </c>
      <c r="KR12" s="345">
        <v>2571236</v>
      </c>
      <c r="KS12" s="345">
        <v>2219000</v>
      </c>
      <c r="KT12" s="345">
        <v>3960699</v>
      </c>
      <c r="KU12" s="345">
        <v>3498526</v>
      </c>
      <c r="KV12" s="345">
        <v>1390861</v>
      </c>
      <c r="KW12" s="349">
        <v>13640322</v>
      </c>
      <c r="KX12" s="347">
        <v>13640322</v>
      </c>
      <c r="KY12" s="348">
        <v>0</v>
      </c>
      <c r="KZ12" s="345">
        <v>0</v>
      </c>
      <c r="LA12" s="349">
        <v>0</v>
      </c>
      <c r="LB12" s="404">
        <v>0</v>
      </c>
      <c r="LC12" s="345">
        <v>0</v>
      </c>
      <c r="LD12" s="345">
        <v>0</v>
      </c>
      <c r="LE12" s="345">
        <v>0</v>
      </c>
      <c r="LF12" s="345">
        <v>0</v>
      </c>
      <c r="LG12" s="345">
        <v>0</v>
      </c>
      <c r="LH12" s="349">
        <v>0</v>
      </c>
      <c r="LI12" s="350">
        <v>0</v>
      </c>
      <c r="LJ12" s="348">
        <v>0</v>
      </c>
      <c r="LK12" s="345">
        <v>0</v>
      </c>
      <c r="LL12" s="349">
        <v>0</v>
      </c>
      <c r="LM12" s="404">
        <v>0</v>
      </c>
      <c r="LN12" s="345">
        <v>0</v>
      </c>
      <c r="LO12" s="345">
        <v>0</v>
      </c>
      <c r="LP12" s="345">
        <v>245455</v>
      </c>
      <c r="LQ12" s="345">
        <v>295904</v>
      </c>
      <c r="LR12" s="345">
        <v>0</v>
      </c>
      <c r="LS12" s="349">
        <v>541359</v>
      </c>
      <c r="LT12" s="347">
        <v>541359</v>
      </c>
      <c r="LU12" s="348">
        <v>0</v>
      </c>
      <c r="LV12" s="345">
        <v>0</v>
      </c>
      <c r="LW12" s="349">
        <v>0</v>
      </c>
      <c r="LX12" s="404">
        <v>0</v>
      </c>
      <c r="LY12" s="345">
        <v>-6848</v>
      </c>
      <c r="LZ12" s="345">
        <v>348912</v>
      </c>
      <c r="MA12" s="345">
        <v>627975</v>
      </c>
      <c r="MB12" s="345">
        <v>892553</v>
      </c>
      <c r="MC12" s="345">
        <v>733705</v>
      </c>
      <c r="MD12" s="349">
        <v>2596297</v>
      </c>
      <c r="ME12" s="350">
        <v>2596297</v>
      </c>
      <c r="MF12" s="348">
        <v>0</v>
      </c>
      <c r="MG12" s="345">
        <v>0</v>
      </c>
      <c r="MH12" s="349">
        <v>0</v>
      </c>
      <c r="MI12" s="404">
        <v>0</v>
      </c>
      <c r="MJ12" s="345">
        <v>0</v>
      </c>
      <c r="MK12" s="345">
        <v>3880212</v>
      </c>
      <c r="ML12" s="345">
        <v>16563765</v>
      </c>
      <c r="MM12" s="345">
        <v>21670171</v>
      </c>
      <c r="MN12" s="345">
        <v>11402216</v>
      </c>
      <c r="MO12" s="349">
        <v>53516364</v>
      </c>
      <c r="MP12" s="354">
        <v>53516364</v>
      </c>
      <c r="MQ12" s="348">
        <v>0</v>
      </c>
      <c r="MR12" s="345">
        <v>0</v>
      </c>
      <c r="MS12" s="349">
        <v>0</v>
      </c>
      <c r="MT12" s="404">
        <v>0</v>
      </c>
      <c r="MU12" s="345">
        <v>0</v>
      </c>
      <c r="MV12" s="345">
        <v>224661</v>
      </c>
      <c r="MW12" s="345">
        <v>11186443</v>
      </c>
      <c r="MX12" s="345">
        <v>13874735</v>
      </c>
      <c r="MY12" s="345">
        <v>7251533</v>
      </c>
      <c r="MZ12" s="349">
        <v>32537372</v>
      </c>
      <c r="NA12" s="354">
        <v>32537372</v>
      </c>
      <c r="NB12" s="348">
        <v>0</v>
      </c>
      <c r="NC12" s="345">
        <v>0</v>
      </c>
      <c r="ND12" s="349">
        <v>0</v>
      </c>
      <c r="NE12" s="404">
        <v>0</v>
      </c>
      <c r="NF12" s="345">
        <v>0</v>
      </c>
      <c r="NG12" s="345">
        <v>3655551</v>
      </c>
      <c r="NH12" s="345">
        <v>5323762</v>
      </c>
      <c r="NI12" s="345">
        <v>6423237</v>
      </c>
      <c r="NJ12" s="345">
        <v>2009856</v>
      </c>
      <c r="NK12" s="349">
        <v>17412406</v>
      </c>
      <c r="NL12" s="347">
        <v>17412406</v>
      </c>
      <c r="NM12" s="348">
        <v>0</v>
      </c>
      <c r="NN12" s="345">
        <v>0</v>
      </c>
      <c r="NO12" s="349">
        <v>0</v>
      </c>
      <c r="NP12" s="404">
        <v>0</v>
      </c>
      <c r="NQ12" s="345">
        <v>0</v>
      </c>
      <c r="NR12" s="345">
        <v>0</v>
      </c>
      <c r="NS12" s="345">
        <v>0</v>
      </c>
      <c r="NT12" s="345">
        <v>0</v>
      </c>
      <c r="NU12" s="345">
        <v>0</v>
      </c>
      <c r="NV12" s="349">
        <v>0</v>
      </c>
      <c r="NW12" s="350">
        <v>0</v>
      </c>
      <c r="NX12" s="348">
        <v>0</v>
      </c>
      <c r="NY12" s="345">
        <v>0</v>
      </c>
      <c r="NZ12" s="349">
        <v>0</v>
      </c>
      <c r="OA12" s="404">
        <v>0</v>
      </c>
      <c r="OB12" s="345">
        <v>0</v>
      </c>
      <c r="OC12" s="345">
        <v>0</v>
      </c>
      <c r="OD12" s="345">
        <v>53560</v>
      </c>
      <c r="OE12" s="345">
        <v>1372199</v>
      </c>
      <c r="OF12" s="345">
        <v>2140827</v>
      </c>
      <c r="OG12" s="349">
        <v>3566586</v>
      </c>
      <c r="OH12" s="350">
        <v>3566586</v>
      </c>
      <c r="OI12" s="348">
        <v>1819193</v>
      </c>
      <c r="OJ12" s="345">
        <v>3316681</v>
      </c>
      <c r="OK12" s="346">
        <v>5135874</v>
      </c>
      <c r="OL12" s="351">
        <v>0</v>
      </c>
      <c r="OM12" s="345">
        <v>22358049</v>
      </c>
      <c r="ON12" s="345">
        <v>43123085</v>
      </c>
      <c r="OO12" s="345">
        <v>54079534</v>
      </c>
      <c r="OP12" s="345">
        <v>50570966</v>
      </c>
      <c r="OQ12" s="345">
        <v>32071232</v>
      </c>
      <c r="OR12" s="349">
        <v>202202866</v>
      </c>
      <c r="OS12" s="354">
        <v>207338740</v>
      </c>
    </row>
    <row r="13" spans="1:409" s="70" customFormat="1" ht="21" customHeight="1" x14ac:dyDescent="0.2">
      <c r="B13" s="410" t="s">
        <v>7</v>
      </c>
      <c r="C13" s="326">
        <v>2130667</v>
      </c>
      <c r="D13" s="327">
        <v>2149931</v>
      </c>
      <c r="E13" s="328">
        <v>4280598</v>
      </c>
      <c r="F13" s="329">
        <v>0</v>
      </c>
      <c r="G13" s="327">
        <v>26873114</v>
      </c>
      <c r="H13" s="327">
        <v>24511375</v>
      </c>
      <c r="I13" s="327">
        <v>18675940</v>
      </c>
      <c r="J13" s="327">
        <v>19229287</v>
      </c>
      <c r="K13" s="327">
        <v>14756695</v>
      </c>
      <c r="L13" s="329">
        <v>104046411</v>
      </c>
      <c r="M13" s="330">
        <v>108327009</v>
      </c>
      <c r="N13" s="326">
        <v>319080</v>
      </c>
      <c r="O13" s="327">
        <v>275005</v>
      </c>
      <c r="P13" s="328">
        <v>594085</v>
      </c>
      <c r="Q13" s="326">
        <v>0</v>
      </c>
      <c r="R13" s="327">
        <v>7265158</v>
      </c>
      <c r="S13" s="327">
        <v>7558150</v>
      </c>
      <c r="T13" s="327">
        <v>5574890</v>
      </c>
      <c r="U13" s="327">
        <v>7993447</v>
      </c>
      <c r="V13" s="327">
        <v>6765549</v>
      </c>
      <c r="W13" s="328">
        <v>35157194</v>
      </c>
      <c r="X13" s="330">
        <v>35751279</v>
      </c>
      <c r="Y13" s="326">
        <v>0</v>
      </c>
      <c r="Z13" s="327">
        <v>0</v>
      </c>
      <c r="AA13" s="328">
        <v>0</v>
      </c>
      <c r="AB13" s="326">
        <v>0</v>
      </c>
      <c r="AC13" s="327">
        <v>3034844</v>
      </c>
      <c r="AD13" s="327">
        <v>3751978</v>
      </c>
      <c r="AE13" s="327">
        <v>3241302</v>
      </c>
      <c r="AF13" s="327">
        <v>5429879</v>
      </c>
      <c r="AG13" s="327">
        <v>3992833</v>
      </c>
      <c r="AH13" s="328">
        <v>19450836</v>
      </c>
      <c r="AI13" s="330">
        <v>19450836</v>
      </c>
      <c r="AJ13" s="326">
        <v>0</v>
      </c>
      <c r="AK13" s="327">
        <v>0</v>
      </c>
      <c r="AL13" s="328">
        <v>0</v>
      </c>
      <c r="AM13" s="326">
        <v>0</v>
      </c>
      <c r="AN13" s="327">
        <v>36030</v>
      </c>
      <c r="AO13" s="327">
        <v>350206</v>
      </c>
      <c r="AP13" s="327">
        <v>228893</v>
      </c>
      <c r="AQ13" s="327">
        <v>551281</v>
      </c>
      <c r="AR13" s="327">
        <v>699204</v>
      </c>
      <c r="AS13" s="328">
        <v>1865614</v>
      </c>
      <c r="AT13" s="330">
        <v>1865614</v>
      </c>
      <c r="AU13" s="326">
        <v>0</v>
      </c>
      <c r="AV13" s="327">
        <v>20621</v>
      </c>
      <c r="AW13" s="328">
        <v>20621</v>
      </c>
      <c r="AX13" s="326">
        <v>0</v>
      </c>
      <c r="AY13" s="327">
        <v>2131713</v>
      </c>
      <c r="AZ13" s="327">
        <v>1907450</v>
      </c>
      <c r="BA13" s="327">
        <v>989292</v>
      </c>
      <c r="BB13" s="327">
        <v>849815</v>
      </c>
      <c r="BC13" s="327">
        <v>1240157</v>
      </c>
      <c r="BD13" s="328">
        <v>7118427</v>
      </c>
      <c r="BE13" s="330">
        <v>7139048</v>
      </c>
      <c r="BF13" s="326">
        <v>0</v>
      </c>
      <c r="BG13" s="327">
        <v>36568</v>
      </c>
      <c r="BH13" s="331">
        <v>36568</v>
      </c>
      <c r="BI13" s="332">
        <v>0</v>
      </c>
      <c r="BJ13" s="327">
        <v>393939</v>
      </c>
      <c r="BK13" s="327">
        <v>191452</v>
      </c>
      <c r="BL13" s="327">
        <v>102603</v>
      </c>
      <c r="BM13" s="327">
        <v>80016</v>
      </c>
      <c r="BN13" s="327">
        <v>53555</v>
      </c>
      <c r="BO13" s="328">
        <v>821565</v>
      </c>
      <c r="BP13" s="330">
        <v>858133</v>
      </c>
      <c r="BQ13" s="326">
        <v>319080</v>
      </c>
      <c r="BR13" s="327">
        <v>217816</v>
      </c>
      <c r="BS13" s="328">
        <v>536896</v>
      </c>
      <c r="BT13" s="326">
        <v>0</v>
      </c>
      <c r="BU13" s="327">
        <v>1668632</v>
      </c>
      <c r="BV13" s="327">
        <v>1357064</v>
      </c>
      <c r="BW13" s="327">
        <v>1012800</v>
      </c>
      <c r="BX13" s="327">
        <v>1082456</v>
      </c>
      <c r="BY13" s="327">
        <v>779800</v>
      </c>
      <c r="BZ13" s="328">
        <v>5900752</v>
      </c>
      <c r="CA13" s="330">
        <v>6437648</v>
      </c>
      <c r="CB13" s="326">
        <v>81941</v>
      </c>
      <c r="CC13" s="327">
        <v>193696</v>
      </c>
      <c r="CD13" s="328">
        <v>275637</v>
      </c>
      <c r="CE13" s="326">
        <v>0</v>
      </c>
      <c r="CF13" s="327">
        <v>8345056</v>
      </c>
      <c r="CG13" s="327">
        <v>6021786</v>
      </c>
      <c r="CH13" s="327">
        <v>3998411</v>
      </c>
      <c r="CI13" s="327">
        <v>1700401</v>
      </c>
      <c r="CJ13" s="327">
        <v>1063946</v>
      </c>
      <c r="CK13" s="328">
        <v>21129600</v>
      </c>
      <c r="CL13" s="330">
        <v>21405237</v>
      </c>
      <c r="CM13" s="326">
        <v>0</v>
      </c>
      <c r="CN13" s="327">
        <v>0</v>
      </c>
      <c r="CO13" s="328">
        <v>0</v>
      </c>
      <c r="CP13" s="332">
        <v>0</v>
      </c>
      <c r="CQ13" s="327">
        <v>7117183</v>
      </c>
      <c r="CR13" s="327">
        <v>4322638</v>
      </c>
      <c r="CS13" s="327">
        <v>3362964</v>
      </c>
      <c r="CT13" s="327">
        <v>1282823</v>
      </c>
      <c r="CU13" s="327">
        <v>838786</v>
      </c>
      <c r="CV13" s="328">
        <v>16924394</v>
      </c>
      <c r="CW13" s="330">
        <v>16924394</v>
      </c>
      <c r="CX13" s="326">
        <v>81941</v>
      </c>
      <c r="CY13" s="327">
        <v>193696</v>
      </c>
      <c r="CZ13" s="328">
        <v>275637</v>
      </c>
      <c r="DA13" s="326">
        <v>0</v>
      </c>
      <c r="DB13" s="327">
        <v>1227873</v>
      </c>
      <c r="DC13" s="327">
        <v>1699148</v>
      </c>
      <c r="DD13" s="327">
        <v>635447</v>
      </c>
      <c r="DE13" s="327">
        <v>417578</v>
      </c>
      <c r="DF13" s="327">
        <v>225160</v>
      </c>
      <c r="DG13" s="328">
        <v>4205206</v>
      </c>
      <c r="DH13" s="330">
        <v>4480843</v>
      </c>
      <c r="DI13" s="326">
        <v>0</v>
      </c>
      <c r="DJ13" s="327">
        <v>0</v>
      </c>
      <c r="DK13" s="331">
        <v>0</v>
      </c>
      <c r="DL13" s="332">
        <v>0</v>
      </c>
      <c r="DM13" s="327">
        <v>878149</v>
      </c>
      <c r="DN13" s="327">
        <v>2106974</v>
      </c>
      <c r="DO13" s="327">
        <v>2239311</v>
      </c>
      <c r="DP13" s="327">
        <v>2152441</v>
      </c>
      <c r="DQ13" s="327">
        <v>1312664</v>
      </c>
      <c r="DR13" s="328">
        <v>8689539</v>
      </c>
      <c r="DS13" s="330">
        <v>8689539</v>
      </c>
      <c r="DT13" s="326">
        <v>0</v>
      </c>
      <c r="DU13" s="327">
        <v>0</v>
      </c>
      <c r="DV13" s="328">
        <v>0</v>
      </c>
      <c r="DW13" s="326">
        <v>0</v>
      </c>
      <c r="DX13" s="327">
        <v>878149</v>
      </c>
      <c r="DY13" s="327">
        <v>1963362</v>
      </c>
      <c r="DZ13" s="327">
        <v>2111904</v>
      </c>
      <c r="EA13" s="327">
        <v>1971803</v>
      </c>
      <c r="EB13" s="327">
        <v>1312664</v>
      </c>
      <c r="EC13" s="328">
        <v>8237882</v>
      </c>
      <c r="ED13" s="330">
        <v>8237882</v>
      </c>
      <c r="EE13" s="326">
        <v>0</v>
      </c>
      <c r="EF13" s="331">
        <v>0</v>
      </c>
      <c r="EG13" s="328">
        <v>0</v>
      </c>
      <c r="EH13" s="326">
        <v>0</v>
      </c>
      <c r="EI13" s="327">
        <v>0</v>
      </c>
      <c r="EJ13" s="327">
        <v>143612</v>
      </c>
      <c r="EK13" s="327">
        <v>127407</v>
      </c>
      <c r="EL13" s="327">
        <v>180638</v>
      </c>
      <c r="EM13" s="327">
        <v>0</v>
      </c>
      <c r="EN13" s="331">
        <v>451657</v>
      </c>
      <c r="EO13" s="330">
        <v>451657</v>
      </c>
      <c r="EP13" s="326">
        <v>0</v>
      </c>
      <c r="EQ13" s="327">
        <v>0</v>
      </c>
      <c r="ER13" s="331">
        <v>0</v>
      </c>
      <c r="ES13" s="332">
        <v>0</v>
      </c>
      <c r="ET13" s="327">
        <v>0</v>
      </c>
      <c r="EU13" s="327">
        <v>0</v>
      </c>
      <c r="EV13" s="327">
        <v>0</v>
      </c>
      <c r="EW13" s="327">
        <v>0</v>
      </c>
      <c r="EX13" s="327">
        <v>0</v>
      </c>
      <c r="EY13" s="328">
        <v>0</v>
      </c>
      <c r="EZ13" s="330">
        <v>0</v>
      </c>
      <c r="FA13" s="326">
        <v>0</v>
      </c>
      <c r="FB13" s="327">
        <v>0</v>
      </c>
      <c r="FC13" s="331">
        <v>0</v>
      </c>
      <c r="FD13" s="332">
        <v>0</v>
      </c>
      <c r="FE13" s="327">
        <v>0</v>
      </c>
      <c r="FF13" s="327">
        <v>0</v>
      </c>
      <c r="FG13" s="327">
        <v>0</v>
      </c>
      <c r="FH13" s="327">
        <v>0</v>
      </c>
      <c r="FI13" s="327">
        <v>0</v>
      </c>
      <c r="FJ13" s="328">
        <v>0</v>
      </c>
      <c r="FK13" s="330">
        <v>0</v>
      </c>
      <c r="FL13" s="326">
        <v>380272</v>
      </c>
      <c r="FM13" s="327">
        <v>498584</v>
      </c>
      <c r="FN13" s="328">
        <v>878856</v>
      </c>
      <c r="FO13" s="326">
        <v>0</v>
      </c>
      <c r="FP13" s="327">
        <v>1230348</v>
      </c>
      <c r="FQ13" s="327">
        <v>2555472</v>
      </c>
      <c r="FR13" s="327">
        <v>1565056</v>
      </c>
      <c r="FS13" s="327">
        <v>1017332</v>
      </c>
      <c r="FT13" s="327">
        <v>854368</v>
      </c>
      <c r="FU13" s="328">
        <v>7222576</v>
      </c>
      <c r="FV13" s="330">
        <v>8101432</v>
      </c>
      <c r="FW13" s="333">
        <v>172176</v>
      </c>
      <c r="FX13" s="327">
        <v>203792</v>
      </c>
      <c r="FY13" s="331">
        <v>375968</v>
      </c>
      <c r="FZ13" s="332">
        <v>0</v>
      </c>
      <c r="GA13" s="327">
        <v>896752</v>
      </c>
      <c r="GB13" s="327">
        <v>2163920</v>
      </c>
      <c r="GC13" s="327">
        <v>1251744</v>
      </c>
      <c r="GD13" s="327">
        <v>1002240</v>
      </c>
      <c r="GE13" s="327">
        <v>847408</v>
      </c>
      <c r="GF13" s="328">
        <v>6162064</v>
      </c>
      <c r="GG13" s="334">
        <v>6538032</v>
      </c>
      <c r="GH13" s="333">
        <v>16896</v>
      </c>
      <c r="GI13" s="327">
        <v>40392</v>
      </c>
      <c r="GJ13" s="331">
        <v>57288</v>
      </c>
      <c r="GK13" s="332">
        <v>0</v>
      </c>
      <c r="GL13" s="327">
        <v>113115</v>
      </c>
      <c r="GM13" s="327">
        <v>79552</v>
      </c>
      <c r="GN13" s="327">
        <v>63712</v>
      </c>
      <c r="GO13" s="327">
        <v>15092</v>
      </c>
      <c r="GP13" s="327">
        <v>6960</v>
      </c>
      <c r="GQ13" s="328">
        <v>278431</v>
      </c>
      <c r="GR13" s="330">
        <v>335719</v>
      </c>
      <c r="GS13" s="326">
        <v>191200</v>
      </c>
      <c r="GT13" s="327">
        <v>254400</v>
      </c>
      <c r="GU13" s="328">
        <v>445600</v>
      </c>
      <c r="GV13" s="326">
        <v>0</v>
      </c>
      <c r="GW13" s="327">
        <v>220481</v>
      </c>
      <c r="GX13" s="327">
        <v>312000</v>
      </c>
      <c r="GY13" s="327">
        <v>249600</v>
      </c>
      <c r="GZ13" s="327">
        <v>0</v>
      </c>
      <c r="HA13" s="327">
        <v>0</v>
      </c>
      <c r="HB13" s="331">
        <v>782081</v>
      </c>
      <c r="HC13" s="330">
        <v>1227681</v>
      </c>
      <c r="HD13" s="326">
        <v>1349374</v>
      </c>
      <c r="HE13" s="327">
        <v>1182646</v>
      </c>
      <c r="HF13" s="331">
        <v>2532020</v>
      </c>
      <c r="HG13" s="332">
        <v>0</v>
      </c>
      <c r="HH13" s="327">
        <v>9154403</v>
      </c>
      <c r="HI13" s="327">
        <v>6268993</v>
      </c>
      <c r="HJ13" s="327">
        <v>5298272</v>
      </c>
      <c r="HK13" s="327">
        <v>6365666</v>
      </c>
      <c r="HL13" s="327">
        <v>4760168</v>
      </c>
      <c r="HM13" s="328">
        <v>31847502</v>
      </c>
      <c r="HN13" s="329">
        <v>34379522</v>
      </c>
      <c r="HO13" s="333">
        <v>0</v>
      </c>
      <c r="HP13" s="327">
        <v>0</v>
      </c>
      <c r="HQ13" s="328">
        <v>0</v>
      </c>
      <c r="HR13" s="326">
        <v>0</v>
      </c>
      <c r="HS13" s="327">
        <v>0</v>
      </c>
      <c r="HT13" s="327">
        <v>0</v>
      </c>
      <c r="HU13" s="327">
        <v>0</v>
      </c>
      <c r="HV13" s="327">
        <v>0</v>
      </c>
      <c r="HW13" s="327">
        <v>0</v>
      </c>
      <c r="HX13" s="331">
        <v>0</v>
      </c>
      <c r="HY13" s="330">
        <v>0</v>
      </c>
      <c r="HZ13" s="335">
        <v>0</v>
      </c>
      <c r="IA13" s="336">
        <v>0</v>
      </c>
      <c r="IB13" s="337">
        <v>0</v>
      </c>
      <c r="IC13" s="338">
        <v>0</v>
      </c>
      <c r="ID13" s="336">
        <v>5544893</v>
      </c>
      <c r="IE13" s="339">
        <v>7763593</v>
      </c>
      <c r="IF13" s="337">
        <v>5475118</v>
      </c>
      <c r="IG13" s="336">
        <v>3403935</v>
      </c>
      <c r="IH13" s="337">
        <v>911157</v>
      </c>
      <c r="II13" s="340">
        <v>23098696</v>
      </c>
      <c r="IJ13" s="341">
        <v>23098696</v>
      </c>
      <c r="IK13" s="342">
        <v>0</v>
      </c>
      <c r="IL13" s="343">
        <v>0</v>
      </c>
      <c r="IM13" s="344">
        <v>0</v>
      </c>
      <c r="IN13" s="404">
        <v>0</v>
      </c>
      <c r="IO13" s="345">
        <v>0</v>
      </c>
      <c r="IP13" s="345">
        <v>176682</v>
      </c>
      <c r="IQ13" s="345">
        <v>0</v>
      </c>
      <c r="IR13" s="345">
        <v>302730</v>
      </c>
      <c r="IS13" s="345">
        <v>0</v>
      </c>
      <c r="IT13" s="346">
        <v>479412</v>
      </c>
      <c r="IU13" s="347">
        <v>479412</v>
      </c>
      <c r="IV13" s="348">
        <v>0</v>
      </c>
      <c r="IW13" s="345">
        <v>0</v>
      </c>
      <c r="IX13" s="349">
        <v>0</v>
      </c>
      <c r="IY13" s="404">
        <v>0</v>
      </c>
      <c r="IZ13" s="345">
        <v>0</v>
      </c>
      <c r="JA13" s="345">
        <v>0</v>
      </c>
      <c r="JB13" s="345">
        <v>0</v>
      </c>
      <c r="JC13" s="345">
        <v>0</v>
      </c>
      <c r="JD13" s="345">
        <v>0</v>
      </c>
      <c r="JE13" s="349">
        <v>0</v>
      </c>
      <c r="JF13" s="350">
        <v>0</v>
      </c>
      <c r="JG13" s="348">
        <v>0</v>
      </c>
      <c r="JH13" s="345">
        <v>0</v>
      </c>
      <c r="JI13" s="346">
        <v>0</v>
      </c>
      <c r="JJ13" s="351">
        <v>0</v>
      </c>
      <c r="JK13" s="345">
        <v>2992483</v>
      </c>
      <c r="JL13" s="345">
        <v>3396813</v>
      </c>
      <c r="JM13" s="345">
        <v>1404592</v>
      </c>
      <c r="JN13" s="345">
        <v>451243</v>
      </c>
      <c r="JO13" s="345">
        <v>0</v>
      </c>
      <c r="JP13" s="349">
        <v>8245131</v>
      </c>
      <c r="JQ13" s="347">
        <v>8245131</v>
      </c>
      <c r="JR13" s="348">
        <v>0</v>
      </c>
      <c r="JS13" s="345">
        <v>0</v>
      </c>
      <c r="JT13" s="346">
        <v>0</v>
      </c>
      <c r="JU13" s="351">
        <v>0</v>
      </c>
      <c r="JV13" s="345">
        <v>539457</v>
      </c>
      <c r="JW13" s="345">
        <v>841289</v>
      </c>
      <c r="JX13" s="345">
        <v>761134</v>
      </c>
      <c r="JY13" s="345">
        <v>351777</v>
      </c>
      <c r="JZ13" s="345">
        <v>63004</v>
      </c>
      <c r="KA13" s="349">
        <v>2556661</v>
      </c>
      <c r="KB13" s="347">
        <v>2556661</v>
      </c>
      <c r="KC13" s="352">
        <v>0</v>
      </c>
      <c r="KD13" s="353">
        <v>0</v>
      </c>
      <c r="KE13" s="349">
        <v>0</v>
      </c>
      <c r="KF13" s="351">
        <v>0</v>
      </c>
      <c r="KG13" s="345">
        <v>534349</v>
      </c>
      <c r="KH13" s="345">
        <v>508078</v>
      </c>
      <c r="KI13" s="345">
        <v>445833</v>
      </c>
      <c r="KJ13" s="345">
        <v>573889</v>
      </c>
      <c r="KK13" s="345">
        <v>0</v>
      </c>
      <c r="KL13" s="349">
        <v>2062149</v>
      </c>
      <c r="KM13" s="354">
        <v>2062149</v>
      </c>
      <c r="KN13" s="342">
        <v>0</v>
      </c>
      <c r="KO13" s="343">
        <v>0</v>
      </c>
      <c r="KP13" s="344">
        <v>0</v>
      </c>
      <c r="KQ13" s="404">
        <v>0</v>
      </c>
      <c r="KR13" s="345">
        <v>1478604</v>
      </c>
      <c r="KS13" s="345">
        <v>2840731</v>
      </c>
      <c r="KT13" s="345">
        <v>2069468</v>
      </c>
      <c r="KU13" s="345">
        <v>1241255</v>
      </c>
      <c r="KV13" s="345">
        <v>542007</v>
      </c>
      <c r="KW13" s="349">
        <v>8172065</v>
      </c>
      <c r="KX13" s="347">
        <v>8172065</v>
      </c>
      <c r="KY13" s="348">
        <v>0</v>
      </c>
      <c r="KZ13" s="345">
        <v>0</v>
      </c>
      <c r="LA13" s="349">
        <v>0</v>
      </c>
      <c r="LB13" s="404">
        <v>0</v>
      </c>
      <c r="LC13" s="345">
        <v>0</v>
      </c>
      <c r="LD13" s="345">
        <v>0</v>
      </c>
      <c r="LE13" s="345">
        <v>0</v>
      </c>
      <c r="LF13" s="345">
        <v>0</v>
      </c>
      <c r="LG13" s="345">
        <v>0</v>
      </c>
      <c r="LH13" s="349">
        <v>0</v>
      </c>
      <c r="LI13" s="350">
        <v>0</v>
      </c>
      <c r="LJ13" s="348">
        <v>0</v>
      </c>
      <c r="LK13" s="345">
        <v>0</v>
      </c>
      <c r="LL13" s="349">
        <v>0</v>
      </c>
      <c r="LM13" s="404">
        <v>0</v>
      </c>
      <c r="LN13" s="345">
        <v>0</v>
      </c>
      <c r="LO13" s="345">
        <v>0</v>
      </c>
      <c r="LP13" s="345">
        <v>0</v>
      </c>
      <c r="LQ13" s="345">
        <v>0</v>
      </c>
      <c r="LR13" s="345">
        <v>0</v>
      </c>
      <c r="LS13" s="349">
        <v>0</v>
      </c>
      <c r="LT13" s="347">
        <v>0</v>
      </c>
      <c r="LU13" s="348">
        <v>0</v>
      </c>
      <c r="LV13" s="345">
        <v>0</v>
      </c>
      <c r="LW13" s="349">
        <v>0</v>
      </c>
      <c r="LX13" s="404">
        <v>0</v>
      </c>
      <c r="LY13" s="345">
        <v>0</v>
      </c>
      <c r="LZ13" s="345">
        <v>0</v>
      </c>
      <c r="MA13" s="345">
        <v>794091</v>
      </c>
      <c r="MB13" s="345">
        <v>483041</v>
      </c>
      <c r="MC13" s="345">
        <v>306146</v>
      </c>
      <c r="MD13" s="349">
        <v>1583278</v>
      </c>
      <c r="ME13" s="350">
        <v>1583278</v>
      </c>
      <c r="MF13" s="348">
        <v>0</v>
      </c>
      <c r="MG13" s="345">
        <v>0</v>
      </c>
      <c r="MH13" s="349">
        <v>0</v>
      </c>
      <c r="MI13" s="404">
        <v>0</v>
      </c>
      <c r="MJ13" s="345">
        <v>3328941</v>
      </c>
      <c r="MK13" s="345">
        <v>2637148</v>
      </c>
      <c r="ML13" s="345">
        <v>13172187</v>
      </c>
      <c r="MM13" s="345">
        <v>17469321</v>
      </c>
      <c r="MN13" s="345">
        <v>7030660</v>
      </c>
      <c r="MO13" s="349">
        <v>43638257</v>
      </c>
      <c r="MP13" s="354">
        <v>43638257</v>
      </c>
      <c r="MQ13" s="348">
        <v>0</v>
      </c>
      <c r="MR13" s="345">
        <v>0</v>
      </c>
      <c r="MS13" s="349">
        <v>0</v>
      </c>
      <c r="MT13" s="404">
        <v>0</v>
      </c>
      <c r="MU13" s="345">
        <v>0</v>
      </c>
      <c r="MV13" s="345">
        <v>242309</v>
      </c>
      <c r="MW13" s="345">
        <v>8698106</v>
      </c>
      <c r="MX13" s="345">
        <v>12887631</v>
      </c>
      <c r="MY13" s="345">
        <v>5987177</v>
      </c>
      <c r="MZ13" s="349">
        <v>27815223</v>
      </c>
      <c r="NA13" s="354">
        <v>27815223</v>
      </c>
      <c r="NB13" s="348">
        <v>0</v>
      </c>
      <c r="NC13" s="345">
        <v>0</v>
      </c>
      <c r="ND13" s="349">
        <v>0</v>
      </c>
      <c r="NE13" s="404">
        <v>0</v>
      </c>
      <c r="NF13" s="345">
        <v>3328941</v>
      </c>
      <c r="NG13" s="345">
        <v>2394839</v>
      </c>
      <c r="NH13" s="345">
        <v>4474081</v>
      </c>
      <c r="NI13" s="345">
        <v>4215373</v>
      </c>
      <c r="NJ13" s="345">
        <v>1043483</v>
      </c>
      <c r="NK13" s="349">
        <v>15456717</v>
      </c>
      <c r="NL13" s="347">
        <v>15456717</v>
      </c>
      <c r="NM13" s="348">
        <v>0</v>
      </c>
      <c r="NN13" s="345">
        <v>0</v>
      </c>
      <c r="NO13" s="349">
        <v>0</v>
      </c>
      <c r="NP13" s="404">
        <v>0</v>
      </c>
      <c r="NQ13" s="345">
        <v>0</v>
      </c>
      <c r="NR13" s="345">
        <v>0</v>
      </c>
      <c r="NS13" s="345">
        <v>0</v>
      </c>
      <c r="NT13" s="345">
        <v>0</v>
      </c>
      <c r="NU13" s="345">
        <v>0</v>
      </c>
      <c r="NV13" s="349">
        <v>0</v>
      </c>
      <c r="NW13" s="350">
        <v>0</v>
      </c>
      <c r="NX13" s="348">
        <v>0</v>
      </c>
      <c r="NY13" s="345">
        <v>0</v>
      </c>
      <c r="NZ13" s="349">
        <v>0</v>
      </c>
      <c r="OA13" s="404">
        <v>0</v>
      </c>
      <c r="OB13" s="345">
        <v>0</v>
      </c>
      <c r="OC13" s="345">
        <v>0</v>
      </c>
      <c r="OD13" s="345">
        <v>0</v>
      </c>
      <c r="OE13" s="345">
        <v>366317</v>
      </c>
      <c r="OF13" s="345">
        <v>0</v>
      </c>
      <c r="OG13" s="349">
        <v>366317</v>
      </c>
      <c r="OH13" s="350">
        <v>366317</v>
      </c>
      <c r="OI13" s="348">
        <v>2130667</v>
      </c>
      <c r="OJ13" s="345">
        <v>2149931</v>
      </c>
      <c r="OK13" s="346">
        <v>4280598</v>
      </c>
      <c r="OL13" s="351">
        <v>0</v>
      </c>
      <c r="OM13" s="345">
        <v>35746948</v>
      </c>
      <c r="ON13" s="345">
        <v>34912116</v>
      </c>
      <c r="OO13" s="345">
        <v>37323245</v>
      </c>
      <c r="OP13" s="345">
        <v>40102543</v>
      </c>
      <c r="OQ13" s="345">
        <v>22698512</v>
      </c>
      <c r="OR13" s="349">
        <v>170783364</v>
      </c>
      <c r="OS13" s="354">
        <v>175063962</v>
      </c>
    </row>
    <row r="14" spans="1:409" s="70" customFormat="1" ht="21" customHeight="1" x14ac:dyDescent="0.2">
      <c r="B14" s="410" t="s">
        <v>8</v>
      </c>
      <c r="C14" s="326">
        <v>843819</v>
      </c>
      <c r="D14" s="327">
        <v>741425</v>
      </c>
      <c r="E14" s="328">
        <v>1585244</v>
      </c>
      <c r="F14" s="329">
        <v>0</v>
      </c>
      <c r="G14" s="327">
        <v>8346690</v>
      </c>
      <c r="H14" s="327">
        <v>9592614</v>
      </c>
      <c r="I14" s="327">
        <v>8549562</v>
      </c>
      <c r="J14" s="327">
        <v>7251066</v>
      </c>
      <c r="K14" s="327">
        <v>4989854</v>
      </c>
      <c r="L14" s="329">
        <v>38729786</v>
      </c>
      <c r="M14" s="330">
        <v>40315030</v>
      </c>
      <c r="N14" s="326">
        <v>185215</v>
      </c>
      <c r="O14" s="327">
        <v>158379</v>
      </c>
      <c r="P14" s="328">
        <v>343594</v>
      </c>
      <c r="Q14" s="326">
        <v>0</v>
      </c>
      <c r="R14" s="327">
        <v>2306039</v>
      </c>
      <c r="S14" s="327">
        <v>3356577</v>
      </c>
      <c r="T14" s="327">
        <v>4300504</v>
      </c>
      <c r="U14" s="327">
        <v>2444154</v>
      </c>
      <c r="V14" s="327">
        <v>2937916</v>
      </c>
      <c r="W14" s="328">
        <v>15345190</v>
      </c>
      <c r="X14" s="330">
        <v>15688784</v>
      </c>
      <c r="Y14" s="326">
        <v>0</v>
      </c>
      <c r="Z14" s="327">
        <v>0</v>
      </c>
      <c r="AA14" s="328">
        <v>0</v>
      </c>
      <c r="AB14" s="326">
        <v>0</v>
      </c>
      <c r="AC14" s="327">
        <v>739302</v>
      </c>
      <c r="AD14" s="327">
        <v>1634192</v>
      </c>
      <c r="AE14" s="327">
        <v>2363994</v>
      </c>
      <c r="AF14" s="327">
        <v>1390631</v>
      </c>
      <c r="AG14" s="327">
        <v>1698233</v>
      </c>
      <c r="AH14" s="328">
        <v>7826352</v>
      </c>
      <c r="AI14" s="330">
        <v>7826352</v>
      </c>
      <c r="AJ14" s="326">
        <v>0</v>
      </c>
      <c r="AK14" s="327">
        <v>0</v>
      </c>
      <c r="AL14" s="328">
        <v>0</v>
      </c>
      <c r="AM14" s="326">
        <v>0</v>
      </c>
      <c r="AN14" s="327">
        <v>59277</v>
      </c>
      <c r="AO14" s="327">
        <v>35566</v>
      </c>
      <c r="AP14" s="327">
        <v>118554</v>
      </c>
      <c r="AQ14" s="327">
        <v>0</v>
      </c>
      <c r="AR14" s="327">
        <v>361176</v>
      </c>
      <c r="AS14" s="328">
        <v>574573</v>
      </c>
      <c r="AT14" s="330">
        <v>574573</v>
      </c>
      <c r="AU14" s="326">
        <v>43689</v>
      </c>
      <c r="AV14" s="327">
        <v>68127</v>
      </c>
      <c r="AW14" s="328">
        <v>111816</v>
      </c>
      <c r="AX14" s="326">
        <v>0</v>
      </c>
      <c r="AY14" s="327">
        <v>883440</v>
      </c>
      <c r="AZ14" s="327">
        <v>1175012</v>
      </c>
      <c r="BA14" s="327">
        <v>1365336</v>
      </c>
      <c r="BB14" s="327">
        <v>704210</v>
      </c>
      <c r="BC14" s="327">
        <v>519319</v>
      </c>
      <c r="BD14" s="328">
        <v>4647317</v>
      </c>
      <c r="BE14" s="330">
        <v>4759133</v>
      </c>
      <c r="BF14" s="326">
        <v>27750</v>
      </c>
      <c r="BG14" s="327">
        <v>41052</v>
      </c>
      <c r="BH14" s="331">
        <v>68802</v>
      </c>
      <c r="BI14" s="332">
        <v>0</v>
      </c>
      <c r="BJ14" s="327">
        <v>151148</v>
      </c>
      <c r="BK14" s="327">
        <v>189727</v>
      </c>
      <c r="BL14" s="327">
        <v>113404</v>
      </c>
      <c r="BM14" s="327">
        <v>31801</v>
      </c>
      <c r="BN14" s="327">
        <v>17420</v>
      </c>
      <c r="BO14" s="328">
        <v>503500</v>
      </c>
      <c r="BP14" s="330">
        <v>572302</v>
      </c>
      <c r="BQ14" s="326">
        <v>113776</v>
      </c>
      <c r="BR14" s="327">
        <v>49200</v>
      </c>
      <c r="BS14" s="328">
        <v>162976</v>
      </c>
      <c r="BT14" s="326">
        <v>0</v>
      </c>
      <c r="BU14" s="327">
        <v>472872</v>
      </c>
      <c r="BV14" s="327">
        <v>322080</v>
      </c>
      <c r="BW14" s="327">
        <v>339216</v>
      </c>
      <c r="BX14" s="327">
        <v>317512</v>
      </c>
      <c r="BY14" s="327">
        <v>341768</v>
      </c>
      <c r="BZ14" s="328">
        <v>1793448</v>
      </c>
      <c r="CA14" s="330">
        <v>1956424</v>
      </c>
      <c r="CB14" s="326">
        <v>105644</v>
      </c>
      <c r="CC14" s="327">
        <v>155860</v>
      </c>
      <c r="CD14" s="328">
        <v>261504</v>
      </c>
      <c r="CE14" s="326">
        <v>0</v>
      </c>
      <c r="CF14" s="327">
        <v>2722794</v>
      </c>
      <c r="CG14" s="327">
        <v>3173524</v>
      </c>
      <c r="CH14" s="327">
        <v>1602772</v>
      </c>
      <c r="CI14" s="327">
        <v>1832371</v>
      </c>
      <c r="CJ14" s="327">
        <v>628745</v>
      </c>
      <c r="CK14" s="328">
        <v>9960206</v>
      </c>
      <c r="CL14" s="330">
        <v>10221710</v>
      </c>
      <c r="CM14" s="326">
        <v>0</v>
      </c>
      <c r="CN14" s="327">
        <v>0</v>
      </c>
      <c r="CO14" s="328">
        <v>0</v>
      </c>
      <c r="CP14" s="332">
        <v>0</v>
      </c>
      <c r="CQ14" s="327">
        <v>2236240</v>
      </c>
      <c r="CR14" s="327">
        <v>2486710</v>
      </c>
      <c r="CS14" s="327">
        <v>1286596</v>
      </c>
      <c r="CT14" s="327">
        <v>1751021</v>
      </c>
      <c r="CU14" s="327">
        <v>534649</v>
      </c>
      <c r="CV14" s="328">
        <v>8295216</v>
      </c>
      <c r="CW14" s="330">
        <v>8295216</v>
      </c>
      <c r="CX14" s="326">
        <v>105644</v>
      </c>
      <c r="CY14" s="327">
        <v>155860</v>
      </c>
      <c r="CZ14" s="328">
        <v>261504</v>
      </c>
      <c r="DA14" s="326">
        <v>0</v>
      </c>
      <c r="DB14" s="327">
        <v>486554</v>
      </c>
      <c r="DC14" s="327">
        <v>686814</v>
      </c>
      <c r="DD14" s="327">
        <v>316176</v>
      </c>
      <c r="DE14" s="327">
        <v>81350</v>
      </c>
      <c r="DF14" s="327">
        <v>94096</v>
      </c>
      <c r="DG14" s="328">
        <v>1664990</v>
      </c>
      <c r="DH14" s="330">
        <v>1926494</v>
      </c>
      <c r="DI14" s="326">
        <v>48242</v>
      </c>
      <c r="DJ14" s="327">
        <v>59037</v>
      </c>
      <c r="DK14" s="331">
        <v>107279</v>
      </c>
      <c r="DL14" s="332">
        <v>0</v>
      </c>
      <c r="DM14" s="327">
        <v>122753</v>
      </c>
      <c r="DN14" s="327">
        <v>409857</v>
      </c>
      <c r="DO14" s="327">
        <v>712931</v>
      </c>
      <c r="DP14" s="327">
        <v>323711</v>
      </c>
      <c r="DQ14" s="327">
        <v>344380</v>
      </c>
      <c r="DR14" s="328">
        <v>1913632</v>
      </c>
      <c r="DS14" s="330">
        <v>2020911</v>
      </c>
      <c r="DT14" s="326">
        <v>48242</v>
      </c>
      <c r="DU14" s="327">
        <v>59037</v>
      </c>
      <c r="DV14" s="328">
        <v>107279</v>
      </c>
      <c r="DW14" s="326">
        <v>0</v>
      </c>
      <c r="DX14" s="327">
        <v>122753</v>
      </c>
      <c r="DY14" s="327">
        <v>409857</v>
      </c>
      <c r="DZ14" s="327">
        <v>712931</v>
      </c>
      <c r="EA14" s="327">
        <v>323711</v>
      </c>
      <c r="EB14" s="327">
        <v>304404</v>
      </c>
      <c r="EC14" s="328">
        <v>1873656</v>
      </c>
      <c r="ED14" s="330">
        <v>1980935</v>
      </c>
      <c r="EE14" s="326">
        <v>0</v>
      </c>
      <c r="EF14" s="331">
        <v>0</v>
      </c>
      <c r="EG14" s="328">
        <v>0</v>
      </c>
      <c r="EH14" s="326">
        <v>0</v>
      </c>
      <c r="EI14" s="327">
        <v>0</v>
      </c>
      <c r="EJ14" s="327">
        <v>0</v>
      </c>
      <c r="EK14" s="327">
        <v>0</v>
      </c>
      <c r="EL14" s="327">
        <v>0</v>
      </c>
      <c r="EM14" s="327">
        <v>39976</v>
      </c>
      <c r="EN14" s="331">
        <v>39976</v>
      </c>
      <c r="EO14" s="330">
        <v>39976</v>
      </c>
      <c r="EP14" s="326">
        <v>0</v>
      </c>
      <c r="EQ14" s="327">
        <v>0</v>
      </c>
      <c r="ER14" s="331">
        <v>0</v>
      </c>
      <c r="ES14" s="332">
        <v>0</v>
      </c>
      <c r="ET14" s="327">
        <v>0</v>
      </c>
      <c r="EU14" s="327">
        <v>0</v>
      </c>
      <c r="EV14" s="327">
        <v>0</v>
      </c>
      <c r="EW14" s="327">
        <v>0</v>
      </c>
      <c r="EX14" s="327">
        <v>0</v>
      </c>
      <c r="EY14" s="328">
        <v>0</v>
      </c>
      <c r="EZ14" s="330">
        <v>0</v>
      </c>
      <c r="FA14" s="326">
        <v>0</v>
      </c>
      <c r="FB14" s="327">
        <v>0</v>
      </c>
      <c r="FC14" s="331">
        <v>0</v>
      </c>
      <c r="FD14" s="332">
        <v>0</v>
      </c>
      <c r="FE14" s="327">
        <v>0</v>
      </c>
      <c r="FF14" s="327">
        <v>0</v>
      </c>
      <c r="FG14" s="327">
        <v>0</v>
      </c>
      <c r="FH14" s="327">
        <v>0</v>
      </c>
      <c r="FI14" s="327">
        <v>0</v>
      </c>
      <c r="FJ14" s="328">
        <v>0</v>
      </c>
      <c r="FK14" s="330">
        <v>0</v>
      </c>
      <c r="FL14" s="326">
        <v>157104</v>
      </c>
      <c r="FM14" s="327">
        <v>174755</v>
      </c>
      <c r="FN14" s="328">
        <v>331859</v>
      </c>
      <c r="FO14" s="326">
        <v>0</v>
      </c>
      <c r="FP14" s="327">
        <v>539160</v>
      </c>
      <c r="FQ14" s="327">
        <v>1206040</v>
      </c>
      <c r="FR14" s="327">
        <v>713592</v>
      </c>
      <c r="FS14" s="327">
        <v>604344</v>
      </c>
      <c r="FT14" s="327">
        <v>348856</v>
      </c>
      <c r="FU14" s="328">
        <v>3411992</v>
      </c>
      <c r="FV14" s="330">
        <v>3743851</v>
      </c>
      <c r="FW14" s="333">
        <v>69104</v>
      </c>
      <c r="FX14" s="327">
        <v>129488</v>
      </c>
      <c r="FY14" s="331">
        <v>198592</v>
      </c>
      <c r="FZ14" s="332">
        <v>0</v>
      </c>
      <c r="GA14" s="327">
        <v>421152</v>
      </c>
      <c r="GB14" s="327">
        <v>1206040</v>
      </c>
      <c r="GC14" s="327">
        <v>713592</v>
      </c>
      <c r="GD14" s="327">
        <v>604344</v>
      </c>
      <c r="GE14" s="327">
        <v>348856</v>
      </c>
      <c r="GF14" s="328">
        <v>3293984</v>
      </c>
      <c r="GG14" s="334">
        <v>3492576</v>
      </c>
      <c r="GH14" s="333">
        <v>0</v>
      </c>
      <c r="GI14" s="327">
        <v>45267</v>
      </c>
      <c r="GJ14" s="331">
        <v>45267</v>
      </c>
      <c r="GK14" s="332">
        <v>0</v>
      </c>
      <c r="GL14" s="327">
        <v>0</v>
      </c>
      <c r="GM14" s="327">
        <v>0</v>
      </c>
      <c r="GN14" s="327">
        <v>0</v>
      </c>
      <c r="GO14" s="327">
        <v>0</v>
      </c>
      <c r="GP14" s="327">
        <v>0</v>
      </c>
      <c r="GQ14" s="328">
        <v>0</v>
      </c>
      <c r="GR14" s="330">
        <v>45267</v>
      </c>
      <c r="GS14" s="326">
        <v>88000</v>
      </c>
      <c r="GT14" s="327">
        <v>0</v>
      </c>
      <c r="GU14" s="328">
        <v>88000</v>
      </c>
      <c r="GV14" s="326">
        <v>0</v>
      </c>
      <c r="GW14" s="327">
        <v>118008</v>
      </c>
      <c r="GX14" s="327">
        <v>0</v>
      </c>
      <c r="GY14" s="327">
        <v>0</v>
      </c>
      <c r="GZ14" s="327">
        <v>0</v>
      </c>
      <c r="HA14" s="327">
        <v>0</v>
      </c>
      <c r="HB14" s="331">
        <v>118008</v>
      </c>
      <c r="HC14" s="330">
        <v>206008</v>
      </c>
      <c r="HD14" s="326">
        <v>347614</v>
      </c>
      <c r="HE14" s="327">
        <v>193394</v>
      </c>
      <c r="HF14" s="331">
        <v>541008</v>
      </c>
      <c r="HG14" s="332">
        <v>0</v>
      </c>
      <c r="HH14" s="327">
        <v>2655944</v>
      </c>
      <c r="HI14" s="327">
        <v>1446616</v>
      </c>
      <c r="HJ14" s="327">
        <v>1219763</v>
      </c>
      <c r="HK14" s="327">
        <v>2046486</v>
      </c>
      <c r="HL14" s="327">
        <v>729957</v>
      </c>
      <c r="HM14" s="328">
        <v>8098766</v>
      </c>
      <c r="HN14" s="329">
        <v>8639774</v>
      </c>
      <c r="HO14" s="333">
        <v>0</v>
      </c>
      <c r="HP14" s="327">
        <v>0</v>
      </c>
      <c r="HQ14" s="328">
        <v>0</v>
      </c>
      <c r="HR14" s="326">
        <v>0</v>
      </c>
      <c r="HS14" s="327">
        <v>0</v>
      </c>
      <c r="HT14" s="327">
        <v>0</v>
      </c>
      <c r="HU14" s="327">
        <v>0</v>
      </c>
      <c r="HV14" s="327">
        <v>0</v>
      </c>
      <c r="HW14" s="327">
        <v>0</v>
      </c>
      <c r="HX14" s="331">
        <v>0</v>
      </c>
      <c r="HY14" s="330">
        <v>0</v>
      </c>
      <c r="HZ14" s="335">
        <v>0</v>
      </c>
      <c r="IA14" s="336">
        <v>82812</v>
      </c>
      <c r="IB14" s="337">
        <v>82812</v>
      </c>
      <c r="IC14" s="355">
        <v>0</v>
      </c>
      <c r="ID14" s="356">
        <v>1824573</v>
      </c>
      <c r="IE14" s="357">
        <v>2886257</v>
      </c>
      <c r="IF14" s="358">
        <v>2343872</v>
      </c>
      <c r="IG14" s="356">
        <v>2515316</v>
      </c>
      <c r="IH14" s="358">
        <v>851405</v>
      </c>
      <c r="II14" s="359">
        <v>10421423</v>
      </c>
      <c r="IJ14" s="341">
        <v>10504235</v>
      </c>
      <c r="IK14" s="342">
        <v>0</v>
      </c>
      <c r="IL14" s="343">
        <v>0</v>
      </c>
      <c r="IM14" s="344">
        <v>0</v>
      </c>
      <c r="IN14" s="404">
        <v>0</v>
      </c>
      <c r="IO14" s="345">
        <v>0</v>
      </c>
      <c r="IP14" s="345">
        <v>0</v>
      </c>
      <c r="IQ14" s="345">
        <v>0</v>
      </c>
      <c r="IR14" s="345">
        <v>0</v>
      </c>
      <c r="IS14" s="345">
        <v>0</v>
      </c>
      <c r="IT14" s="346">
        <v>0</v>
      </c>
      <c r="IU14" s="347">
        <v>0</v>
      </c>
      <c r="IV14" s="348">
        <v>0</v>
      </c>
      <c r="IW14" s="345">
        <v>0</v>
      </c>
      <c r="IX14" s="349">
        <v>0</v>
      </c>
      <c r="IY14" s="404">
        <v>0</v>
      </c>
      <c r="IZ14" s="345">
        <v>0</v>
      </c>
      <c r="JA14" s="345">
        <v>0</v>
      </c>
      <c r="JB14" s="345">
        <v>0</v>
      </c>
      <c r="JC14" s="345">
        <v>0</v>
      </c>
      <c r="JD14" s="345">
        <v>0</v>
      </c>
      <c r="JE14" s="349">
        <v>0</v>
      </c>
      <c r="JF14" s="350">
        <v>0</v>
      </c>
      <c r="JG14" s="348">
        <v>0</v>
      </c>
      <c r="JH14" s="345">
        <v>0</v>
      </c>
      <c r="JI14" s="346">
        <v>0</v>
      </c>
      <c r="JJ14" s="351">
        <v>0</v>
      </c>
      <c r="JK14" s="345">
        <v>942181</v>
      </c>
      <c r="JL14" s="345">
        <v>2180588</v>
      </c>
      <c r="JM14" s="345">
        <v>805027</v>
      </c>
      <c r="JN14" s="345">
        <v>621344</v>
      </c>
      <c r="JO14" s="345">
        <v>75039</v>
      </c>
      <c r="JP14" s="349">
        <v>4624179</v>
      </c>
      <c r="JQ14" s="347">
        <v>4624179</v>
      </c>
      <c r="JR14" s="348">
        <v>0</v>
      </c>
      <c r="JS14" s="345">
        <v>0</v>
      </c>
      <c r="JT14" s="346">
        <v>0</v>
      </c>
      <c r="JU14" s="351">
        <v>0</v>
      </c>
      <c r="JV14" s="345">
        <v>0</v>
      </c>
      <c r="JW14" s="345">
        <v>0</v>
      </c>
      <c r="JX14" s="345">
        <v>0</v>
      </c>
      <c r="JY14" s="345">
        <v>0</v>
      </c>
      <c r="JZ14" s="345">
        <v>0</v>
      </c>
      <c r="KA14" s="349">
        <v>0</v>
      </c>
      <c r="KB14" s="347">
        <v>0</v>
      </c>
      <c r="KC14" s="352">
        <v>0</v>
      </c>
      <c r="KD14" s="353">
        <v>82812</v>
      </c>
      <c r="KE14" s="349">
        <v>82812</v>
      </c>
      <c r="KF14" s="351">
        <v>0</v>
      </c>
      <c r="KG14" s="345">
        <v>109280</v>
      </c>
      <c r="KH14" s="345">
        <v>0</v>
      </c>
      <c r="KI14" s="345">
        <v>0</v>
      </c>
      <c r="KJ14" s="345">
        <v>514130</v>
      </c>
      <c r="KK14" s="345">
        <v>0</v>
      </c>
      <c r="KL14" s="349">
        <v>623410</v>
      </c>
      <c r="KM14" s="354">
        <v>706222</v>
      </c>
      <c r="KN14" s="342">
        <v>0</v>
      </c>
      <c r="KO14" s="343">
        <v>0</v>
      </c>
      <c r="KP14" s="344">
        <v>0</v>
      </c>
      <c r="KQ14" s="404">
        <v>0</v>
      </c>
      <c r="KR14" s="345">
        <v>484035</v>
      </c>
      <c r="KS14" s="345">
        <v>505135</v>
      </c>
      <c r="KT14" s="345">
        <v>1076981</v>
      </c>
      <c r="KU14" s="345">
        <v>808945</v>
      </c>
      <c r="KV14" s="345">
        <v>269952</v>
      </c>
      <c r="KW14" s="349">
        <v>3145048</v>
      </c>
      <c r="KX14" s="347">
        <v>3145048</v>
      </c>
      <c r="KY14" s="348">
        <v>0</v>
      </c>
      <c r="KZ14" s="345">
        <v>0</v>
      </c>
      <c r="LA14" s="349">
        <v>0</v>
      </c>
      <c r="LB14" s="404">
        <v>0</v>
      </c>
      <c r="LC14" s="345">
        <v>0</v>
      </c>
      <c r="LD14" s="345">
        <v>0</v>
      </c>
      <c r="LE14" s="345">
        <v>213956</v>
      </c>
      <c r="LF14" s="345">
        <v>0</v>
      </c>
      <c r="LG14" s="345">
        <v>506414</v>
      </c>
      <c r="LH14" s="349">
        <v>720370</v>
      </c>
      <c r="LI14" s="350">
        <v>720370</v>
      </c>
      <c r="LJ14" s="348">
        <v>0</v>
      </c>
      <c r="LK14" s="345">
        <v>0</v>
      </c>
      <c r="LL14" s="349">
        <v>0</v>
      </c>
      <c r="LM14" s="404">
        <v>0</v>
      </c>
      <c r="LN14" s="345">
        <v>0</v>
      </c>
      <c r="LO14" s="345">
        <v>0</v>
      </c>
      <c r="LP14" s="345">
        <v>0</v>
      </c>
      <c r="LQ14" s="345">
        <v>0</v>
      </c>
      <c r="LR14" s="345">
        <v>0</v>
      </c>
      <c r="LS14" s="349">
        <v>0</v>
      </c>
      <c r="LT14" s="347">
        <v>0</v>
      </c>
      <c r="LU14" s="348">
        <v>0</v>
      </c>
      <c r="LV14" s="345">
        <v>0</v>
      </c>
      <c r="LW14" s="349">
        <v>0</v>
      </c>
      <c r="LX14" s="404">
        <v>0</v>
      </c>
      <c r="LY14" s="345">
        <v>289077</v>
      </c>
      <c r="LZ14" s="345">
        <v>200534</v>
      </c>
      <c r="MA14" s="345">
        <v>247908</v>
      </c>
      <c r="MB14" s="345">
        <v>570897</v>
      </c>
      <c r="MC14" s="345">
        <v>0</v>
      </c>
      <c r="MD14" s="349">
        <v>1308416</v>
      </c>
      <c r="ME14" s="350">
        <v>1308416</v>
      </c>
      <c r="MF14" s="348">
        <v>0</v>
      </c>
      <c r="MG14" s="345">
        <v>0</v>
      </c>
      <c r="MH14" s="349">
        <v>0</v>
      </c>
      <c r="MI14" s="404">
        <v>0</v>
      </c>
      <c r="MJ14" s="345">
        <v>258215</v>
      </c>
      <c r="MK14" s="345">
        <v>465617</v>
      </c>
      <c r="ML14" s="345">
        <v>6424902</v>
      </c>
      <c r="MM14" s="345">
        <v>3483352</v>
      </c>
      <c r="MN14" s="345">
        <v>2717585</v>
      </c>
      <c r="MO14" s="349">
        <v>13349671</v>
      </c>
      <c r="MP14" s="354">
        <v>13349671</v>
      </c>
      <c r="MQ14" s="348">
        <v>0</v>
      </c>
      <c r="MR14" s="345">
        <v>0</v>
      </c>
      <c r="MS14" s="349">
        <v>0</v>
      </c>
      <c r="MT14" s="404">
        <v>0</v>
      </c>
      <c r="MU14" s="345">
        <v>0</v>
      </c>
      <c r="MV14" s="345">
        <v>465617</v>
      </c>
      <c r="MW14" s="345">
        <v>4638367</v>
      </c>
      <c r="MX14" s="345">
        <v>2158060</v>
      </c>
      <c r="MY14" s="345">
        <v>1758437</v>
      </c>
      <c r="MZ14" s="349">
        <v>9020481</v>
      </c>
      <c r="NA14" s="354">
        <v>9020481</v>
      </c>
      <c r="NB14" s="348">
        <v>0</v>
      </c>
      <c r="NC14" s="345">
        <v>0</v>
      </c>
      <c r="ND14" s="349">
        <v>0</v>
      </c>
      <c r="NE14" s="404">
        <v>0</v>
      </c>
      <c r="NF14" s="345">
        <v>258215</v>
      </c>
      <c r="NG14" s="345">
        <v>0</v>
      </c>
      <c r="NH14" s="345">
        <v>1786535</v>
      </c>
      <c r="NI14" s="345">
        <v>1325292</v>
      </c>
      <c r="NJ14" s="345">
        <v>959148</v>
      </c>
      <c r="NK14" s="349">
        <v>4329190</v>
      </c>
      <c r="NL14" s="347">
        <v>4329190</v>
      </c>
      <c r="NM14" s="348">
        <v>0</v>
      </c>
      <c r="NN14" s="345">
        <v>0</v>
      </c>
      <c r="NO14" s="349">
        <v>0</v>
      </c>
      <c r="NP14" s="404">
        <v>0</v>
      </c>
      <c r="NQ14" s="345">
        <v>0</v>
      </c>
      <c r="NR14" s="345">
        <v>0</v>
      </c>
      <c r="NS14" s="345">
        <v>0</v>
      </c>
      <c r="NT14" s="345">
        <v>0</v>
      </c>
      <c r="NU14" s="345">
        <v>0</v>
      </c>
      <c r="NV14" s="349">
        <v>0</v>
      </c>
      <c r="NW14" s="350">
        <v>0</v>
      </c>
      <c r="NX14" s="348">
        <v>0</v>
      </c>
      <c r="NY14" s="345">
        <v>0</v>
      </c>
      <c r="NZ14" s="349">
        <v>0</v>
      </c>
      <c r="OA14" s="404">
        <v>0</v>
      </c>
      <c r="OB14" s="345">
        <v>0</v>
      </c>
      <c r="OC14" s="345">
        <v>0</v>
      </c>
      <c r="OD14" s="345">
        <v>0</v>
      </c>
      <c r="OE14" s="345">
        <v>0</v>
      </c>
      <c r="OF14" s="345">
        <v>0</v>
      </c>
      <c r="OG14" s="349">
        <v>0</v>
      </c>
      <c r="OH14" s="350">
        <v>0</v>
      </c>
      <c r="OI14" s="348">
        <v>843819</v>
      </c>
      <c r="OJ14" s="345">
        <v>824237</v>
      </c>
      <c r="OK14" s="346">
        <v>1668056</v>
      </c>
      <c r="OL14" s="351">
        <v>0</v>
      </c>
      <c r="OM14" s="345">
        <v>10429478</v>
      </c>
      <c r="ON14" s="345">
        <v>12944488</v>
      </c>
      <c r="OO14" s="345">
        <v>17318336</v>
      </c>
      <c r="OP14" s="345">
        <v>13249734</v>
      </c>
      <c r="OQ14" s="345">
        <v>8558844</v>
      </c>
      <c r="OR14" s="349">
        <v>62500880</v>
      </c>
      <c r="OS14" s="354">
        <v>64168936</v>
      </c>
    </row>
    <row r="15" spans="1:409" s="70" customFormat="1" ht="21" customHeight="1" x14ac:dyDescent="0.2">
      <c r="B15" s="410" t="s">
        <v>9</v>
      </c>
      <c r="C15" s="326">
        <v>897961</v>
      </c>
      <c r="D15" s="327">
        <v>1070631</v>
      </c>
      <c r="E15" s="328">
        <v>1968592</v>
      </c>
      <c r="F15" s="332">
        <v>0</v>
      </c>
      <c r="G15" s="327">
        <v>10755852</v>
      </c>
      <c r="H15" s="327">
        <v>11362232</v>
      </c>
      <c r="I15" s="327">
        <v>13230345</v>
      </c>
      <c r="J15" s="327">
        <v>12646123</v>
      </c>
      <c r="K15" s="327">
        <v>7430191</v>
      </c>
      <c r="L15" s="329">
        <v>55424743</v>
      </c>
      <c r="M15" s="330">
        <v>57393335</v>
      </c>
      <c r="N15" s="326">
        <v>363748</v>
      </c>
      <c r="O15" s="327">
        <v>324997</v>
      </c>
      <c r="P15" s="328">
        <v>688745</v>
      </c>
      <c r="Q15" s="326">
        <v>0</v>
      </c>
      <c r="R15" s="327">
        <v>4176340</v>
      </c>
      <c r="S15" s="327">
        <v>3298071</v>
      </c>
      <c r="T15" s="327">
        <v>4833171</v>
      </c>
      <c r="U15" s="327">
        <v>5419341</v>
      </c>
      <c r="V15" s="327">
        <v>4981892</v>
      </c>
      <c r="W15" s="328">
        <v>22708815</v>
      </c>
      <c r="X15" s="330">
        <v>23397560</v>
      </c>
      <c r="Y15" s="326">
        <v>0</v>
      </c>
      <c r="Z15" s="327">
        <v>0</v>
      </c>
      <c r="AA15" s="328">
        <v>0</v>
      </c>
      <c r="AB15" s="326">
        <v>0</v>
      </c>
      <c r="AC15" s="327">
        <v>1740884</v>
      </c>
      <c r="AD15" s="327">
        <v>1586385</v>
      </c>
      <c r="AE15" s="327">
        <v>2384305</v>
      </c>
      <c r="AF15" s="327">
        <v>3521617</v>
      </c>
      <c r="AG15" s="327">
        <v>2908942</v>
      </c>
      <c r="AH15" s="328">
        <v>12142133</v>
      </c>
      <c r="AI15" s="330">
        <v>12142133</v>
      </c>
      <c r="AJ15" s="326">
        <v>0</v>
      </c>
      <c r="AK15" s="327">
        <v>0</v>
      </c>
      <c r="AL15" s="328">
        <v>0</v>
      </c>
      <c r="AM15" s="326">
        <v>0</v>
      </c>
      <c r="AN15" s="327">
        <v>0</v>
      </c>
      <c r="AO15" s="327">
        <v>0</v>
      </c>
      <c r="AP15" s="327">
        <v>0</v>
      </c>
      <c r="AQ15" s="327">
        <v>146920</v>
      </c>
      <c r="AR15" s="327">
        <v>320259</v>
      </c>
      <c r="AS15" s="328">
        <v>467179</v>
      </c>
      <c r="AT15" s="330">
        <v>467179</v>
      </c>
      <c r="AU15" s="326">
        <v>251524</v>
      </c>
      <c r="AV15" s="327">
        <v>211475</v>
      </c>
      <c r="AW15" s="328">
        <v>462999</v>
      </c>
      <c r="AX15" s="326">
        <v>0</v>
      </c>
      <c r="AY15" s="327">
        <v>1634535</v>
      </c>
      <c r="AZ15" s="327">
        <v>852766</v>
      </c>
      <c r="BA15" s="327">
        <v>1525994</v>
      </c>
      <c r="BB15" s="327">
        <v>932274</v>
      </c>
      <c r="BC15" s="327">
        <v>1281806</v>
      </c>
      <c r="BD15" s="328">
        <v>6227375</v>
      </c>
      <c r="BE15" s="330">
        <v>6690374</v>
      </c>
      <c r="BF15" s="326">
        <v>0</v>
      </c>
      <c r="BG15" s="327">
        <v>37386</v>
      </c>
      <c r="BH15" s="331">
        <v>37386</v>
      </c>
      <c r="BI15" s="332">
        <v>0</v>
      </c>
      <c r="BJ15" s="327">
        <v>68257</v>
      </c>
      <c r="BK15" s="327">
        <v>22352</v>
      </c>
      <c r="BL15" s="327">
        <v>0</v>
      </c>
      <c r="BM15" s="327">
        <v>70042</v>
      </c>
      <c r="BN15" s="327">
        <v>134373</v>
      </c>
      <c r="BO15" s="328">
        <v>295024</v>
      </c>
      <c r="BP15" s="330">
        <v>332410</v>
      </c>
      <c r="BQ15" s="326">
        <v>112224</v>
      </c>
      <c r="BR15" s="327">
        <v>76136</v>
      </c>
      <c r="BS15" s="328">
        <v>188360</v>
      </c>
      <c r="BT15" s="326">
        <v>0</v>
      </c>
      <c r="BU15" s="327">
        <v>732664</v>
      </c>
      <c r="BV15" s="327">
        <v>836568</v>
      </c>
      <c r="BW15" s="327">
        <v>922872</v>
      </c>
      <c r="BX15" s="327">
        <v>748488</v>
      </c>
      <c r="BY15" s="327">
        <v>336512</v>
      </c>
      <c r="BZ15" s="328">
        <v>3577104</v>
      </c>
      <c r="CA15" s="330">
        <v>3765464</v>
      </c>
      <c r="CB15" s="326">
        <v>84369</v>
      </c>
      <c r="CC15" s="327">
        <v>159987</v>
      </c>
      <c r="CD15" s="328">
        <v>244356</v>
      </c>
      <c r="CE15" s="326">
        <v>0</v>
      </c>
      <c r="CF15" s="327">
        <v>2953241</v>
      </c>
      <c r="CG15" s="327">
        <v>2429933</v>
      </c>
      <c r="CH15" s="327">
        <v>2903542</v>
      </c>
      <c r="CI15" s="327">
        <v>2038086</v>
      </c>
      <c r="CJ15" s="327">
        <v>245673</v>
      </c>
      <c r="CK15" s="328">
        <v>10570475</v>
      </c>
      <c r="CL15" s="330">
        <v>10814831</v>
      </c>
      <c r="CM15" s="326">
        <v>0</v>
      </c>
      <c r="CN15" s="327">
        <v>0</v>
      </c>
      <c r="CO15" s="328">
        <v>0</v>
      </c>
      <c r="CP15" s="332">
        <v>0</v>
      </c>
      <c r="CQ15" s="327">
        <v>2243326</v>
      </c>
      <c r="CR15" s="327">
        <v>1659284</v>
      </c>
      <c r="CS15" s="327">
        <v>2198745</v>
      </c>
      <c r="CT15" s="327">
        <v>917972</v>
      </c>
      <c r="CU15" s="327">
        <v>245673</v>
      </c>
      <c r="CV15" s="328">
        <v>7265000</v>
      </c>
      <c r="CW15" s="330">
        <v>7265000</v>
      </c>
      <c r="CX15" s="326">
        <v>84369</v>
      </c>
      <c r="CY15" s="327">
        <v>159987</v>
      </c>
      <c r="CZ15" s="328">
        <v>244356</v>
      </c>
      <c r="DA15" s="326">
        <v>0</v>
      </c>
      <c r="DB15" s="327">
        <v>709915</v>
      </c>
      <c r="DC15" s="327">
        <v>770649</v>
      </c>
      <c r="DD15" s="327">
        <v>704797</v>
      </c>
      <c r="DE15" s="327">
        <v>1120114</v>
      </c>
      <c r="DF15" s="327">
        <v>0</v>
      </c>
      <c r="DG15" s="328">
        <v>3305475</v>
      </c>
      <c r="DH15" s="330">
        <v>3549831</v>
      </c>
      <c r="DI15" s="326">
        <v>0</v>
      </c>
      <c r="DJ15" s="327">
        <v>0</v>
      </c>
      <c r="DK15" s="331">
        <v>0</v>
      </c>
      <c r="DL15" s="332">
        <v>0</v>
      </c>
      <c r="DM15" s="327">
        <v>239165</v>
      </c>
      <c r="DN15" s="327">
        <v>353380</v>
      </c>
      <c r="DO15" s="327">
        <v>1423398</v>
      </c>
      <c r="DP15" s="327">
        <v>334087</v>
      </c>
      <c r="DQ15" s="327">
        <v>334009</v>
      </c>
      <c r="DR15" s="328">
        <v>2684039</v>
      </c>
      <c r="DS15" s="330">
        <v>2684039</v>
      </c>
      <c r="DT15" s="326">
        <v>0</v>
      </c>
      <c r="DU15" s="327">
        <v>0</v>
      </c>
      <c r="DV15" s="328">
        <v>0</v>
      </c>
      <c r="DW15" s="326">
        <v>0</v>
      </c>
      <c r="DX15" s="327">
        <v>183741</v>
      </c>
      <c r="DY15" s="327">
        <v>118355</v>
      </c>
      <c r="DZ15" s="327">
        <v>1358900</v>
      </c>
      <c r="EA15" s="327">
        <v>309857</v>
      </c>
      <c r="EB15" s="327">
        <v>298569</v>
      </c>
      <c r="EC15" s="328">
        <v>2269422</v>
      </c>
      <c r="ED15" s="330">
        <v>2269422</v>
      </c>
      <c r="EE15" s="326">
        <v>0</v>
      </c>
      <c r="EF15" s="331">
        <v>0</v>
      </c>
      <c r="EG15" s="328">
        <v>0</v>
      </c>
      <c r="EH15" s="326">
        <v>0</v>
      </c>
      <c r="EI15" s="327">
        <v>55424</v>
      </c>
      <c r="EJ15" s="327">
        <v>235025</v>
      </c>
      <c r="EK15" s="327">
        <v>64498</v>
      </c>
      <c r="EL15" s="327">
        <v>24230</v>
      </c>
      <c r="EM15" s="327">
        <v>35440</v>
      </c>
      <c r="EN15" s="331">
        <v>414617</v>
      </c>
      <c r="EO15" s="330">
        <v>414617</v>
      </c>
      <c r="EP15" s="326">
        <v>0</v>
      </c>
      <c r="EQ15" s="327">
        <v>0</v>
      </c>
      <c r="ER15" s="331">
        <v>0</v>
      </c>
      <c r="ES15" s="332">
        <v>0</v>
      </c>
      <c r="ET15" s="327">
        <v>0</v>
      </c>
      <c r="EU15" s="327">
        <v>0</v>
      </c>
      <c r="EV15" s="327">
        <v>0</v>
      </c>
      <c r="EW15" s="327">
        <v>0</v>
      </c>
      <c r="EX15" s="327">
        <v>0</v>
      </c>
      <c r="EY15" s="328">
        <v>0</v>
      </c>
      <c r="EZ15" s="330">
        <v>0</v>
      </c>
      <c r="FA15" s="326">
        <v>0</v>
      </c>
      <c r="FB15" s="327">
        <v>0</v>
      </c>
      <c r="FC15" s="331">
        <v>0</v>
      </c>
      <c r="FD15" s="332">
        <v>0</v>
      </c>
      <c r="FE15" s="327">
        <v>0</v>
      </c>
      <c r="FF15" s="327">
        <v>0</v>
      </c>
      <c r="FG15" s="327">
        <v>0</v>
      </c>
      <c r="FH15" s="327">
        <v>0</v>
      </c>
      <c r="FI15" s="327">
        <v>0</v>
      </c>
      <c r="FJ15" s="328">
        <v>0</v>
      </c>
      <c r="FK15" s="330">
        <v>0</v>
      </c>
      <c r="FL15" s="326">
        <v>138992</v>
      </c>
      <c r="FM15" s="327">
        <v>288896</v>
      </c>
      <c r="FN15" s="328">
        <v>427888</v>
      </c>
      <c r="FO15" s="326">
        <v>0</v>
      </c>
      <c r="FP15" s="327">
        <v>617011</v>
      </c>
      <c r="FQ15" s="327">
        <v>1011368</v>
      </c>
      <c r="FR15" s="327">
        <v>1001875</v>
      </c>
      <c r="FS15" s="327">
        <v>882512</v>
      </c>
      <c r="FT15" s="327">
        <v>667060</v>
      </c>
      <c r="FU15" s="328">
        <v>4179826</v>
      </c>
      <c r="FV15" s="330">
        <v>4607714</v>
      </c>
      <c r="FW15" s="333">
        <v>138992</v>
      </c>
      <c r="FX15" s="327">
        <v>128896</v>
      </c>
      <c r="FY15" s="331">
        <v>267888</v>
      </c>
      <c r="FZ15" s="332">
        <v>0</v>
      </c>
      <c r="GA15" s="327">
        <v>394720</v>
      </c>
      <c r="GB15" s="327">
        <v>721592</v>
      </c>
      <c r="GC15" s="327">
        <v>873248</v>
      </c>
      <c r="GD15" s="327">
        <v>882512</v>
      </c>
      <c r="GE15" s="327">
        <v>587060</v>
      </c>
      <c r="GF15" s="328">
        <v>3459132</v>
      </c>
      <c r="GG15" s="334">
        <v>3727020</v>
      </c>
      <c r="GH15" s="333">
        <v>0</v>
      </c>
      <c r="GI15" s="327">
        <v>0</v>
      </c>
      <c r="GJ15" s="331">
        <v>0</v>
      </c>
      <c r="GK15" s="332">
        <v>0</v>
      </c>
      <c r="GL15" s="327">
        <v>93491</v>
      </c>
      <c r="GM15" s="327">
        <v>20416</v>
      </c>
      <c r="GN15" s="327">
        <v>20627</v>
      </c>
      <c r="GO15" s="327">
        <v>0</v>
      </c>
      <c r="GP15" s="327">
        <v>80000</v>
      </c>
      <c r="GQ15" s="328">
        <v>214534</v>
      </c>
      <c r="GR15" s="330">
        <v>214534</v>
      </c>
      <c r="GS15" s="326">
        <v>0</v>
      </c>
      <c r="GT15" s="327">
        <v>160000</v>
      </c>
      <c r="GU15" s="328">
        <v>160000</v>
      </c>
      <c r="GV15" s="326">
        <v>0</v>
      </c>
      <c r="GW15" s="327">
        <v>128800</v>
      </c>
      <c r="GX15" s="327">
        <v>269360</v>
      </c>
      <c r="GY15" s="327">
        <v>108000</v>
      </c>
      <c r="GZ15" s="327">
        <v>0</v>
      </c>
      <c r="HA15" s="327">
        <v>0</v>
      </c>
      <c r="HB15" s="331">
        <v>506160</v>
      </c>
      <c r="HC15" s="330">
        <v>666160</v>
      </c>
      <c r="HD15" s="326">
        <v>310852</v>
      </c>
      <c r="HE15" s="327">
        <v>296751</v>
      </c>
      <c r="HF15" s="331">
        <v>607603</v>
      </c>
      <c r="HG15" s="332">
        <v>0</v>
      </c>
      <c r="HH15" s="327">
        <v>2770095</v>
      </c>
      <c r="HI15" s="327">
        <v>4269480</v>
      </c>
      <c r="HJ15" s="327">
        <v>3068359</v>
      </c>
      <c r="HK15" s="327">
        <v>3972097</v>
      </c>
      <c r="HL15" s="327">
        <v>1201557</v>
      </c>
      <c r="HM15" s="328">
        <v>15281588</v>
      </c>
      <c r="HN15" s="329">
        <v>15889191</v>
      </c>
      <c r="HO15" s="333">
        <v>0</v>
      </c>
      <c r="HP15" s="327">
        <v>0</v>
      </c>
      <c r="HQ15" s="328">
        <v>0</v>
      </c>
      <c r="HR15" s="326">
        <v>0</v>
      </c>
      <c r="HS15" s="327">
        <v>0</v>
      </c>
      <c r="HT15" s="327">
        <v>0</v>
      </c>
      <c r="HU15" s="327">
        <v>0</v>
      </c>
      <c r="HV15" s="327">
        <v>0</v>
      </c>
      <c r="HW15" s="327">
        <v>0</v>
      </c>
      <c r="HX15" s="331">
        <v>0</v>
      </c>
      <c r="HY15" s="330">
        <v>0</v>
      </c>
      <c r="HZ15" s="360">
        <v>0</v>
      </c>
      <c r="IA15" s="361">
        <v>0</v>
      </c>
      <c r="IB15" s="362">
        <v>0</v>
      </c>
      <c r="IC15" s="338">
        <v>0</v>
      </c>
      <c r="ID15" s="336">
        <v>2456629</v>
      </c>
      <c r="IE15" s="339">
        <v>3043973</v>
      </c>
      <c r="IF15" s="337">
        <v>3084790</v>
      </c>
      <c r="IG15" s="336">
        <v>1680255</v>
      </c>
      <c r="IH15" s="337">
        <v>1212278</v>
      </c>
      <c r="II15" s="340">
        <v>11477925</v>
      </c>
      <c r="IJ15" s="363">
        <v>11477925</v>
      </c>
      <c r="IK15" s="342">
        <v>0</v>
      </c>
      <c r="IL15" s="343">
        <v>0</v>
      </c>
      <c r="IM15" s="344">
        <v>0</v>
      </c>
      <c r="IN15" s="404">
        <v>0</v>
      </c>
      <c r="IO15" s="345">
        <v>0</v>
      </c>
      <c r="IP15" s="345">
        <v>0</v>
      </c>
      <c r="IQ15" s="345">
        <v>177491</v>
      </c>
      <c r="IR15" s="345">
        <v>0</v>
      </c>
      <c r="IS15" s="345">
        <v>0</v>
      </c>
      <c r="IT15" s="346">
        <v>177491</v>
      </c>
      <c r="IU15" s="347">
        <v>177491</v>
      </c>
      <c r="IV15" s="348">
        <v>0</v>
      </c>
      <c r="IW15" s="345">
        <v>0</v>
      </c>
      <c r="IX15" s="349">
        <v>0</v>
      </c>
      <c r="IY15" s="404">
        <v>0</v>
      </c>
      <c r="IZ15" s="345">
        <v>0</v>
      </c>
      <c r="JA15" s="345">
        <v>0</v>
      </c>
      <c r="JB15" s="345">
        <v>0</v>
      </c>
      <c r="JC15" s="345">
        <v>0</v>
      </c>
      <c r="JD15" s="345">
        <v>0</v>
      </c>
      <c r="JE15" s="349">
        <v>0</v>
      </c>
      <c r="JF15" s="350">
        <v>0</v>
      </c>
      <c r="JG15" s="348">
        <v>0</v>
      </c>
      <c r="JH15" s="345">
        <v>0</v>
      </c>
      <c r="JI15" s="346">
        <v>0</v>
      </c>
      <c r="JJ15" s="351">
        <v>0</v>
      </c>
      <c r="JK15" s="345">
        <v>2085912</v>
      </c>
      <c r="JL15" s="345">
        <v>1326316</v>
      </c>
      <c r="JM15" s="345">
        <v>583897</v>
      </c>
      <c r="JN15" s="345">
        <v>406255</v>
      </c>
      <c r="JO15" s="345">
        <v>484356</v>
      </c>
      <c r="JP15" s="349">
        <v>4886736</v>
      </c>
      <c r="JQ15" s="347">
        <v>4886736</v>
      </c>
      <c r="JR15" s="348">
        <v>0</v>
      </c>
      <c r="JS15" s="345">
        <v>0</v>
      </c>
      <c r="JT15" s="346">
        <v>0</v>
      </c>
      <c r="JU15" s="351">
        <v>0</v>
      </c>
      <c r="JV15" s="345">
        <v>0</v>
      </c>
      <c r="JW15" s="345">
        <v>56047</v>
      </c>
      <c r="JX15" s="345">
        <v>0</v>
      </c>
      <c r="JY15" s="345">
        <v>0</v>
      </c>
      <c r="JZ15" s="345">
        <v>164139</v>
      </c>
      <c r="KA15" s="349">
        <v>220186</v>
      </c>
      <c r="KB15" s="347">
        <v>220186</v>
      </c>
      <c r="KC15" s="352">
        <v>0</v>
      </c>
      <c r="KD15" s="353">
        <v>0</v>
      </c>
      <c r="KE15" s="349">
        <v>0</v>
      </c>
      <c r="KF15" s="351">
        <v>0</v>
      </c>
      <c r="KG15" s="345">
        <v>122421</v>
      </c>
      <c r="KH15" s="345">
        <v>513825</v>
      </c>
      <c r="KI15" s="345">
        <v>253473</v>
      </c>
      <c r="KJ15" s="345">
        <v>199211</v>
      </c>
      <c r="KK15" s="345">
        <v>285643</v>
      </c>
      <c r="KL15" s="349">
        <v>1374573</v>
      </c>
      <c r="KM15" s="354">
        <v>1374573</v>
      </c>
      <c r="KN15" s="342">
        <v>0</v>
      </c>
      <c r="KO15" s="343">
        <v>0</v>
      </c>
      <c r="KP15" s="344">
        <v>0</v>
      </c>
      <c r="KQ15" s="404">
        <v>0</v>
      </c>
      <c r="KR15" s="345">
        <v>248296</v>
      </c>
      <c r="KS15" s="345">
        <v>777339</v>
      </c>
      <c r="KT15" s="345">
        <v>1863208</v>
      </c>
      <c r="KU15" s="345">
        <v>1074789</v>
      </c>
      <c r="KV15" s="345">
        <v>278140</v>
      </c>
      <c r="KW15" s="349">
        <v>4241772</v>
      </c>
      <c r="KX15" s="347">
        <v>4241772</v>
      </c>
      <c r="KY15" s="348">
        <v>0</v>
      </c>
      <c r="KZ15" s="345">
        <v>0</v>
      </c>
      <c r="LA15" s="349">
        <v>0</v>
      </c>
      <c r="LB15" s="404">
        <v>0</v>
      </c>
      <c r="LC15" s="345">
        <v>0</v>
      </c>
      <c r="LD15" s="345">
        <v>185618</v>
      </c>
      <c r="LE15" s="345">
        <v>206721</v>
      </c>
      <c r="LF15" s="345">
        <v>0</v>
      </c>
      <c r="LG15" s="345">
        <v>0</v>
      </c>
      <c r="LH15" s="349">
        <v>392339</v>
      </c>
      <c r="LI15" s="350">
        <v>392339</v>
      </c>
      <c r="LJ15" s="348">
        <v>0</v>
      </c>
      <c r="LK15" s="345">
        <v>0</v>
      </c>
      <c r="LL15" s="349">
        <v>0</v>
      </c>
      <c r="LM15" s="404">
        <v>0</v>
      </c>
      <c r="LN15" s="345">
        <v>0</v>
      </c>
      <c r="LO15" s="345">
        <v>0</v>
      </c>
      <c r="LP15" s="345">
        <v>0</v>
      </c>
      <c r="LQ15" s="345">
        <v>0</v>
      </c>
      <c r="LR15" s="345">
        <v>0</v>
      </c>
      <c r="LS15" s="349">
        <v>0</v>
      </c>
      <c r="LT15" s="347">
        <v>0</v>
      </c>
      <c r="LU15" s="348">
        <v>0</v>
      </c>
      <c r="LV15" s="345">
        <v>0</v>
      </c>
      <c r="LW15" s="349">
        <v>0</v>
      </c>
      <c r="LX15" s="404">
        <v>0</v>
      </c>
      <c r="LY15" s="345">
        <v>0</v>
      </c>
      <c r="LZ15" s="345">
        <v>184828</v>
      </c>
      <c r="MA15" s="345">
        <v>0</v>
      </c>
      <c r="MB15" s="345">
        <v>0</v>
      </c>
      <c r="MC15" s="345">
        <v>0</v>
      </c>
      <c r="MD15" s="349">
        <v>184828</v>
      </c>
      <c r="ME15" s="350">
        <v>184828</v>
      </c>
      <c r="MF15" s="348">
        <v>0</v>
      </c>
      <c r="MG15" s="345">
        <v>0</v>
      </c>
      <c r="MH15" s="349">
        <v>0</v>
      </c>
      <c r="MI15" s="404">
        <v>0</v>
      </c>
      <c r="MJ15" s="345">
        <v>884297</v>
      </c>
      <c r="MK15" s="345">
        <v>961586</v>
      </c>
      <c r="ML15" s="345">
        <v>5307708</v>
      </c>
      <c r="MM15" s="345">
        <v>9261754</v>
      </c>
      <c r="MN15" s="345">
        <v>4423175</v>
      </c>
      <c r="MO15" s="349">
        <v>20838520</v>
      </c>
      <c r="MP15" s="354">
        <v>20838520</v>
      </c>
      <c r="MQ15" s="348">
        <v>0</v>
      </c>
      <c r="MR15" s="345">
        <v>0</v>
      </c>
      <c r="MS15" s="349">
        <v>0</v>
      </c>
      <c r="MT15" s="404">
        <v>0</v>
      </c>
      <c r="MU15" s="345">
        <v>0</v>
      </c>
      <c r="MV15" s="345">
        <v>0</v>
      </c>
      <c r="MW15" s="345">
        <v>3350894</v>
      </c>
      <c r="MX15" s="345">
        <v>5566652</v>
      </c>
      <c r="MY15" s="345">
        <v>2255207</v>
      </c>
      <c r="MZ15" s="349">
        <v>11172753</v>
      </c>
      <c r="NA15" s="354">
        <v>11172753</v>
      </c>
      <c r="NB15" s="348">
        <v>0</v>
      </c>
      <c r="NC15" s="345">
        <v>0</v>
      </c>
      <c r="ND15" s="349">
        <v>0</v>
      </c>
      <c r="NE15" s="404">
        <v>0</v>
      </c>
      <c r="NF15" s="345">
        <v>884297</v>
      </c>
      <c r="NG15" s="345">
        <v>961586</v>
      </c>
      <c r="NH15" s="345">
        <v>1956814</v>
      </c>
      <c r="NI15" s="345">
        <v>3695102</v>
      </c>
      <c r="NJ15" s="345">
        <v>1775452</v>
      </c>
      <c r="NK15" s="349">
        <v>9273251</v>
      </c>
      <c r="NL15" s="347">
        <v>9273251</v>
      </c>
      <c r="NM15" s="348">
        <v>0</v>
      </c>
      <c r="NN15" s="345">
        <v>0</v>
      </c>
      <c r="NO15" s="349">
        <v>0</v>
      </c>
      <c r="NP15" s="404">
        <v>0</v>
      </c>
      <c r="NQ15" s="345">
        <v>0</v>
      </c>
      <c r="NR15" s="345">
        <v>0</v>
      </c>
      <c r="NS15" s="345">
        <v>0</v>
      </c>
      <c r="NT15" s="345">
        <v>0</v>
      </c>
      <c r="NU15" s="345">
        <v>0</v>
      </c>
      <c r="NV15" s="349">
        <v>0</v>
      </c>
      <c r="NW15" s="350">
        <v>0</v>
      </c>
      <c r="NX15" s="348">
        <v>0</v>
      </c>
      <c r="NY15" s="345">
        <v>0</v>
      </c>
      <c r="NZ15" s="349">
        <v>0</v>
      </c>
      <c r="OA15" s="404">
        <v>0</v>
      </c>
      <c r="OB15" s="345">
        <v>0</v>
      </c>
      <c r="OC15" s="345">
        <v>0</v>
      </c>
      <c r="OD15" s="345">
        <v>0</v>
      </c>
      <c r="OE15" s="345">
        <v>0</v>
      </c>
      <c r="OF15" s="345">
        <v>392516</v>
      </c>
      <c r="OG15" s="349">
        <v>392516</v>
      </c>
      <c r="OH15" s="350">
        <v>392516</v>
      </c>
      <c r="OI15" s="348">
        <v>897961</v>
      </c>
      <c r="OJ15" s="345">
        <v>1070631</v>
      </c>
      <c r="OK15" s="346">
        <v>1968592</v>
      </c>
      <c r="OL15" s="351">
        <v>0</v>
      </c>
      <c r="OM15" s="345">
        <v>14096778</v>
      </c>
      <c r="ON15" s="345">
        <v>15367791</v>
      </c>
      <c r="OO15" s="345">
        <v>21622843</v>
      </c>
      <c r="OP15" s="345">
        <v>23588132</v>
      </c>
      <c r="OQ15" s="345">
        <v>13065644</v>
      </c>
      <c r="OR15" s="349">
        <v>87741188</v>
      </c>
      <c r="OS15" s="354">
        <v>89709780</v>
      </c>
    </row>
    <row r="16" spans="1:409" s="70" customFormat="1" ht="21" customHeight="1" x14ac:dyDescent="0.2">
      <c r="B16" s="410" t="s">
        <v>10</v>
      </c>
      <c r="C16" s="326">
        <v>2229215</v>
      </c>
      <c r="D16" s="327">
        <v>2559148</v>
      </c>
      <c r="E16" s="328">
        <v>4788363</v>
      </c>
      <c r="F16" s="364">
        <v>0</v>
      </c>
      <c r="G16" s="327">
        <v>19951223</v>
      </c>
      <c r="H16" s="327">
        <v>16863613</v>
      </c>
      <c r="I16" s="327">
        <v>12708841</v>
      </c>
      <c r="J16" s="327">
        <v>17140158</v>
      </c>
      <c r="K16" s="327">
        <v>10607308</v>
      </c>
      <c r="L16" s="329">
        <v>77271143</v>
      </c>
      <c r="M16" s="330">
        <v>82059506</v>
      </c>
      <c r="N16" s="326">
        <v>657329</v>
      </c>
      <c r="O16" s="327">
        <v>733609</v>
      </c>
      <c r="P16" s="328">
        <v>1390938</v>
      </c>
      <c r="Q16" s="326">
        <v>0</v>
      </c>
      <c r="R16" s="327">
        <v>7109212</v>
      </c>
      <c r="S16" s="327">
        <v>5126482</v>
      </c>
      <c r="T16" s="327">
        <v>4294757</v>
      </c>
      <c r="U16" s="327">
        <v>7536698</v>
      </c>
      <c r="V16" s="327">
        <v>5457085</v>
      </c>
      <c r="W16" s="328">
        <v>29524234</v>
      </c>
      <c r="X16" s="330">
        <v>30915172</v>
      </c>
      <c r="Y16" s="326">
        <v>0</v>
      </c>
      <c r="Z16" s="327">
        <v>0</v>
      </c>
      <c r="AA16" s="328">
        <v>0</v>
      </c>
      <c r="AB16" s="326">
        <v>0</v>
      </c>
      <c r="AC16" s="327">
        <v>3028335</v>
      </c>
      <c r="AD16" s="327">
        <v>2602255</v>
      </c>
      <c r="AE16" s="327">
        <v>2196006</v>
      </c>
      <c r="AF16" s="327">
        <v>4650896</v>
      </c>
      <c r="AG16" s="327">
        <v>3379387</v>
      </c>
      <c r="AH16" s="328">
        <v>15856879</v>
      </c>
      <c r="AI16" s="330">
        <v>15856879</v>
      </c>
      <c r="AJ16" s="326">
        <v>0</v>
      </c>
      <c r="AK16" s="327">
        <v>0</v>
      </c>
      <c r="AL16" s="328">
        <v>0</v>
      </c>
      <c r="AM16" s="326">
        <v>0</v>
      </c>
      <c r="AN16" s="327">
        <v>0</v>
      </c>
      <c r="AO16" s="327">
        <v>62481</v>
      </c>
      <c r="AP16" s="327">
        <v>157161</v>
      </c>
      <c r="AQ16" s="327">
        <v>393530</v>
      </c>
      <c r="AR16" s="327">
        <v>525897</v>
      </c>
      <c r="AS16" s="328">
        <v>1139069</v>
      </c>
      <c r="AT16" s="330">
        <v>1139069</v>
      </c>
      <c r="AU16" s="326">
        <v>399760</v>
      </c>
      <c r="AV16" s="327">
        <v>441513</v>
      </c>
      <c r="AW16" s="328">
        <v>841273</v>
      </c>
      <c r="AX16" s="326">
        <v>0</v>
      </c>
      <c r="AY16" s="327">
        <v>2464233</v>
      </c>
      <c r="AZ16" s="327">
        <v>1265321</v>
      </c>
      <c r="BA16" s="327">
        <v>934624</v>
      </c>
      <c r="BB16" s="327">
        <v>1278032</v>
      </c>
      <c r="BC16" s="327">
        <v>776440</v>
      </c>
      <c r="BD16" s="328">
        <v>6718650</v>
      </c>
      <c r="BE16" s="330">
        <v>7559923</v>
      </c>
      <c r="BF16" s="326">
        <v>15553</v>
      </c>
      <c r="BG16" s="327">
        <v>48472</v>
      </c>
      <c r="BH16" s="331">
        <v>64025</v>
      </c>
      <c r="BI16" s="332">
        <v>0</v>
      </c>
      <c r="BJ16" s="327">
        <v>311153</v>
      </c>
      <c r="BK16" s="327">
        <v>212585</v>
      </c>
      <c r="BL16" s="327">
        <v>88414</v>
      </c>
      <c r="BM16" s="327">
        <v>53088</v>
      </c>
      <c r="BN16" s="327">
        <v>122001</v>
      </c>
      <c r="BO16" s="328">
        <v>787241</v>
      </c>
      <c r="BP16" s="330">
        <v>851266</v>
      </c>
      <c r="BQ16" s="326">
        <v>242016</v>
      </c>
      <c r="BR16" s="327">
        <v>243624</v>
      </c>
      <c r="BS16" s="328">
        <v>485640</v>
      </c>
      <c r="BT16" s="326">
        <v>0</v>
      </c>
      <c r="BU16" s="327">
        <v>1305491</v>
      </c>
      <c r="BV16" s="327">
        <v>983840</v>
      </c>
      <c r="BW16" s="327">
        <v>918552</v>
      </c>
      <c r="BX16" s="327">
        <v>1161152</v>
      </c>
      <c r="BY16" s="327">
        <v>653360</v>
      </c>
      <c r="BZ16" s="328">
        <v>5022395</v>
      </c>
      <c r="CA16" s="330">
        <v>5508035</v>
      </c>
      <c r="CB16" s="326">
        <v>61443</v>
      </c>
      <c r="CC16" s="327">
        <v>191547</v>
      </c>
      <c r="CD16" s="328">
        <v>252990</v>
      </c>
      <c r="CE16" s="326">
        <v>0</v>
      </c>
      <c r="CF16" s="327">
        <v>7047524</v>
      </c>
      <c r="CG16" s="327">
        <v>5046610</v>
      </c>
      <c r="CH16" s="327">
        <v>2702631</v>
      </c>
      <c r="CI16" s="327">
        <v>1820621</v>
      </c>
      <c r="CJ16" s="327">
        <v>1142305</v>
      </c>
      <c r="CK16" s="328">
        <v>17759691</v>
      </c>
      <c r="CL16" s="330">
        <v>18012681</v>
      </c>
      <c r="CM16" s="326">
        <v>0</v>
      </c>
      <c r="CN16" s="327">
        <v>0</v>
      </c>
      <c r="CO16" s="328">
        <v>0</v>
      </c>
      <c r="CP16" s="332">
        <v>0</v>
      </c>
      <c r="CQ16" s="327">
        <v>5917346</v>
      </c>
      <c r="CR16" s="327">
        <v>4410464</v>
      </c>
      <c r="CS16" s="327">
        <v>2117165</v>
      </c>
      <c r="CT16" s="327">
        <v>1471183</v>
      </c>
      <c r="CU16" s="327">
        <v>928152</v>
      </c>
      <c r="CV16" s="328">
        <v>14844310</v>
      </c>
      <c r="CW16" s="330">
        <v>14844310</v>
      </c>
      <c r="CX16" s="326">
        <v>61443</v>
      </c>
      <c r="CY16" s="327">
        <v>191547</v>
      </c>
      <c r="CZ16" s="328">
        <v>252990</v>
      </c>
      <c r="DA16" s="326">
        <v>0</v>
      </c>
      <c r="DB16" s="327">
        <v>1130178</v>
      </c>
      <c r="DC16" s="327">
        <v>636146</v>
      </c>
      <c r="DD16" s="327">
        <v>585466</v>
      </c>
      <c r="DE16" s="327">
        <v>349438</v>
      </c>
      <c r="DF16" s="327">
        <v>214153</v>
      </c>
      <c r="DG16" s="328">
        <v>2915381</v>
      </c>
      <c r="DH16" s="330">
        <v>3168371</v>
      </c>
      <c r="DI16" s="326">
        <v>0</v>
      </c>
      <c r="DJ16" s="327">
        <v>307480</v>
      </c>
      <c r="DK16" s="331">
        <v>307480</v>
      </c>
      <c r="DL16" s="332">
        <v>0</v>
      </c>
      <c r="DM16" s="327">
        <v>939450</v>
      </c>
      <c r="DN16" s="327">
        <v>893564</v>
      </c>
      <c r="DO16" s="327">
        <v>1110606</v>
      </c>
      <c r="DP16" s="327">
        <v>1158442</v>
      </c>
      <c r="DQ16" s="327">
        <v>568699</v>
      </c>
      <c r="DR16" s="328">
        <v>4670761</v>
      </c>
      <c r="DS16" s="330">
        <v>4978241</v>
      </c>
      <c r="DT16" s="326">
        <v>0</v>
      </c>
      <c r="DU16" s="327">
        <v>263495</v>
      </c>
      <c r="DV16" s="328">
        <v>263495</v>
      </c>
      <c r="DW16" s="326">
        <v>0</v>
      </c>
      <c r="DX16" s="327">
        <v>929506</v>
      </c>
      <c r="DY16" s="327">
        <v>843284</v>
      </c>
      <c r="DZ16" s="327">
        <v>833939</v>
      </c>
      <c r="EA16" s="327">
        <v>1158442</v>
      </c>
      <c r="EB16" s="327">
        <v>568699</v>
      </c>
      <c r="EC16" s="328">
        <v>4333870</v>
      </c>
      <c r="ED16" s="330">
        <v>4597365</v>
      </c>
      <c r="EE16" s="326">
        <v>0</v>
      </c>
      <c r="EF16" s="331">
        <v>43985</v>
      </c>
      <c r="EG16" s="328">
        <v>43985</v>
      </c>
      <c r="EH16" s="326">
        <v>0</v>
      </c>
      <c r="EI16" s="327">
        <v>9944</v>
      </c>
      <c r="EJ16" s="327">
        <v>50280</v>
      </c>
      <c r="EK16" s="327">
        <v>276667</v>
      </c>
      <c r="EL16" s="327">
        <v>0</v>
      </c>
      <c r="EM16" s="327">
        <v>0</v>
      </c>
      <c r="EN16" s="331">
        <v>336891</v>
      </c>
      <c r="EO16" s="330">
        <v>380876</v>
      </c>
      <c r="EP16" s="326">
        <v>0</v>
      </c>
      <c r="EQ16" s="327">
        <v>0</v>
      </c>
      <c r="ER16" s="331">
        <v>0</v>
      </c>
      <c r="ES16" s="332">
        <v>0</v>
      </c>
      <c r="ET16" s="327">
        <v>0</v>
      </c>
      <c r="EU16" s="327">
        <v>0</v>
      </c>
      <c r="EV16" s="327">
        <v>0</v>
      </c>
      <c r="EW16" s="327">
        <v>0</v>
      </c>
      <c r="EX16" s="327">
        <v>0</v>
      </c>
      <c r="EY16" s="328">
        <v>0</v>
      </c>
      <c r="EZ16" s="330">
        <v>0</v>
      </c>
      <c r="FA16" s="326">
        <v>0</v>
      </c>
      <c r="FB16" s="327">
        <v>0</v>
      </c>
      <c r="FC16" s="331">
        <v>0</v>
      </c>
      <c r="FD16" s="332">
        <v>0</v>
      </c>
      <c r="FE16" s="327">
        <v>0</v>
      </c>
      <c r="FF16" s="327">
        <v>0</v>
      </c>
      <c r="FG16" s="327">
        <v>0</v>
      </c>
      <c r="FH16" s="327">
        <v>0</v>
      </c>
      <c r="FI16" s="327">
        <v>0</v>
      </c>
      <c r="FJ16" s="328">
        <v>0</v>
      </c>
      <c r="FK16" s="330">
        <v>0</v>
      </c>
      <c r="FL16" s="326">
        <v>940552</v>
      </c>
      <c r="FM16" s="327">
        <v>1025928</v>
      </c>
      <c r="FN16" s="328">
        <v>1966480</v>
      </c>
      <c r="FO16" s="326">
        <v>0</v>
      </c>
      <c r="FP16" s="327">
        <v>1112832</v>
      </c>
      <c r="FQ16" s="327">
        <v>1638040</v>
      </c>
      <c r="FR16" s="327">
        <v>1182939</v>
      </c>
      <c r="FS16" s="327">
        <v>1054088</v>
      </c>
      <c r="FT16" s="327">
        <v>708204</v>
      </c>
      <c r="FU16" s="328">
        <v>5696103</v>
      </c>
      <c r="FV16" s="330">
        <v>7662583</v>
      </c>
      <c r="FW16" s="333">
        <v>367712</v>
      </c>
      <c r="FX16" s="327">
        <v>458176</v>
      </c>
      <c r="FY16" s="331">
        <v>825888</v>
      </c>
      <c r="FZ16" s="332">
        <v>0</v>
      </c>
      <c r="GA16" s="327">
        <v>937048</v>
      </c>
      <c r="GB16" s="327">
        <v>1463000</v>
      </c>
      <c r="GC16" s="327">
        <v>970344</v>
      </c>
      <c r="GD16" s="327">
        <v>1054088</v>
      </c>
      <c r="GE16" s="327">
        <v>708204</v>
      </c>
      <c r="GF16" s="328">
        <v>5132684</v>
      </c>
      <c r="GG16" s="334">
        <v>5958572</v>
      </c>
      <c r="GH16" s="333">
        <v>31240</v>
      </c>
      <c r="GI16" s="327">
        <v>104640</v>
      </c>
      <c r="GJ16" s="331">
        <v>135880</v>
      </c>
      <c r="GK16" s="332">
        <v>0</v>
      </c>
      <c r="GL16" s="327">
        <v>56584</v>
      </c>
      <c r="GM16" s="327">
        <v>0</v>
      </c>
      <c r="GN16" s="327">
        <v>0</v>
      </c>
      <c r="GO16" s="327">
        <v>0</v>
      </c>
      <c r="GP16" s="327">
        <v>0</v>
      </c>
      <c r="GQ16" s="328">
        <v>56584</v>
      </c>
      <c r="GR16" s="330">
        <v>192464</v>
      </c>
      <c r="GS16" s="326">
        <v>541600</v>
      </c>
      <c r="GT16" s="327">
        <v>463112</v>
      </c>
      <c r="GU16" s="328">
        <v>1004712</v>
      </c>
      <c r="GV16" s="326">
        <v>0</v>
      </c>
      <c r="GW16" s="327">
        <v>119200</v>
      </c>
      <c r="GX16" s="327">
        <v>175040</v>
      </c>
      <c r="GY16" s="327">
        <v>212595</v>
      </c>
      <c r="GZ16" s="327">
        <v>0</v>
      </c>
      <c r="HA16" s="327">
        <v>0</v>
      </c>
      <c r="HB16" s="331">
        <v>506835</v>
      </c>
      <c r="HC16" s="330">
        <v>1511547</v>
      </c>
      <c r="HD16" s="326">
        <v>569891</v>
      </c>
      <c r="HE16" s="327">
        <v>300584</v>
      </c>
      <c r="HF16" s="331">
        <v>870475</v>
      </c>
      <c r="HG16" s="332">
        <v>0</v>
      </c>
      <c r="HH16" s="327">
        <v>3742205</v>
      </c>
      <c r="HI16" s="327">
        <v>4158917</v>
      </c>
      <c r="HJ16" s="327">
        <v>3417908</v>
      </c>
      <c r="HK16" s="327">
        <v>5570309</v>
      </c>
      <c r="HL16" s="327">
        <v>2731015</v>
      </c>
      <c r="HM16" s="328">
        <v>19620354</v>
      </c>
      <c r="HN16" s="329">
        <v>20490829</v>
      </c>
      <c r="HO16" s="333">
        <v>0</v>
      </c>
      <c r="HP16" s="327">
        <v>0</v>
      </c>
      <c r="HQ16" s="328">
        <v>0</v>
      </c>
      <c r="HR16" s="326">
        <v>0</v>
      </c>
      <c r="HS16" s="327">
        <v>0</v>
      </c>
      <c r="HT16" s="327">
        <v>0</v>
      </c>
      <c r="HU16" s="327">
        <v>0</v>
      </c>
      <c r="HV16" s="327">
        <v>0</v>
      </c>
      <c r="HW16" s="327">
        <v>0</v>
      </c>
      <c r="HX16" s="331">
        <v>0</v>
      </c>
      <c r="HY16" s="330">
        <v>0</v>
      </c>
      <c r="HZ16" s="358">
        <v>0</v>
      </c>
      <c r="IA16" s="356">
        <v>83284</v>
      </c>
      <c r="IB16" s="358">
        <v>83284</v>
      </c>
      <c r="IC16" s="355">
        <v>0</v>
      </c>
      <c r="ID16" s="356">
        <v>5294923</v>
      </c>
      <c r="IE16" s="357">
        <v>3600526</v>
      </c>
      <c r="IF16" s="358">
        <v>4350210</v>
      </c>
      <c r="IG16" s="356">
        <v>4791662</v>
      </c>
      <c r="IH16" s="358">
        <v>3169696</v>
      </c>
      <c r="II16" s="359">
        <v>21207017</v>
      </c>
      <c r="IJ16" s="358">
        <v>21290301</v>
      </c>
      <c r="IK16" s="342">
        <v>0</v>
      </c>
      <c r="IL16" s="343">
        <v>0</v>
      </c>
      <c r="IM16" s="344">
        <v>0</v>
      </c>
      <c r="IN16" s="404">
        <v>0</v>
      </c>
      <c r="IO16" s="345">
        <v>73104</v>
      </c>
      <c r="IP16" s="345">
        <v>0</v>
      </c>
      <c r="IQ16" s="345">
        <v>193012</v>
      </c>
      <c r="IR16" s="345">
        <v>0</v>
      </c>
      <c r="IS16" s="345">
        <v>0</v>
      </c>
      <c r="IT16" s="346">
        <v>266116</v>
      </c>
      <c r="IU16" s="347">
        <v>266116</v>
      </c>
      <c r="IV16" s="348">
        <v>0</v>
      </c>
      <c r="IW16" s="345">
        <v>0</v>
      </c>
      <c r="IX16" s="349">
        <v>0</v>
      </c>
      <c r="IY16" s="404">
        <v>0</v>
      </c>
      <c r="IZ16" s="345">
        <v>10501</v>
      </c>
      <c r="JA16" s="345">
        <v>0</v>
      </c>
      <c r="JB16" s="345">
        <v>10501</v>
      </c>
      <c r="JC16" s="345">
        <v>0</v>
      </c>
      <c r="JD16" s="345">
        <v>0</v>
      </c>
      <c r="JE16" s="349">
        <v>21002</v>
      </c>
      <c r="JF16" s="350">
        <v>21002</v>
      </c>
      <c r="JG16" s="348">
        <v>0</v>
      </c>
      <c r="JH16" s="345">
        <v>0</v>
      </c>
      <c r="JI16" s="346">
        <v>0</v>
      </c>
      <c r="JJ16" s="351">
        <v>0</v>
      </c>
      <c r="JK16" s="345">
        <v>1556393</v>
      </c>
      <c r="JL16" s="345">
        <v>755515</v>
      </c>
      <c r="JM16" s="345">
        <v>326707</v>
      </c>
      <c r="JN16" s="345">
        <v>503343</v>
      </c>
      <c r="JO16" s="345">
        <v>308854</v>
      </c>
      <c r="JP16" s="349">
        <v>3450812</v>
      </c>
      <c r="JQ16" s="347">
        <v>3450812</v>
      </c>
      <c r="JR16" s="348">
        <v>0</v>
      </c>
      <c r="JS16" s="345">
        <v>0</v>
      </c>
      <c r="JT16" s="346">
        <v>0</v>
      </c>
      <c r="JU16" s="351">
        <v>0</v>
      </c>
      <c r="JV16" s="345">
        <v>275342</v>
      </c>
      <c r="JW16" s="345">
        <v>90695</v>
      </c>
      <c r="JX16" s="345">
        <v>103964</v>
      </c>
      <c r="JY16" s="345">
        <v>0</v>
      </c>
      <c r="JZ16" s="345">
        <v>0</v>
      </c>
      <c r="KA16" s="349">
        <v>470001</v>
      </c>
      <c r="KB16" s="347">
        <v>470001</v>
      </c>
      <c r="KC16" s="352">
        <v>0</v>
      </c>
      <c r="KD16" s="353">
        <v>83284</v>
      </c>
      <c r="KE16" s="349">
        <v>83284</v>
      </c>
      <c r="KF16" s="351">
        <v>0</v>
      </c>
      <c r="KG16" s="345">
        <v>402169</v>
      </c>
      <c r="KH16" s="345">
        <v>168184</v>
      </c>
      <c r="KI16" s="345">
        <v>240020</v>
      </c>
      <c r="KJ16" s="345">
        <v>681436</v>
      </c>
      <c r="KK16" s="345">
        <v>0</v>
      </c>
      <c r="KL16" s="349">
        <v>1491809</v>
      </c>
      <c r="KM16" s="354">
        <v>1575093</v>
      </c>
      <c r="KN16" s="342">
        <v>0</v>
      </c>
      <c r="KO16" s="343">
        <v>0</v>
      </c>
      <c r="KP16" s="344">
        <v>0</v>
      </c>
      <c r="KQ16" s="404">
        <v>0</v>
      </c>
      <c r="KR16" s="345">
        <v>1761043</v>
      </c>
      <c r="KS16" s="345">
        <v>1610565</v>
      </c>
      <c r="KT16" s="345">
        <v>2398923</v>
      </c>
      <c r="KU16" s="345">
        <v>1088896</v>
      </c>
      <c r="KV16" s="345">
        <v>1351813</v>
      </c>
      <c r="KW16" s="349">
        <v>8211240</v>
      </c>
      <c r="KX16" s="347">
        <v>8211240</v>
      </c>
      <c r="KY16" s="348">
        <v>0</v>
      </c>
      <c r="KZ16" s="345">
        <v>0</v>
      </c>
      <c r="LA16" s="349">
        <v>0</v>
      </c>
      <c r="LB16" s="404">
        <v>0</v>
      </c>
      <c r="LC16" s="345">
        <v>730030</v>
      </c>
      <c r="LD16" s="345">
        <v>168454</v>
      </c>
      <c r="LE16" s="345">
        <v>202502</v>
      </c>
      <c r="LF16" s="345">
        <v>221567</v>
      </c>
      <c r="LG16" s="345">
        <v>242099</v>
      </c>
      <c r="LH16" s="349">
        <v>1564652</v>
      </c>
      <c r="LI16" s="350">
        <v>1564652</v>
      </c>
      <c r="LJ16" s="348">
        <v>0</v>
      </c>
      <c r="LK16" s="345">
        <v>0</v>
      </c>
      <c r="LL16" s="349">
        <v>0</v>
      </c>
      <c r="LM16" s="404">
        <v>0</v>
      </c>
      <c r="LN16" s="345">
        <v>0</v>
      </c>
      <c r="LO16" s="345">
        <v>221685</v>
      </c>
      <c r="LP16" s="345">
        <v>275396</v>
      </c>
      <c r="LQ16" s="345">
        <v>795558</v>
      </c>
      <c r="LR16" s="345">
        <v>1176150</v>
      </c>
      <c r="LS16" s="349">
        <v>2468789</v>
      </c>
      <c r="LT16" s="347">
        <v>2468789</v>
      </c>
      <c r="LU16" s="348">
        <v>0</v>
      </c>
      <c r="LV16" s="345">
        <v>0</v>
      </c>
      <c r="LW16" s="349">
        <v>0</v>
      </c>
      <c r="LX16" s="404">
        <v>0</v>
      </c>
      <c r="LY16" s="345">
        <v>486341</v>
      </c>
      <c r="LZ16" s="345">
        <v>585428</v>
      </c>
      <c r="MA16" s="345">
        <v>599185</v>
      </c>
      <c r="MB16" s="345">
        <v>1500862</v>
      </c>
      <c r="MC16" s="345">
        <v>90780</v>
      </c>
      <c r="MD16" s="349">
        <v>3262596</v>
      </c>
      <c r="ME16" s="350">
        <v>3262596</v>
      </c>
      <c r="MF16" s="348">
        <v>0</v>
      </c>
      <c r="MG16" s="345">
        <v>0</v>
      </c>
      <c r="MH16" s="349">
        <v>0</v>
      </c>
      <c r="MI16" s="404">
        <v>0</v>
      </c>
      <c r="MJ16" s="345">
        <v>957787</v>
      </c>
      <c r="MK16" s="345">
        <v>1071873</v>
      </c>
      <c r="ML16" s="345">
        <v>5114379</v>
      </c>
      <c r="MM16" s="345">
        <v>10368909</v>
      </c>
      <c r="MN16" s="345">
        <v>6024737</v>
      </c>
      <c r="MO16" s="349">
        <v>23537685</v>
      </c>
      <c r="MP16" s="354">
        <v>23537685</v>
      </c>
      <c r="MQ16" s="348">
        <v>0</v>
      </c>
      <c r="MR16" s="345">
        <v>0</v>
      </c>
      <c r="MS16" s="349">
        <v>0</v>
      </c>
      <c r="MT16" s="404">
        <v>0</v>
      </c>
      <c r="MU16" s="345">
        <v>221069</v>
      </c>
      <c r="MV16" s="345">
        <v>0</v>
      </c>
      <c r="MW16" s="345">
        <v>3658120</v>
      </c>
      <c r="MX16" s="345">
        <v>8534063</v>
      </c>
      <c r="MY16" s="345">
        <v>3736137</v>
      </c>
      <c r="MZ16" s="349">
        <v>16149389</v>
      </c>
      <c r="NA16" s="354">
        <v>16149389</v>
      </c>
      <c r="NB16" s="348">
        <v>0</v>
      </c>
      <c r="NC16" s="345">
        <v>0</v>
      </c>
      <c r="ND16" s="349">
        <v>0</v>
      </c>
      <c r="NE16" s="404">
        <v>0</v>
      </c>
      <c r="NF16" s="345">
        <v>736718</v>
      </c>
      <c r="NG16" s="345">
        <v>1071873</v>
      </c>
      <c r="NH16" s="345">
        <v>1456259</v>
      </c>
      <c r="NI16" s="345">
        <v>1477711</v>
      </c>
      <c r="NJ16" s="345">
        <v>1896282</v>
      </c>
      <c r="NK16" s="349">
        <v>6638843</v>
      </c>
      <c r="NL16" s="347">
        <v>6638843</v>
      </c>
      <c r="NM16" s="348">
        <v>0</v>
      </c>
      <c r="NN16" s="345">
        <v>0</v>
      </c>
      <c r="NO16" s="349">
        <v>0</v>
      </c>
      <c r="NP16" s="404">
        <v>0</v>
      </c>
      <c r="NQ16" s="345">
        <v>0</v>
      </c>
      <c r="NR16" s="345">
        <v>0</v>
      </c>
      <c r="NS16" s="345">
        <v>0</v>
      </c>
      <c r="NT16" s="345">
        <v>0</v>
      </c>
      <c r="NU16" s="345">
        <v>0</v>
      </c>
      <c r="NV16" s="349">
        <v>0</v>
      </c>
      <c r="NW16" s="350">
        <v>0</v>
      </c>
      <c r="NX16" s="348">
        <v>0</v>
      </c>
      <c r="NY16" s="345">
        <v>0</v>
      </c>
      <c r="NZ16" s="349">
        <v>0</v>
      </c>
      <c r="OA16" s="404">
        <v>0</v>
      </c>
      <c r="OB16" s="345">
        <v>0</v>
      </c>
      <c r="OC16" s="345">
        <v>0</v>
      </c>
      <c r="OD16" s="345">
        <v>0</v>
      </c>
      <c r="OE16" s="345">
        <v>357135</v>
      </c>
      <c r="OF16" s="345">
        <v>392318</v>
      </c>
      <c r="OG16" s="349">
        <v>749453</v>
      </c>
      <c r="OH16" s="350">
        <v>749453</v>
      </c>
      <c r="OI16" s="348">
        <v>2229215</v>
      </c>
      <c r="OJ16" s="345">
        <v>2642432</v>
      </c>
      <c r="OK16" s="346">
        <v>4871647</v>
      </c>
      <c r="OL16" s="351">
        <v>0</v>
      </c>
      <c r="OM16" s="345">
        <v>26203933</v>
      </c>
      <c r="ON16" s="345">
        <v>21536012</v>
      </c>
      <c r="OO16" s="345">
        <v>22173430</v>
      </c>
      <c r="OP16" s="345">
        <v>32300729</v>
      </c>
      <c r="OQ16" s="345">
        <v>19801741</v>
      </c>
      <c r="OR16" s="349">
        <v>122015845</v>
      </c>
      <c r="OS16" s="354">
        <v>126887492</v>
      </c>
    </row>
    <row r="17" spans="2:409" s="70" customFormat="1" ht="21" customHeight="1" x14ac:dyDescent="0.2">
      <c r="B17" s="410" t="s">
        <v>11</v>
      </c>
      <c r="C17" s="326">
        <v>602399</v>
      </c>
      <c r="D17" s="327">
        <v>867158</v>
      </c>
      <c r="E17" s="365">
        <v>1469557</v>
      </c>
      <c r="F17" s="332">
        <v>0</v>
      </c>
      <c r="G17" s="327">
        <v>8836860</v>
      </c>
      <c r="H17" s="327">
        <v>8215895</v>
      </c>
      <c r="I17" s="327">
        <v>7688901</v>
      </c>
      <c r="J17" s="327">
        <v>8762551</v>
      </c>
      <c r="K17" s="327">
        <v>3130715</v>
      </c>
      <c r="L17" s="329">
        <v>36634922</v>
      </c>
      <c r="M17" s="330">
        <v>38104479</v>
      </c>
      <c r="N17" s="326">
        <v>99290</v>
      </c>
      <c r="O17" s="327">
        <v>158876</v>
      </c>
      <c r="P17" s="328">
        <v>258166</v>
      </c>
      <c r="Q17" s="326">
        <v>0</v>
      </c>
      <c r="R17" s="327">
        <v>2107260</v>
      </c>
      <c r="S17" s="327">
        <v>2080513</v>
      </c>
      <c r="T17" s="327">
        <v>1501431</v>
      </c>
      <c r="U17" s="327">
        <v>3712284</v>
      </c>
      <c r="V17" s="327">
        <v>1351340</v>
      </c>
      <c r="W17" s="328">
        <v>10752828</v>
      </c>
      <c r="X17" s="330">
        <v>11010994</v>
      </c>
      <c r="Y17" s="326">
        <v>0</v>
      </c>
      <c r="Z17" s="327">
        <v>0</v>
      </c>
      <c r="AA17" s="328">
        <v>0</v>
      </c>
      <c r="AB17" s="326">
        <v>0</v>
      </c>
      <c r="AC17" s="327">
        <v>1072189</v>
      </c>
      <c r="AD17" s="327">
        <v>679901</v>
      </c>
      <c r="AE17" s="327">
        <v>534135</v>
      </c>
      <c r="AF17" s="327">
        <v>1953551</v>
      </c>
      <c r="AG17" s="327">
        <v>553621</v>
      </c>
      <c r="AH17" s="328">
        <v>4793397</v>
      </c>
      <c r="AI17" s="330">
        <v>4793397</v>
      </c>
      <c r="AJ17" s="326">
        <v>0</v>
      </c>
      <c r="AK17" s="327">
        <v>0</v>
      </c>
      <c r="AL17" s="328">
        <v>0</v>
      </c>
      <c r="AM17" s="326">
        <v>0</v>
      </c>
      <c r="AN17" s="327">
        <v>0</v>
      </c>
      <c r="AO17" s="327">
        <v>106700</v>
      </c>
      <c r="AP17" s="327">
        <v>0</v>
      </c>
      <c r="AQ17" s="327">
        <v>521642</v>
      </c>
      <c r="AR17" s="327">
        <v>286559</v>
      </c>
      <c r="AS17" s="328">
        <v>914901</v>
      </c>
      <c r="AT17" s="330">
        <v>914901</v>
      </c>
      <c r="AU17" s="326">
        <v>70034</v>
      </c>
      <c r="AV17" s="327">
        <v>110472</v>
      </c>
      <c r="AW17" s="328">
        <v>180506</v>
      </c>
      <c r="AX17" s="326">
        <v>0</v>
      </c>
      <c r="AY17" s="327">
        <v>624589</v>
      </c>
      <c r="AZ17" s="327">
        <v>925103</v>
      </c>
      <c r="BA17" s="327">
        <v>567183</v>
      </c>
      <c r="BB17" s="327">
        <v>845182</v>
      </c>
      <c r="BC17" s="327">
        <v>320501</v>
      </c>
      <c r="BD17" s="328">
        <v>3282558</v>
      </c>
      <c r="BE17" s="330">
        <v>3463064</v>
      </c>
      <c r="BF17" s="326">
        <v>0</v>
      </c>
      <c r="BG17" s="327">
        <v>22260</v>
      </c>
      <c r="BH17" s="331">
        <v>22260</v>
      </c>
      <c r="BI17" s="332">
        <v>0</v>
      </c>
      <c r="BJ17" s="327">
        <v>50554</v>
      </c>
      <c r="BK17" s="327">
        <v>31209</v>
      </c>
      <c r="BL17" s="327">
        <v>110241</v>
      </c>
      <c r="BM17" s="327">
        <v>25277</v>
      </c>
      <c r="BN17" s="327">
        <v>62419</v>
      </c>
      <c r="BO17" s="328">
        <v>279700</v>
      </c>
      <c r="BP17" s="330">
        <v>301960</v>
      </c>
      <c r="BQ17" s="326">
        <v>29256</v>
      </c>
      <c r="BR17" s="327">
        <v>26144</v>
      </c>
      <c r="BS17" s="328">
        <v>55400</v>
      </c>
      <c r="BT17" s="326">
        <v>0</v>
      </c>
      <c r="BU17" s="327">
        <v>359928</v>
      </c>
      <c r="BV17" s="327">
        <v>337600</v>
      </c>
      <c r="BW17" s="327">
        <v>289872</v>
      </c>
      <c r="BX17" s="327">
        <v>366632</v>
      </c>
      <c r="BY17" s="327">
        <v>128240</v>
      </c>
      <c r="BZ17" s="328">
        <v>1482272</v>
      </c>
      <c r="CA17" s="330">
        <v>1537672</v>
      </c>
      <c r="CB17" s="326">
        <v>184330</v>
      </c>
      <c r="CC17" s="327">
        <v>294973</v>
      </c>
      <c r="CD17" s="328">
        <v>479303</v>
      </c>
      <c r="CE17" s="326">
        <v>0</v>
      </c>
      <c r="CF17" s="327">
        <v>3022251</v>
      </c>
      <c r="CG17" s="327">
        <v>2666729</v>
      </c>
      <c r="CH17" s="327">
        <v>1842608</v>
      </c>
      <c r="CI17" s="327">
        <v>1237845</v>
      </c>
      <c r="CJ17" s="327">
        <v>282528</v>
      </c>
      <c r="CK17" s="328">
        <v>9051961</v>
      </c>
      <c r="CL17" s="330">
        <v>9531264</v>
      </c>
      <c r="CM17" s="326">
        <v>0</v>
      </c>
      <c r="CN17" s="327">
        <v>0</v>
      </c>
      <c r="CO17" s="328">
        <v>0</v>
      </c>
      <c r="CP17" s="332">
        <v>0</v>
      </c>
      <c r="CQ17" s="327">
        <v>2021328</v>
      </c>
      <c r="CR17" s="327">
        <v>2059788</v>
      </c>
      <c r="CS17" s="327">
        <v>1573459</v>
      </c>
      <c r="CT17" s="327">
        <v>640595</v>
      </c>
      <c r="CU17" s="327">
        <v>205387</v>
      </c>
      <c r="CV17" s="328">
        <v>6500557</v>
      </c>
      <c r="CW17" s="330">
        <v>6500557</v>
      </c>
      <c r="CX17" s="326">
        <v>184330</v>
      </c>
      <c r="CY17" s="327">
        <v>294973</v>
      </c>
      <c r="CZ17" s="328">
        <v>479303</v>
      </c>
      <c r="DA17" s="326">
        <v>0</v>
      </c>
      <c r="DB17" s="327">
        <v>1000923</v>
      </c>
      <c r="DC17" s="327">
        <v>606941</v>
      </c>
      <c r="DD17" s="327">
        <v>269149</v>
      </c>
      <c r="DE17" s="327">
        <v>597250</v>
      </c>
      <c r="DF17" s="327">
        <v>77141</v>
      </c>
      <c r="DG17" s="328">
        <v>2551404</v>
      </c>
      <c r="DH17" s="330">
        <v>3030707</v>
      </c>
      <c r="DI17" s="326">
        <v>0</v>
      </c>
      <c r="DJ17" s="327">
        <v>0</v>
      </c>
      <c r="DK17" s="331">
        <v>0</v>
      </c>
      <c r="DL17" s="332">
        <v>0</v>
      </c>
      <c r="DM17" s="327">
        <v>331220</v>
      </c>
      <c r="DN17" s="327">
        <v>463003</v>
      </c>
      <c r="DO17" s="327">
        <v>441721</v>
      </c>
      <c r="DP17" s="327">
        <v>375468</v>
      </c>
      <c r="DQ17" s="327">
        <v>0</v>
      </c>
      <c r="DR17" s="328">
        <v>1611412</v>
      </c>
      <c r="DS17" s="330">
        <v>1611412</v>
      </c>
      <c r="DT17" s="326">
        <v>0</v>
      </c>
      <c r="DU17" s="327">
        <v>0</v>
      </c>
      <c r="DV17" s="328">
        <v>0</v>
      </c>
      <c r="DW17" s="326">
        <v>0</v>
      </c>
      <c r="DX17" s="327">
        <v>209892</v>
      </c>
      <c r="DY17" s="327">
        <v>463003</v>
      </c>
      <c r="DZ17" s="327">
        <v>348792</v>
      </c>
      <c r="EA17" s="327">
        <v>189367</v>
      </c>
      <c r="EB17" s="327">
        <v>0</v>
      </c>
      <c r="EC17" s="328">
        <v>1211054</v>
      </c>
      <c r="ED17" s="330">
        <v>1211054</v>
      </c>
      <c r="EE17" s="326">
        <v>0</v>
      </c>
      <c r="EF17" s="331">
        <v>0</v>
      </c>
      <c r="EG17" s="328">
        <v>0</v>
      </c>
      <c r="EH17" s="326">
        <v>0</v>
      </c>
      <c r="EI17" s="327">
        <v>121328</v>
      </c>
      <c r="EJ17" s="327">
        <v>0</v>
      </c>
      <c r="EK17" s="327">
        <v>92929</v>
      </c>
      <c r="EL17" s="327">
        <v>186101</v>
      </c>
      <c r="EM17" s="327">
        <v>0</v>
      </c>
      <c r="EN17" s="331">
        <v>400358</v>
      </c>
      <c r="EO17" s="330">
        <v>400358</v>
      </c>
      <c r="EP17" s="326">
        <v>0</v>
      </c>
      <c r="EQ17" s="327">
        <v>0</v>
      </c>
      <c r="ER17" s="331">
        <v>0</v>
      </c>
      <c r="ES17" s="332">
        <v>0</v>
      </c>
      <c r="ET17" s="327">
        <v>0</v>
      </c>
      <c r="EU17" s="327">
        <v>0</v>
      </c>
      <c r="EV17" s="327">
        <v>0</v>
      </c>
      <c r="EW17" s="327">
        <v>0</v>
      </c>
      <c r="EX17" s="327">
        <v>0</v>
      </c>
      <c r="EY17" s="328">
        <v>0</v>
      </c>
      <c r="EZ17" s="330">
        <v>0</v>
      </c>
      <c r="FA17" s="326">
        <v>0</v>
      </c>
      <c r="FB17" s="327">
        <v>0</v>
      </c>
      <c r="FC17" s="331">
        <v>0</v>
      </c>
      <c r="FD17" s="332">
        <v>0</v>
      </c>
      <c r="FE17" s="327">
        <v>0</v>
      </c>
      <c r="FF17" s="327">
        <v>0</v>
      </c>
      <c r="FG17" s="327">
        <v>0</v>
      </c>
      <c r="FH17" s="327">
        <v>0</v>
      </c>
      <c r="FI17" s="327">
        <v>0</v>
      </c>
      <c r="FJ17" s="328">
        <v>0</v>
      </c>
      <c r="FK17" s="330">
        <v>0</v>
      </c>
      <c r="FL17" s="326">
        <v>265192</v>
      </c>
      <c r="FM17" s="327">
        <v>315147</v>
      </c>
      <c r="FN17" s="328">
        <v>580339</v>
      </c>
      <c r="FO17" s="326">
        <v>0</v>
      </c>
      <c r="FP17" s="327">
        <v>462984</v>
      </c>
      <c r="FQ17" s="327">
        <v>909464</v>
      </c>
      <c r="FR17" s="327">
        <v>472920</v>
      </c>
      <c r="FS17" s="327">
        <v>515400</v>
      </c>
      <c r="FT17" s="327">
        <v>209032</v>
      </c>
      <c r="FU17" s="328">
        <v>2569800</v>
      </c>
      <c r="FV17" s="330">
        <v>3150139</v>
      </c>
      <c r="FW17" s="333">
        <v>67032</v>
      </c>
      <c r="FX17" s="327">
        <v>144920</v>
      </c>
      <c r="FY17" s="331">
        <v>211952</v>
      </c>
      <c r="FZ17" s="332">
        <v>0</v>
      </c>
      <c r="GA17" s="327">
        <v>361784</v>
      </c>
      <c r="GB17" s="327">
        <v>815744</v>
      </c>
      <c r="GC17" s="327">
        <v>422144</v>
      </c>
      <c r="GD17" s="327">
        <v>515400</v>
      </c>
      <c r="GE17" s="327">
        <v>209032</v>
      </c>
      <c r="GF17" s="328">
        <v>2324104</v>
      </c>
      <c r="GG17" s="334">
        <v>2536056</v>
      </c>
      <c r="GH17" s="333">
        <v>0</v>
      </c>
      <c r="GI17" s="327">
        <v>20627</v>
      </c>
      <c r="GJ17" s="331">
        <v>20627</v>
      </c>
      <c r="GK17" s="332">
        <v>0</v>
      </c>
      <c r="GL17" s="327">
        <v>24640</v>
      </c>
      <c r="GM17" s="327">
        <v>27720</v>
      </c>
      <c r="GN17" s="327">
        <v>50776</v>
      </c>
      <c r="GO17" s="327">
        <v>0</v>
      </c>
      <c r="GP17" s="327">
        <v>0</v>
      </c>
      <c r="GQ17" s="328">
        <v>103136</v>
      </c>
      <c r="GR17" s="330">
        <v>123763</v>
      </c>
      <c r="GS17" s="326">
        <v>198160</v>
      </c>
      <c r="GT17" s="327">
        <v>149600</v>
      </c>
      <c r="GU17" s="328">
        <v>347760</v>
      </c>
      <c r="GV17" s="326">
        <v>0</v>
      </c>
      <c r="GW17" s="327">
        <v>76560</v>
      </c>
      <c r="GX17" s="327">
        <v>66000</v>
      </c>
      <c r="GY17" s="327">
        <v>0</v>
      </c>
      <c r="GZ17" s="327">
        <v>0</v>
      </c>
      <c r="HA17" s="327">
        <v>0</v>
      </c>
      <c r="HB17" s="331">
        <v>142560</v>
      </c>
      <c r="HC17" s="330">
        <v>490320</v>
      </c>
      <c r="HD17" s="326">
        <v>53587</v>
      </c>
      <c r="HE17" s="327">
        <v>98162</v>
      </c>
      <c r="HF17" s="331">
        <v>151749</v>
      </c>
      <c r="HG17" s="332">
        <v>0</v>
      </c>
      <c r="HH17" s="327">
        <v>2913145</v>
      </c>
      <c r="HI17" s="327">
        <v>2096186</v>
      </c>
      <c r="HJ17" s="327">
        <v>3430221</v>
      </c>
      <c r="HK17" s="327">
        <v>2921554</v>
      </c>
      <c r="HL17" s="327">
        <v>1287815</v>
      </c>
      <c r="HM17" s="328">
        <v>12648921</v>
      </c>
      <c r="HN17" s="329">
        <v>12800670</v>
      </c>
      <c r="HO17" s="333">
        <v>0</v>
      </c>
      <c r="HP17" s="327">
        <v>0</v>
      </c>
      <c r="HQ17" s="328">
        <v>0</v>
      </c>
      <c r="HR17" s="326">
        <v>0</v>
      </c>
      <c r="HS17" s="327">
        <v>0</v>
      </c>
      <c r="HT17" s="327">
        <v>0</v>
      </c>
      <c r="HU17" s="327">
        <v>0</v>
      </c>
      <c r="HV17" s="327">
        <v>0</v>
      </c>
      <c r="HW17" s="327">
        <v>0</v>
      </c>
      <c r="HX17" s="331">
        <v>0</v>
      </c>
      <c r="HY17" s="330">
        <v>0</v>
      </c>
      <c r="HZ17" s="335">
        <v>0</v>
      </c>
      <c r="IA17" s="336">
        <v>0</v>
      </c>
      <c r="IB17" s="337">
        <v>0</v>
      </c>
      <c r="IC17" s="338">
        <v>0</v>
      </c>
      <c r="ID17" s="336">
        <v>2197987</v>
      </c>
      <c r="IE17" s="339">
        <v>1692126</v>
      </c>
      <c r="IF17" s="337">
        <v>1821910</v>
      </c>
      <c r="IG17" s="336">
        <v>1081761</v>
      </c>
      <c r="IH17" s="337">
        <v>479277</v>
      </c>
      <c r="II17" s="340">
        <v>7273061</v>
      </c>
      <c r="IJ17" s="341">
        <v>7273061</v>
      </c>
      <c r="IK17" s="342">
        <v>0</v>
      </c>
      <c r="IL17" s="343">
        <v>0</v>
      </c>
      <c r="IM17" s="344">
        <v>0</v>
      </c>
      <c r="IN17" s="404">
        <v>0</v>
      </c>
      <c r="IO17" s="345">
        <v>162886</v>
      </c>
      <c r="IP17" s="345">
        <v>0</v>
      </c>
      <c r="IQ17" s="345">
        <v>0</v>
      </c>
      <c r="IR17" s="345">
        <v>0</v>
      </c>
      <c r="IS17" s="345">
        <v>0</v>
      </c>
      <c r="IT17" s="346">
        <v>162886</v>
      </c>
      <c r="IU17" s="347">
        <v>162886</v>
      </c>
      <c r="IV17" s="348">
        <v>0</v>
      </c>
      <c r="IW17" s="345">
        <v>0</v>
      </c>
      <c r="IX17" s="349">
        <v>0</v>
      </c>
      <c r="IY17" s="404">
        <v>0</v>
      </c>
      <c r="IZ17" s="345">
        <v>0</v>
      </c>
      <c r="JA17" s="345">
        <v>0</v>
      </c>
      <c r="JB17" s="345">
        <v>0</v>
      </c>
      <c r="JC17" s="345">
        <v>0</v>
      </c>
      <c r="JD17" s="345">
        <v>0</v>
      </c>
      <c r="JE17" s="349">
        <v>0</v>
      </c>
      <c r="JF17" s="350">
        <v>0</v>
      </c>
      <c r="JG17" s="348">
        <v>0</v>
      </c>
      <c r="JH17" s="345">
        <v>0</v>
      </c>
      <c r="JI17" s="346">
        <v>0</v>
      </c>
      <c r="JJ17" s="351">
        <v>0</v>
      </c>
      <c r="JK17" s="345">
        <v>1314828</v>
      </c>
      <c r="JL17" s="345">
        <v>379735</v>
      </c>
      <c r="JM17" s="345">
        <v>366138</v>
      </c>
      <c r="JN17" s="345">
        <v>279514</v>
      </c>
      <c r="JO17" s="345">
        <v>122072</v>
      </c>
      <c r="JP17" s="349">
        <v>2462287</v>
      </c>
      <c r="JQ17" s="347">
        <v>2462287</v>
      </c>
      <c r="JR17" s="348">
        <v>0</v>
      </c>
      <c r="JS17" s="345">
        <v>0</v>
      </c>
      <c r="JT17" s="346">
        <v>0</v>
      </c>
      <c r="JU17" s="351">
        <v>0</v>
      </c>
      <c r="JV17" s="345">
        <v>95911</v>
      </c>
      <c r="JW17" s="345">
        <v>57906</v>
      </c>
      <c r="JX17" s="345">
        <v>273969</v>
      </c>
      <c r="JY17" s="345">
        <v>0</v>
      </c>
      <c r="JZ17" s="345">
        <v>0</v>
      </c>
      <c r="KA17" s="349">
        <v>427786</v>
      </c>
      <c r="KB17" s="347">
        <v>427786</v>
      </c>
      <c r="KC17" s="352">
        <v>0</v>
      </c>
      <c r="KD17" s="353">
        <v>0</v>
      </c>
      <c r="KE17" s="349">
        <v>0</v>
      </c>
      <c r="KF17" s="351">
        <v>0</v>
      </c>
      <c r="KG17" s="345">
        <v>229592</v>
      </c>
      <c r="KH17" s="345">
        <v>177661</v>
      </c>
      <c r="KI17" s="345">
        <v>357846</v>
      </c>
      <c r="KJ17" s="345">
        <v>0</v>
      </c>
      <c r="KK17" s="345">
        <v>0</v>
      </c>
      <c r="KL17" s="349">
        <v>765099</v>
      </c>
      <c r="KM17" s="354">
        <v>765099</v>
      </c>
      <c r="KN17" s="342">
        <v>0</v>
      </c>
      <c r="KO17" s="343">
        <v>0</v>
      </c>
      <c r="KP17" s="344">
        <v>0</v>
      </c>
      <c r="KQ17" s="404">
        <v>0</v>
      </c>
      <c r="KR17" s="345">
        <v>246134</v>
      </c>
      <c r="KS17" s="345">
        <v>880012</v>
      </c>
      <c r="KT17" s="345">
        <v>267712</v>
      </c>
      <c r="KU17" s="345">
        <v>802247</v>
      </c>
      <c r="KV17" s="345">
        <v>0</v>
      </c>
      <c r="KW17" s="349">
        <v>2196105</v>
      </c>
      <c r="KX17" s="347">
        <v>2196105</v>
      </c>
      <c r="KY17" s="348">
        <v>0</v>
      </c>
      <c r="KZ17" s="345">
        <v>0</v>
      </c>
      <c r="LA17" s="349">
        <v>0</v>
      </c>
      <c r="LB17" s="404">
        <v>0</v>
      </c>
      <c r="LC17" s="345">
        <v>0</v>
      </c>
      <c r="LD17" s="345">
        <v>0</v>
      </c>
      <c r="LE17" s="345">
        <v>0</v>
      </c>
      <c r="LF17" s="345">
        <v>0</v>
      </c>
      <c r="LG17" s="345">
        <v>0</v>
      </c>
      <c r="LH17" s="349">
        <v>0</v>
      </c>
      <c r="LI17" s="350">
        <v>0</v>
      </c>
      <c r="LJ17" s="348">
        <v>0</v>
      </c>
      <c r="LK17" s="345">
        <v>0</v>
      </c>
      <c r="LL17" s="349">
        <v>0</v>
      </c>
      <c r="LM17" s="404">
        <v>0</v>
      </c>
      <c r="LN17" s="345">
        <v>0</v>
      </c>
      <c r="LO17" s="345">
        <v>0</v>
      </c>
      <c r="LP17" s="345">
        <v>0</v>
      </c>
      <c r="LQ17" s="345">
        <v>0</v>
      </c>
      <c r="LR17" s="345">
        <v>0</v>
      </c>
      <c r="LS17" s="349">
        <v>0</v>
      </c>
      <c r="LT17" s="347">
        <v>0</v>
      </c>
      <c r="LU17" s="348">
        <v>0</v>
      </c>
      <c r="LV17" s="345">
        <v>0</v>
      </c>
      <c r="LW17" s="349">
        <v>0</v>
      </c>
      <c r="LX17" s="404">
        <v>0</v>
      </c>
      <c r="LY17" s="345">
        <v>148636</v>
      </c>
      <c r="LZ17" s="345">
        <v>196812</v>
      </c>
      <c r="MA17" s="345">
        <v>556245</v>
      </c>
      <c r="MB17" s="345">
        <v>0</v>
      </c>
      <c r="MC17" s="345">
        <v>357205</v>
      </c>
      <c r="MD17" s="349">
        <v>1258898</v>
      </c>
      <c r="ME17" s="350">
        <v>1258898</v>
      </c>
      <c r="MF17" s="348">
        <v>0</v>
      </c>
      <c r="MG17" s="345">
        <v>0</v>
      </c>
      <c r="MH17" s="349">
        <v>0</v>
      </c>
      <c r="MI17" s="404">
        <v>0</v>
      </c>
      <c r="MJ17" s="345">
        <v>348897</v>
      </c>
      <c r="MK17" s="345">
        <v>630367</v>
      </c>
      <c r="ML17" s="345">
        <v>3551938</v>
      </c>
      <c r="MM17" s="345">
        <v>4268302</v>
      </c>
      <c r="MN17" s="345">
        <v>2951191</v>
      </c>
      <c r="MO17" s="349">
        <v>11750695</v>
      </c>
      <c r="MP17" s="354">
        <v>11750695</v>
      </c>
      <c r="MQ17" s="348">
        <v>0</v>
      </c>
      <c r="MR17" s="345">
        <v>0</v>
      </c>
      <c r="MS17" s="349">
        <v>0</v>
      </c>
      <c r="MT17" s="404">
        <v>0</v>
      </c>
      <c r="MU17" s="345">
        <v>51516</v>
      </c>
      <c r="MV17" s="345">
        <v>0</v>
      </c>
      <c r="MW17" s="345">
        <v>953196</v>
      </c>
      <c r="MX17" s="345">
        <v>3355276</v>
      </c>
      <c r="MY17" s="345">
        <v>1330017</v>
      </c>
      <c r="MZ17" s="349">
        <v>5690005</v>
      </c>
      <c r="NA17" s="354">
        <v>5690005</v>
      </c>
      <c r="NB17" s="348">
        <v>0</v>
      </c>
      <c r="NC17" s="345">
        <v>0</v>
      </c>
      <c r="ND17" s="349">
        <v>0</v>
      </c>
      <c r="NE17" s="404">
        <v>0</v>
      </c>
      <c r="NF17" s="345">
        <v>297381</v>
      </c>
      <c r="NG17" s="345">
        <v>551051</v>
      </c>
      <c r="NH17" s="345">
        <v>2598742</v>
      </c>
      <c r="NI17" s="345">
        <v>581344</v>
      </c>
      <c r="NJ17" s="345">
        <v>1621174</v>
      </c>
      <c r="NK17" s="349">
        <v>5649692</v>
      </c>
      <c r="NL17" s="347">
        <v>5649692</v>
      </c>
      <c r="NM17" s="348">
        <v>0</v>
      </c>
      <c r="NN17" s="345">
        <v>0</v>
      </c>
      <c r="NO17" s="349">
        <v>0</v>
      </c>
      <c r="NP17" s="404">
        <v>0</v>
      </c>
      <c r="NQ17" s="345">
        <v>0</v>
      </c>
      <c r="NR17" s="345">
        <v>0</v>
      </c>
      <c r="NS17" s="345">
        <v>0</v>
      </c>
      <c r="NT17" s="345">
        <v>0</v>
      </c>
      <c r="NU17" s="345">
        <v>0</v>
      </c>
      <c r="NV17" s="349">
        <v>0</v>
      </c>
      <c r="NW17" s="350">
        <v>0</v>
      </c>
      <c r="NX17" s="348">
        <v>0</v>
      </c>
      <c r="NY17" s="345">
        <v>0</v>
      </c>
      <c r="NZ17" s="349">
        <v>0</v>
      </c>
      <c r="OA17" s="404">
        <v>0</v>
      </c>
      <c r="OB17" s="345">
        <v>0</v>
      </c>
      <c r="OC17" s="345">
        <v>79316</v>
      </c>
      <c r="OD17" s="345">
        <v>0</v>
      </c>
      <c r="OE17" s="345">
        <v>331682</v>
      </c>
      <c r="OF17" s="345">
        <v>0</v>
      </c>
      <c r="OG17" s="349">
        <v>410998</v>
      </c>
      <c r="OH17" s="350">
        <v>410998</v>
      </c>
      <c r="OI17" s="348">
        <v>602399</v>
      </c>
      <c r="OJ17" s="345">
        <v>867158</v>
      </c>
      <c r="OK17" s="346">
        <v>1469557</v>
      </c>
      <c r="OL17" s="351">
        <v>0</v>
      </c>
      <c r="OM17" s="345">
        <v>11383744</v>
      </c>
      <c r="ON17" s="345">
        <v>10538388</v>
      </c>
      <c r="OO17" s="345">
        <v>13062749</v>
      </c>
      <c r="OP17" s="345">
        <v>14112614</v>
      </c>
      <c r="OQ17" s="345">
        <v>6561183</v>
      </c>
      <c r="OR17" s="349">
        <v>55658678</v>
      </c>
      <c r="OS17" s="354">
        <v>57128235</v>
      </c>
    </row>
    <row r="18" spans="2:409" s="70" customFormat="1" ht="21" customHeight="1" x14ac:dyDescent="0.2">
      <c r="B18" s="410" t="s">
        <v>12</v>
      </c>
      <c r="C18" s="326">
        <v>1018211</v>
      </c>
      <c r="D18" s="327">
        <v>2948360</v>
      </c>
      <c r="E18" s="328">
        <v>3966571</v>
      </c>
      <c r="F18" s="329">
        <v>0</v>
      </c>
      <c r="G18" s="327">
        <v>8154447</v>
      </c>
      <c r="H18" s="366">
        <v>15418691</v>
      </c>
      <c r="I18" s="366">
        <v>9460451</v>
      </c>
      <c r="J18" s="366">
        <v>9580770</v>
      </c>
      <c r="K18" s="366">
        <v>4991506</v>
      </c>
      <c r="L18" s="331">
        <v>47605865</v>
      </c>
      <c r="M18" s="330">
        <v>51572436</v>
      </c>
      <c r="N18" s="326">
        <v>307500</v>
      </c>
      <c r="O18" s="327">
        <v>989795</v>
      </c>
      <c r="P18" s="328">
        <v>1297295</v>
      </c>
      <c r="Q18" s="326">
        <v>0</v>
      </c>
      <c r="R18" s="327">
        <v>2074763</v>
      </c>
      <c r="S18" s="327">
        <v>5569228</v>
      </c>
      <c r="T18" s="327">
        <v>3031586</v>
      </c>
      <c r="U18" s="327">
        <v>3857191</v>
      </c>
      <c r="V18" s="327">
        <v>2193772</v>
      </c>
      <c r="W18" s="328">
        <v>16726540</v>
      </c>
      <c r="X18" s="330">
        <v>18023835</v>
      </c>
      <c r="Y18" s="326">
        <v>0</v>
      </c>
      <c r="Z18" s="327">
        <v>0</v>
      </c>
      <c r="AA18" s="328">
        <v>0</v>
      </c>
      <c r="AB18" s="326">
        <v>0</v>
      </c>
      <c r="AC18" s="327">
        <v>1025301</v>
      </c>
      <c r="AD18" s="327">
        <v>2908274</v>
      </c>
      <c r="AE18" s="327">
        <v>1552663</v>
      </c>
      <c r="AF18" s="327">
        <v>2548970</v>
      </c>
      <c r="AG18" s="327">
        <v>1294984</v>
      </c>
      <c r="AH18" s="328">
        <v>9330192</v>
      </c>
      <c r="AI18" s="330">
        <v>9330192</v>
      </c>
      <c r="AJ18" s="326">
        <v>0</v>
      </c>
      <c r="AK18" s="327">
        <v>0</v>
      </c>
      <c r="AL18" s="328">
        <v>0</v>
      </c>
      <c r="AM18" s="326">
        <v>0</v>
      </c>
      <c r="AN18" s="327">
        <v>0</v>
      </c>
      <c r="AO18" s="327">
        <v>59277</v>
      </c>
      <c r="AP18" s="327">
        <v>263218</v>
      </c>
      <c r="AQ18" s="327">
        <v>61151</v>
      </c>
      <c r="AR18" s="327">
        <v>201734</v>
      </c>
      <c r="AS18" s="328">
        <v>585380</v>
      </c>
      <c r="AT18" s="330">
        <v>585380</v>
      </c>
      <c r="AU18" s="326">
        <v>237604</v>
      </c>
      <c r="AV18" s="327">
        <v>813215</v>
      </c>
      <c r="AW18" s="328">
        <v>1050819</v>
      </c>
      <c r="AX18" s="326">
        <v>0</v>
      </c>
      <c r="AY18" s="327">
        <v>703262</v>
      </c>
      <c r="AZ18" s="327">
        <v>1928243</v>
      </c>
      <c r="BA18" s="327">
        <v>744725</v>
      </c>
      <c r="BB18" s="327">
        <v>627839</v>
      </c>
      <c r="BC18" s="327">
        <v>434574</v>
      </c>
      <c r="BD18" s="328">
        <v>4438643</v>
      </c>
      <c r="BE18" s="330">
        <v>5489462</v>
      </c>
      <c r="BF18" s="326">
        <v>0</v>
      </c>
      <c r="BG18" s="327">
        <v>20412</v>
      </c>
      <c r="BH18" s="331">
        <v>20412</v>
      </c>
      <c r="BI18" s="332">
        <v>0</v>
      </c>
      <c r="BJ18" s="327">
        <v>0</v>
      </c>
      <c r="BK18" s="327">
        <v>138666</v>
      </c>
      <c r="BL18" s="327">
        <v>80348</v>
      </c>
      <c r="BM18" s="327">
        <v>47279</v>
      </c>
      <c r="BN18" s="327">
        <v>0</v>
      </c>
      <c r="BO18" s="328">
        <v>266293</v>
      </c>
      <c r="BP18" s="330">
        <v>286705</v>
      </c>
      <c r="BQ18" s="326">
        <v>69896</v>
      </c>
      <c r="BR18" s="327">
        <v>156168</v>
      </c>
      <c r="BS18" s="328">
        <v>226064</v>
      </c>
      <c r="BT18" s="326">
        <v>0</v>
      </c>
      <c r="BU18" s="327">
        <v>346200</v>
      </c>
      <c r="BV18" s="327">
        <v>534768</v>
      </c>
      <c r="BW18" s="327">
        <v>390632</v>
      </c>
      <c r="BX18" s="327">
        <v>571952</v>
      </c>
      <c r="BY18" s="327">
        <v>262480</v>
      </c>
      <c r="BZ18" s="328">
        <v>2106032</v>
      </c>
      <c r="CA18" s="330">
        <v>2332096</v>
      </c>
      <c r="CB18" s="326">
        <v>264094</v>
      </c>
      <c r="CC18" s="327">
        <v>633669</v>
      </c>
      <c r="CD18" s="328">
        <v>897763</v>
      </c>
      <c r="CE18" s="326">
        <v>0</v>
      </c>
      <c r="CF18" s="327">
        <v>2962215</v>
      </c>
      <c r="CG18" s="327">
        <v>4464493</v>
      </c>
      <c r="CH18" s="327">
        <v>3276030</v>
      </c>
      <c r="CI18" s="327">
        <v>1485421</v>
      </c>
      <c r="CJ18" s="327">
        <v>190734</v>
      </c>
      <c r="CK18" s="328">
        <v>12378893</v>
      </c>
      <c r="CL18" s="330">
        <v>13276656</v>
      </c>
      <c r="CM18" s="326">
        <v>0</v>
      </c>
      <c r="CN18" s="327">
        <v>0</v>
      </c>
      <c r="CO18" s="328">
        <v>0</v>
      </c>
      <c r="CP18" s="332">
        <v>0</v>
      </c>
      <c r="CQ18" s="327">
        <v>2626723</v>
      </c>
      <c r="CR18" s="327">
        <v>3041651</v>
      </c>
      <c r="CS18" s="327">
        <v>2441619</v>
      </c>
      <c r="CT18" s="327">
        <v>1104821</v>
      </c>
      <c r="CU18" s="327">
        <v>154350</v>
      </c>
      <c r="CV18" s="328">
        <v>9369164</v>
      </c>
      <c r="CW18" s="330">
        <v>9369164</v>
      </c>
      <c r="CX18" s="326">
        <v>264094</v>
      </c>
      <c r="CY18" s="327">
        <v>633669</v>
      </c>
      <c r="CZ18" s="328">
        <v>897763</v>
      </c>
      <c r="DA18" s="326">
        <v>0</v>
      </c>
      <c r="DB18" s="327">
        <v>335492</v>
      </c>
      <c r="DC18" s="327">
        <v>1422842</v>
      </c>
      <c r="DD18" s="327">
        <v>834411</v>
      </c>
      <c r="DE18" s="327">
        <v>380600</v>
      </c>
      <c r="DF18" s="327">
        <v>36384</v>
      </c>
      <c r="DG18" s="328">
        <v>3009729</v>
      </c>
      <c r="DH18" s="330">
        <v>3907492</v>
      </c>
      <c r="DI18" s="326">
        <v>0</v>
      </c>
      <c r="DJ18" s="327">
        <v>75556</v>
      </c>
      <c r="DK18" s="331">
        <v>75556</v>
      </c>
      <c r="DL18" s="332">
        <v>0</v>
      </c>
      <c r="DM18" s="327">
        <v>235091</v>
      </c>
      <c r="DN18" s="327">
        <v>799313</v>
      </c>
      <c r="DO18" s="327">
        <v>551289</v>
      </c>
      <c r="DP18" s="327">
        <v>952611</v>
      </c>
      <c r="DQ18" s="327">
        <v>809796</v>
      </c>
      <c r="DR18" s="328">
        <v>3348100</v>
      </c>
      <c r="DS18" s="330">
        <v>3423656</v>
      </c>
      <c r="DT18" s="326">
        <v>0</v>
      </c>
      <c r="DU18" s="327">
        <v>75556</v>
      </c>
      <c r="DV18" s="328">
        <v>75556</v>
      </c>
      <c r="DW18" s="326">
        <v>0</v>
      </c>
      <c r="DX18" s="327">
        <v>184029</v>
      </c>
      <c r="DY18" s="327">
        <v>748050</v>
      </c>
      <c r="DZ18" s="327">
        <v>520525</v>
      </c>
      <c r="EA18" s="327">
        <v>810600</v>
      </c>
      <c r="EB18" s="327">
        <v>809796</v>
      </c>
      <c r="EC18" s="328">
        <v>3073000</v>
      </c>
      <c r="ED18" s="330">
        <v>3148556</v>
      </c>
      <c r="EE18" s="326">
        <v>0</v>
      </c>
      <c r="EF18" s="331">
        <v>0</v>
      </c>
      <c r="EG18" s="328">
        <v>0</v>
      </c>
      <c r="EH18" s="326">
        <v>0</v>
      </c>
      <c r="EI18" s="327">
        <v>51062</v>
      </c>
      <c r="EJ18" s="327">
        <v>51263</v>
      </c>
      <c r="EK18" s="327">
        <v>30764</v>
      </c>
      <c r="EL18" s="327">
        <v>142011</v>
      </c>
      <c r="EM18" s="327">
        <v>0</v>
      </c>
      <c r="EN18" s="331">
        <v>275100</v>
      </c>
      <c r="EO18" s="330">
        <v>275100</v>
      </c>
      <c r="EP18" s="326">
        <v>0</v>
      </c>
      <c r="EQ18" s="327">
        <v>0</v>
      </c>
      <c r="ER18" s="331">
        <v>0</v>
      </c>
      <c r="ES18" s="332">
        <v>0</v>
      </c>
      <c r="ET18" s="327">
        <v>0</v>
      </c>
      <c r="EU18" s="327">
        <v>0</v>
      </c>
      <c r="EV18" s="327">
        <v>0</v>
      </c>
      <c r="EW18" s="327">
        <v>0</v>
      </c>
      <c r="EX18" s="327">
        <v>0</v>
      </c>
      <c r="EY18" s="328">
        <v>0</v>
      </c>
      <c r="EZ18" s="330">
        <v>0</v>
      </c>
      <c r="FA18" s="326">
        <v>0</v>
      </c>
      <c r="FB18" s="327">
        <v>0</v>
      </c>
      <c r="FC18" s="331">
        <v>0</v>
      </c>
      <c r="FD18" s="332">
        <v>0</v>
      </c>
      <c r="FE18" s="327">
        <v>0</v>
      </c>
      <c r="FF18" s="327">
        <v>0</v>
      </c>
      <c r="FG18" s="327">
        <v>0</v>
      </c>
      <c r="FH18" s="327">
        <v>0</v>
      </c>
      <c r="FI18" s="327">
        <v>0</v>
      </c>
      <c r="FJ18" s="328">
        <v>0</v>
      </c>
      <c r="FK18" s="330">
        <v>0</v>
      </c>
      <c r="FL18" s="326">
        <v>200688</v>
      </c>
      <c r="FM18" s="327">
        <v>453512</v>
      </c>
      <c r="FN18" s="328">
        <v>654200</v>
      </c>
      <c r="FO18" s="326">
        <v>0</v>
      </c>
      <c r="FP18" s="327">
        <v>516219</v>
      </c>
      <c r="FQ18" s="327">
        <v>1235496</v>
      </c>
      <c r="FR18" s="327">
        <v>868456</v>
      </c>
      <c r="FS18" s="327">
        <v>417480</v>
      </c>
      <c r="FT18" s="327">
        <v>346368</v>
      </c>
      <c r="FU18" s="328">
        <v>3384019</v>
      </c>
      <c r="FV18" s="330">
        <v>4038219</v>
      </c>
      <c r="FW18" s="333">
        <v>128688</v>
      </c>
      <c r="FX18" s="327">
        <v>337272</v>
      </c>
      <c r="FY18" s="331">
        <v>465960</v>
      </c>
      <c r="FZ18" s="332">
        <v>0</v>
      </c>
      <c r="GA18" s="327">
        <v>248976</v>
      </c>
      <c r="GB18" s="327">
        <v>1220360</v>
      </c>
      <c r="GC18" s="327">
        <v>766056</v>
      </c>
      <c r="GD18" s="327">
        <v>330096</v>
      </c>
      <c r="GE18" s="327">
        <v>346368</v>
      </c>
      <c r="GF18" s="328">
        <v>2911856</v>
      </c>
      <c r="GG18" s="334">
        <v>3377816</v>
      </c>
      <c r="GH18" s="333">
        <v>0</v>
      </c>
      <c r="GI18" s="327">
        <v>45840</v>
      </c>
      <c r="GJ18" s="331">
        <v>45840</v>
      </c>
      <c r="GK18" s="332">
        <v>0</v>
      </c>
      <c r="GL18" s="327">
        <v>23243</v>
      </c>
      <c r="GM18" s="327">
        <v>15136</v>
      </c>
      <c r="GN18" s="327">
        <v>0</v>
      </c>
      <c r="GO18" s="327">
        <v>30184</v>
      </c>
      <c r="GP18" s="327">
        <v>0</v>
      </c>
      <c r="GQ18" s="328">
        <v>68563</v>
      </c>
      <c r="GR18" s="330">
        <v>114403</v>
      </c>
      <c r="GS18" s="326">
        <v>72000</v>
      </c>
      <c r="GT18" s="327">
        <v>70400</v>
      </c>
      <c r="GU18" s="328">
        <v>142400</v>
      </c>
      <c r="GV18" s="326">
        <v>0</v>
      </c>
      <c r="GW18" s="327">
        <v>244000</v>
      </c>
      <c r="GX18" s="327">
        <v>0</v>
      </c>
      <c r="GY18" s="327">
        <v>102400</v>
      </c>
      <c r="GZ18" s="327">
        <v>57200</v>
      </c>
      <c r="HA18" s="327">
        <v>0</v>
      </c>
      <c r="HB18" s="331">
        <v>403600</v>
      </c>
      <c r="HC18" s="330">
        <v>546000</v>
      </c>
      <c r="HD18" s="326">
        <v>245929</v>
      </c>
      <c r="HE18" s="327">
        <v>795828</v>
      </c>
      <c r="HF18" s="331">
        <v>1041757</v>
      </c>
      <c r="HG18" s="332">
        <v>0</v>
      </c>
      <c r="HH18" s="327">
        <v>2366159</v>
      </c>
      <c r="HI18" s="327">
        <v>3350161</v>
      </c>
      <c r="HJ18" s="327">
        <v>1733090</v>
      </c>
      <c r="HK18" s="327">
        <v>2868067</v>
      </c>
      <c r="HL18" s="327">
        <v>1450836</v>
      </c>
      <c r="HM18" s="328">
        <v>11768313</v>
      </c>
      <c r="HN18" s="329">
        <v>12810070</v>
      </c>
      <c r="HO18" s="333">
        <v>0</v>
      </c>
      <c r="HP18" s="327">
        <v>0</v>
      </c>
      <c r="HQ18" s="328">
        <v>0</v>
      </c>
      <c r="HR18" s="326">
        <v>0</v>
      </c>
      <c r="HS18" s="327">
        <v>0</v>
      </c>
      <c r="HT18" s="327">
        <v>0</v>
      </c>
      <c r="HU18" s="327">
        <v>0</v>
      </c>
      <c r="HV18" s="327">
        <v>0</v>
      </c>
      <c r="HW18" s="327">
        <v>0</v>
      </c>
      <c r="HX18" s="331">
        <v>0</v>
      </c>
      <c r="HY18" s="330">
        <v>0</v>
      </c>
      <c r="HZ18" s="358">
        <v>0</v>
      </c>
      <c r="IA18" s="356">
        <v>0</v>
      </c>
      <c r="IB18" s="358">
        <v>0</v>
      </c>
      <c r="IC18" s="355">
        <v>0</v>
      </c>
      <c r="ID18" s="356">
        <v>2006200</v>
      </c>
      <c r="IE18" s="357">
        <v>2143169</v>
      </c>
      <c r="IF18" s="358">
        <v>2033394</v>
      </c>
      <c r="IG18" s="356">
        <v>3257096</v>
      </c>
      <c r="IH18" s="358">
        <v>2426553</v>
      </c>
      <c r="II18" s="359">
        <v>11866412</v>
      </c>
      <c r="IJ18" s="358">
        <v>11866412</v>
      </c>
      <c r="IK18" s="342">
        <v>0</v>
      </c>
      <c r="IL18" s="343">
        <v>0</v>
      </c>
      <c r="IM18" s="344">
        <v>0</v>
      </c>
      <c r="IN18" s="404">
        <v>0</v>
      </c>
      <c r="IO18" s="345">
        <v>0</v>
      </c>
      <c r="IP18" s="345">
        <v>0</v>
      </c>
      <c r="IQ18" s="345">
        <v>0</v>
      </c>
      <c r="IR18" s="345">
        <v>0</v>
      </c>
      <c r="IS18" s="345">
        <v>0</v>
      </c>
      <c r="IT18" s="346">
        <v>0</v>
      </c>
      <c r="IU18" s="347">
        <v>0</v>
      </c>
      <c r="IV18" s="348">
        <v>0</v>
      </c>
      <c r="IW18" s="345">
        <v>0</v>
      </c>
      <c r="IX18" s="349">
        <v>0</v>
      </c>
      <c r="IY18" s="404">
        <v>0</v>
      </c>
      <c r="IZ18" s="345">
        <v>0</v>
      </c>
      <c r="JA18" s="345">
        <v>0</v>
      </c>
      <c r="JB18" s="345">
        <v>0</v>
      </c>
      <c r="JC18" s="345">
        <v>0</v>
      </c>
      <c r="JD18" s="345">
        <v>0</v>
      </c>
      <c r="JE18" s="349">
        <v>0</v>
      </c>
      <c r="JF18" s="350">
        <v>0</v>
      </c>
      <c r="JG18" s="348">
        <v>0</v>
      </c>
      <c r="JH18" s="345">
        <v>0</v>
      </c>
      <c r="JI18" s="346">
        <v>0</v>
      </c>
      <c r="JJ18" s="351">
        <v>0</v>
      </c>
      <c r="JK18" s="345">
        <v>1001726</v>
      </c>
      <c r="JL18" s="345">
        <v>1002878</v>
      </c>
      <c r="JM18" s="345">
        <v>791748</v>
      </c>
      <c r="JN18" s="345">
        <v>598972</v>
      </c>
      <c r="JO18" s="345">
        <v>316147</v>
      </c>
      <c r="JP18" s="349">
        <v>3711471</v>
      </c>
      <c r="JQ18" s="347">
        <v>3711471</v>
      </c>
      <c r="JR18" s="348">
        <v>0</v>
      </c>
      <c r="JS18" s="345">
        <v>0</v>
      </c>
      <c r="JT18" s="346">
        <v>0</v>
      </c>
      <c r="JU18" s="351">
        <v>0</v>
      </c>
      <c r="JV18" s="345">
        <v>0</v>
      </c>
      <c r="JW18" s="345">
        <v>0</v>
      </c>
      <c r="JX18" s="345">
        <v>0</v>
      </c>
      <c r="JY18" s="345">
        <v>0</v>
      </c>
      <c r="JZ18" s="345">
        <v>0</v>
      </c>
      <c r="KA18" s="349">
        <v>0</v>
      </c>
      <c r="KB18" s="347">
        <v>0</v>
      </c>
      <c r="KC18" s="352">
        <v>0</v>
      </c>
      <c r="KD18" s="353">
        <v>0</v>
      </c>
      <c r="KE18" s="349">
        <v>0</v>
      </c>
      <c r="KF18" s="351">
        <v>0</v>
      </c>
      <c r="KG18" s="345">
        <v>269048</v>
      </c>
      <c r="KH18" s="345">
        <v>358884</v>
      </c>
      <c r="KI18" s="345">
        <v>982454</v>
      </c>
      <c r="KJ18" s="345">
        <v>760197</v>
      </c>
      <c r="KK18" s="345">
        <v>1007953</v>
      </c>
      <c r="KL18" s="349">
        <v>3378536</v>
      </c>
      <c r="KM18" s="354">
        <v>3378536</v>
      </c>
      <c r="KN18" s="342">
        <v>0</v>
      </c>
      <c r="KO18" s="343">
        <v>0</v>
      </c>
      <c r="KP18" s="344">
        <v>0</v>
      </c>
      <c r="KQ18" s="404">
        <v>0</v>
      </c>
      <c r="KR18" s="345">
        <v>735426</v>
      </c>
      <c r="KS18" s="345">
        <v>0</v>
      </c>
      <c r="KT18" s="345">
        <v>259192</v>
      </c>
      <c r="KU18" s="345">
        <v>598249</v>
      </c>
      <c r="KV18" s="345">
        <v>272476</v>
      </c>
      <c r="KW18" s="349">
        <v>1865343</v>
      </c>
      <c r="KX18" s="347">
        <v>1865343</v>
      </c>
      <c r="KY18" s="348">
        <v>0</v>
      </c>
      <c r="KZ18" s="345">
        <v>0</v>
      </c>
      <c r="LA18" s="349">
        <v>0</v>
      </c>
      <c r="LB18" s="404">
        <v>0</v>
      </c>
      <c r="LC18" s="345">
        <v>0</v>
      </c>
      <c r="LD18" s="345">
        <v>575784</v>
      </c>
      <c r="LE18" s="345">
        <v>0</v>
      </c>
      <c r="LF18" s="345">
        <v>695064</v>
      </c>
      <c r="LG18" s="345">
        <v>510325</v>
      </c>
      <c r="LH18" s="349">
        <v>1781173</v>
      </c>
      <c r="LI18" s="350">
        <v>1781173</v>
      </c>
      <c r="LJ18" s="348">
        <v>0</v>
      </c>
      <c r="LK18" s="345">
        <v>0</v>
      </c>
      <c r="LL18" s="349">
        <v>0</v>
      </c>
      <c r="LM18" s="404">
        <v>0</v>
      </c>
      <c r="LN18" s="345">
        <v>0</v>
      </c>
      <c r="LO18" s="345">
        <v>0</v>
      </c>
      <c r="LP18" s="345">
        <v>0</v>
      </c>
      <c r="LQ18" s="345">
        <v>298969</v>
      </c>
      <c r="LR18" s="345">
        <v>319652</v>
      </c>
      <c r="LS18" s="349">
        <v>618621</v>
      </c>
      <c r="LT18" s="347">
        <v>618621</v>
      </c>
      <c r="LU18" s="348">
        <v>0</v>
      </c>
      <c r="LV18" s="345">
        <v>0</v>
      </c>
      <c r="LW18" s="349">
        <v>0</v>
      </c>
      <c r="LX18" s="404">
        <v>0</v>
      </c>
      <c r="LY18" s="345">
        <v>0</v>
      </c>
      <c r="LZ18" s="345">
        <v>205623</v>
      </c>
      <c r="MA18" s="345">
        <v>0</v>
      </c>
      <c r="MB18" s="345">
        <v>305645</v>
      </c>
      <c r="MC18" s="345">
        <v>0</v>
      </c>
      <c r="MD18" s="349">
        <v>511268</v>
      </c>
      <c r="ME18" s="350">
        <v>511268</v>
      </c>
      <c r="MF18" s="348">
        <v>0</v>
      </c>
      <c r="MG18" s="345">
        <v>0</v>
      </c>
      <c r="MH18" s="349">
        <v>0</v>
      </c>
      <c r="MI18" s="404">
        <v>0</v>
      </c>
      <c r="MJ18" s="345">
        <v>307978</v>
      </c>
      <c r="MK18" s="345">
        <v>1034553</v>
      </c>
      <c r="ML18" s="345">
        <v>4025857</v>
      </c>
      <c r="MM18" s="345">
        <v>4914860</v>
      </c>
      <c r="MN18" s="345">
        <v>3339814</v>
      </c>
      <c r="MO18" s="349">
        <v>13623062</v>
      </c>
      <c r="MP18" s="354">
        <v>13623062</v>
      </c>
      <c r="MQ18" s="348">
        <v>0</v>
      </c>
      <c r="MR18" s="345">
        <v>0</v>
      </c>
      <c r="MS18" s="349">
        <v>0</v>
      </c>
      <c r="MT18" s="404">
        <v>0</v>
      </c>
      <c r="MU18" s="345">
        <v>0</v>
      </c>
      <c r="MV18" s="345">
        <v>0</v>
      </c>
      <c r="MW18" s="345">
        <v>1148618</v>
      </c>
      <c r="MX18" s="345">
        <v>2638166</v>
      </c>
      <c r="MY18" s="345">
        <v>1764568</v>
      </c>
      <c r="MZ18" s="349">
        <v>5551352</v>
      </c>
      <c r="NA18" s="354">
        <v>5551352</v>
      </c>
      <c r="NB18" s="348">
        <v>0</v>
      </c>
      <c r="NC18" s="345">
        <v>0</v>
      </c>
      <c r="ND18" s="349">
        <v>0</v>
      </c>
      <c r="NE18" s="404">
        <v>0</v>
      </c>
      <c r="NF18" s="345">
        <v>307978</v>
      </c>
      <c r="NG18" s="345">
        <v>1034553</v>
      </c>
      <c r="NH18" s="345">
        <v>2877239</v>
      </c>
      <c r="NI18" s="345">
        <v>2276694</v>
      </c>
      <c r="NJ18" s="345">
        <v>1575246</v>
      </c>
      <c r="NK18" s="349">
        <v>8071710</v>
      </c>
      <c r="NL18" s="347">
        <v>8071710</v>
      </c>
      <c r="NM18" s="348">
        <v>0</v>
      </c>
      <c r="NN18" s="345">
        <v>0</v>
      </c>
      <c r="NO18" s="349">
        <v>0</v>
      </c>
      <c r="NP18" s="404">
        <v>0</v>
      </c>
      <c r="NQ18" s="345">
        <v>0</v>
      </c>
      <c r="NR18" s="345">
        <v>0</v>
      </c>
      <c r="NS18" s="345">
        <v>0</v>
      </c>
      <c r="NT18" s="345">
        <v>0</v>
      </c>
      <c r="NU18" s="345">
        <v>0</v>
      </c>
      <c r="NV18" s="349">
        <v>0</v>
      </c>
      <c r="NW18" s="350">
        <v>0</v>
      </c>
      <c r="NX18" s="348">
        <v>0</v>
      </c>
      <c r="NY18" s="345">
        <v>0</v>
      </c>
      <c r="NZ18" s="349">
        <v>0</v>
      </c>
      <c r="OA18" s="404">
        <v>0</v>
      </c>
      <c r="OB18" s="345">
        <v>0</v>
      </c>
      <c r="OC18" s="345">
        <v>0</v>
      </c>
      <c r="OD18" s="345">
        <v>0</v>
      </c>
      <c r="OE18" s="345">
        <v>0</v>
      </c>
      <c r="OF18" s="345">
        <v>0</v>
      </c>
      <c r="OG18" s="349">
        <v>0</v>
      </c>
      <c r="OH18" s="350">
        <v>0</v>
      </c>
      <c r="OI18" s="348">
        <v>1018211</v>
      </c>
      <c r="OJ18" s="345">
        <v>2948360</v>
      </c>
      <c r="OK18" s="346">
        <v>3966571</v>
      </c>
      <c r="OL18" s="351">
        <v>0</v>
      </c>
      <c r="OM18" s="345">
        <v>10468625</v>
      </c>
      <c r="ON18" s="345">
        <v>18596413</v>
      </c>
      <c r="OO18" s="345">
        <v>15519702</v>
      </c>
      <c r="OP18" s="345">
        <v>17752726</v>
      </c>
      <c r="OQ18" s="345">
        <v>10757873</v>
      </c>
      <c r="OR18" s="349">
        <v>73095339</v>
      </c>
      <c r="OS18" s="354">
        <v>77061910</v>
      </c>
    </row>
    <row r="19" spans="2:409" s="70" customFormat="1" ht="21" customHeight="1" x14ac:dyDescent="0.2">
      <c r="B19" s="410" t="s">
        <v>13</v>
      </c>
      <c r="C19" s="326">
        <v>129183</v>
      </c>
      <c r="D19" s="327">
        <v>185393</v>
      </c>
      <c r="E19" s="328">
        <v>314576</v>
      </c>
      <c r="F19" s="326">
        <v>0</v>
      </c>
      <c r="G19" s="366">
        <v>4939247</v>
      </c>
      <c r="H19" s="327">
        <v>5019391</v>
      </c>
      <c r="I19" s="327">
        <v>5121950</v>
      </c>
      <c r="J19" s="327">
        <v>6232016</v>
      </c>
      <c r="K19" s="327">
        <v>4167911</v>
      </c>
      <c r="L19" s="331">
        <v>25480515</v>
      </c>
      <c r="M19" s="330">
        <v>25795091</v>
      </c>
      <c r="N19" s="326">
        <v>34111</v>
      </c>
      <c r="O19" s="327">
        <v>29120</v>
      </c>
      <c r="P19" s="328">
        <v>63231</v>
      </c>
      <c r="Q19" s="326">
        <v>0</v>
      </c>
      <c r="R19" s="327">
        <v>1497080</v>
      </c>
      <c r="S19" s="327">
        <v>1872565</v>
      </c>
      <c r="T19" s="327">
        <v>2259774</v>
      </c>
      <c r="U19" s="327">
        <v>2189207</v>
      </c>
      <c r="V19" s="327">
        <v>2660980</v>
      </c>
      <c r="W19" s="328">
        <v>10479606</v>
      </c>
      <c r="X19" s="330">
        <v>10542837</v>
      </c>
      <c r="Y19" s="326">
        <v>0</v>
      </c>
      <c r="Z19" s="327">
        <v>0</v>
      </c>
      <c r="AA19" s="328">
        <v>0</v>
      </c>
      <c r="AB19" s="326">
        <v>0</v>
      </c>
      <c r="AC19" s="327">
        <v>409432</v>
      </c>
      <c r="AD19" s="327">
        <v>569871</v>
      </c>
      <c r="AE19" s="327">
        <v>1391278</v>
      </c>
      <c r="AF19" s="327">
        <v>1358624</v>
      </c>
      <c r="AG19" s="327">
        <v>1585609</v>
      </c>
      <c r="AH19" s="328">
        <v>5314814</v>
      </c>
      <c r="AI19" s="330">
        <v>5314814</v>
      </c>
      <c r="AJ19" s="326">
        <v>0</v>
      </c>
      <c r="AK19" s="327">
        <v>0</v>
      </c>
      <c r="AL19" s="328">
        <v>0</v>
      </c>
      <c r="AM19" s="326">
        <v>0</v>
      </c>
      <c r="AN19" s="327">
        <v>0</v>
      </c>
      <c r="AO19" s="327">
        <v>0</v>
      </c>
      <c r="AP19" s="327">
        <v>48042</v>
      </c>
      <c r="AQ19" s="327">
        <v>134518</v>
      </c>
      <c r="AR19" s="327">
        <v>206972</v>
      </c>
      <c r="AS19" s="328">
        <v>389532</v>
      </c>
      <c r="AT19" s="330">
        <v>389532</v>
      </c>
      <c r="AU19" s="326">
        <v>21055</v>
      </c>
      <c r="AV19" s="327">
        <v>14360</v>
      </c>
      <c r="AW19" s="328">
        <v>35415</v>
      </c>
      <c r="AX19" s="326">
        <v>0</v>
      </c>
      <c r="AY19" s="327">
        <v>716700</v>
      </c>
      <c r="AZ19" s="327">
        <v>979498</v>
      </c>
      <c r="BA19" s="327">
        <v>476805</v>
      </c>
      <c r="BB19" s="327">
        <v>299121</v>
      </c>
      <c r="BC19" s="327">
        <v>635151</v>
      </c>
      <c r="BD19" s="328">
        <v>3107275</v>
      </c>
      <c r="BE19" s="330">
        <v>3142690</v>
      </c>
      <c r="BF19" s="326">
        <v>0</v>
      </c>
      <c r="BG19" s="327">
        <v>0</v>
      </c>
      <c r="BH19" s="331">
        <v>0</v>
      </c>
      <c r="BI19" s="332">
        <v>0</v>
      </c>
      <c r="BJ19" s="327">
        <v>62748</v>
      </c>
      <c r="BK19" s="327">
        <v>40140</v>
      </c>
      <c r="BL19" s="327">
        <v>52905</v>
      </c>
      <c r="BM19" s="327">
        <v>0</v>
      </c>
      <c r="BN19" s="327">
        <v>0</v>
      </c>
      <c r="BO19" s="328">
        <v>155793</v>
      </c>
      <c r="BP19" s="330">
        <v>155793</v>
      </c>
      <c r="BQ19" s="326">
        <v>13056</v>
      </c>
      <c r="BR19" s="327">
        <v>14760</v>
      </c>
      <c r="BS19" s="328">
        <v>27816</v>
      </c>
      <c r="BT19" s="326">
        <v>0</v>
      </c>
      <c r="BU19" s="327">
        <v>308200</v>
      </c>
      <c r="BV19" s="327">
        <v>283056</v>
      </c>
      <c r="BW19" s="327">
        <v>290744</v>
      </c>
      <c r="BX19" s="327">
        <v>396944</v>
      </c>
      <c r="BY19" s="327">
        <v>233248</v>
      </c>
      <c r="BZ19" s="328">
        <v>1512192</v>
      </c>
      <c r="CA19" s="330">
        <v>1540008</v>
      </c>
      <c r="CB19" s="326">
        <v>0</v>
      </c>
      <c r="CC19" s="327">
        <v>40857</v>
      </c>
      <c r="CD19" s="328">
        <v>40857</v>
      </c>
      <c r="CE19" s="326">
        <v>0</v>
      </c>
      <c r="CF19" s="327">
        <v>1141822</v>
      </c>
      <c r="CG19" s="327">
        <v>945521</v>
      </c>
      <c r="CH19" s="327">
        <v>512811</v>
      </c>
      <c r="CI19" s="327">
        <v>463263</v>
      </c>
      <c r="CJ19" s="327">
        <v>182407</v>
      </c>
      <c r="CK19" s="328">
        <v>3245824</v>
      </c>
      <c r="CL19" s="330">
        <v>3286681</v>
      </c>
      <c r="CM19" s="326">
        <v>0</v>
      </c>
      <c r="CN19" s="327">
        <v>0</v>
      </c>
      <c r="CO19" s="328">
        <v>0</v>
      </c>
      <c r="CP19" s="332">
        <v>0</v>
      </c>
      <c r="CQ19" s="327">
        <v>968550</v>
      </c>
      <c r="CR19" s="327">
        <v>898723</v>
      </c>
      <c r="CS19" s="327">
        <v>466923</v>
      </c>
      <c r="CT19" s="327">
        <v>415515</v>
      </c>
      <c r="CU19" s="327">
        <v>146995</v>
      </c>
      <c r="CV19" s="328">
        <v>2896706</v>
      </c>
      <c r="CW19" s="330">
        <v>2896706</v>
      </c>
      <c r="CX19" s="326">
        <v>0</v>
      </c>
      <c r="CY19" s="327">
        <v>40857</v>
      </c>
      <c r="CZ19" s="328">
        <v>40857</v>
      </c>
      <c r="DA19" s="326">
        <v>0</v>
      </c>
      <c r="DB19" s="327">
        <v>173272</v>
      </c>
      <c r="DC19" s="327">
        <v>46798</v>
      </c>
      <c r="DD19" s="327">
        <v>45888</v>
      </c>
      <c r="DE19" s="327">
        <v>47748</v>
      </c>
      <c r="DF19" s="327">
        <v>35412</v>
      </c>
      <c r="DG19" s="328">
        <v>349118</v>
      </c>
      <c r="DH19" s="330">
        <v>389975</v>
      </c>
      <c r="DI19" s="326">
        <v>0</v>
      </c>
      <c r="DJ19" s="327">
        <v>0</v>
      </c>
      <c r="DK19" s="331">
        <v>0</v>
      </c>
      <c r="DL19" s="332">
        <v>0</v>
      </c>
      <c r="DM19" s="327">
        <v>185345</v>
      </c>
      <c r="DN19" s="327">
        <v>82216</v>
      </c>
      <c r="DO19" s="327">
        <v>367124</v>
      </c>
      <c r="DP19" s="327">
        <v>27826</v>
      </c>
      <c r="DQ19" s="327">
        <v>0</v>
      </c>
      <c r="DR19" s="328">
        <v>662511</v>
      </c>
      <c r="DS19" s="330">
        <v>662511</v>
      </c>
      <c r="DT19" s="326">
        <v>0</v>
      </c>
      <c r="DU19" s="327">
        <v>0</v>
      </c>
      <c r="DV19" s="328">
        <v>0</v>
      </c>
      <c r="DW19" s="326">
        <v>0</v>
      </c>
      <c r="DX19" s="327">
        <v>185345</v>
      </c>
      <c r="DY19" s="327">
        <v>82216</v>
      </c>
      <c r="DZ19" s="327">
        <v>326500</v>
      </c>
      <c r="EA19" s="327">
        <v>27826</v>
      </c>
      <c r="EB19" s="327">
        <v>0</v>
      </c>
      <c r="EC19" s="328">
        <v>621887</v>
      </c>
      <c r="ED19" s="330">
        <v>621887</v>
      </c>
      <c r="EE19" s="326">
        <v>0</v>
      </c>
      <c r="EF19" s="331">
        <v>0</v>
      </c>
      <c r="EG19" s="328">
        <v>0</v>
      </c>
      <c r="EH19" s="326">
        <v>0</v>
      </c>
      <c r="EI19" s="327">
        <v>0</v>
      </c>
      <c r="EJ19" s="327">
        <v>0</v>
      </c>
      <c r="EK19" s="327">
        <v>40624</v>
      </c>
      <c r="EL19" s="327">
        <v>0</v>
      </c>
      <c r="EM19" s="327">
        <v>0</v>
      </c>
      <c r="EN19" s="331">
        <v>40624</v>
      </c>
      <c r="EO19" s="330">
        <v>40624</v>
      </c>
      <c r="EP19" s="326">
        <v>0</v>
      </c>
      <c r="EQ19" s="327">
        <v>0</v>
      </c>
      <c r="ER19" s="331">
        <v>0</v>
      </c>
      <c r="ES19" s="332">
        <v>0</v>
      </c>
      <c r="ET19" s="327">
        <v>0</v>
      </c>
      <c r="EU19" s="327">
        <v>0</v>
      </c>
      <c r="EV19" s="327">
        <v>0</v>
      </c>
      <c r="EW19" s="327">
        <v>0</v>
      </c>
      <c r="EX19" s="327">
        <v>0</v>
      </c>
      <c r="EY19" s="328">
        <v>0</v>
      </c>
      <c r="EZ19" s="330">
        <v>0</v>
      </c>
      <c r="FA19" s="326">
        <v>0</v>
      </c>
      <c r="FB19" s="327">
        <v>0</v>
      </c>
      <c r="FC19" s="331">
        <v>0</v>
      </c>
      <c r="FD19" s="332">
        <v>0</v>
      </c>
      <c r="FE19" s="327">
        <v>0</v>
      </c>
      <c r="FF19" s="327">
        <v>0</v>
      </c>
      <c r="FG19" s="327">
        <v>0</v>
      </c>
      <c r="FH19" s="327">
        <v>0</v>
      </c>
      <c r="FI19" s="327">
        <v>0</v>
      </c>
      <c r="FJ19" s="328">
        <v>0</v>
      </c>
      <c r="FK19" s="330">
        <v>0</v>
      </c>
      <c r="FL19" s="326">
        <v>95072</v>
      </c>
      <c r="FM19" s="327">
        <v>15520</v>
      </c>
      <c r="FN19" s="328">
        <v>110592</v>
      </c>
      <c r="FO19" s="326">
        <v>0</v>
      </c>
      <c r="FP19" s="327">
        <v>276144</v>
      </c>
      <c r="FQ19" s="327">
        <v>661339</v>
      </c>
      <c r="FR19" s="327">
        <v>311232</v>
      </c>
      <c r="FS19" s="327">
        <v>370712</v>
      </c>
      <c r="FT19" s="327">
        <v>263920</v>
      </c>
      <c r="FU19" s="328">
        <v>1883347</v>
      </c>
      <c r="FV19" s="330">
        <v>1993939</v>
      </c>
      <c r="FW19" s="333">
        <v>39072</v>
      </c>
      <c r="FX19" s="327">
        <v>15520</v>
      </c>
      <c r="FY19" s="331">
        <v>54592</v>
      </c>
      <c r="FZ19" s="332">
        <v>0</v>
      </c>
      <c r="GA19" s="327">
        <v>136944</v>
      </c>
      <c r="GB19" s="327">
        <v>491528</v>
      </c>
      <c r="GC19" s="327">
        <v>311232</v>
      </c>
      <c r="GD19" s="327">
        <v>343912</v>
      </c>
      <c r="GE19" s="327">
        <v>241392</v>
      </c>
      <c r="GF19" s="328">
        <v>1525008</v>
      </c>
      <c r="GG19" s="334">
        <v>1579600</v>
      </c>
      <c r="GH19" s="333">
        <v>0</v>
      </c>
      <c r="GI19" s="327">
        <v>0</v>
      </c>
      <c r="GJ19" s="331">
        <v>0</v>
      </c>
      <c r="GK19" s="332">
        <v>0</v>
      </c>
      <c r="GL19" s="327">
        <v>0</v>
      </c>
      <c r="GM19" s="327">
        <v>17811</v>
      </c>
      <c r="GN19" s="327">
        <v>0</v>
      </c>
      <c r="GO19" s="327">
        <v>0</v>
      </c>
      <c r="GP19" s="327">
        <v>22528</v>
      </c>
      <c r="GQ19" s="328">
        <v>40339</v>
      </c>
      <c r="GR19" s="330">
        <v>40339</v>
      </c>
      <c r="GS19" s="326">
        <v>56000</v>
      </c>
      <c r="GT19" s="327">
        <v>0</v>
      </c>
      <c r="GU19" s="328">
        <v>56000</v>
      </c>
      <c r="GV19" s="326">
        <v>0</v>
      </c>
      <c r="GW19" s="327">
        <v>139200</v>
      </c>
      <c r="GX19" s="327">
        <v>152000</v>
      </c>
      <c r="GY19" s="327">
        <v>0</v>
      </c>
      <c r="GZ19" s="327">
        <v>26800</v>
      </c>
      <c r="HA19" s="327">
        <v>0</v>
      </c>
      <c r="HB19" s="331">
        <v>318000</v>
      </c>
      <c r="HC19" s="330">
        <v>374000</v>
      </c>
      <c r="HD19" s="326">
        <v>0</v>
      </c>
      <c r="HE19" s="327">
        <v>99896</v>
      </c>
      <c r="HF19" s="331">
        <v>99896</v>
      </c>
      <c r="HG19" s="332">
        <v>0</v>
      </c>
      <c r="HH19" s="327">
        <v>1838856</v>
      </c>
      <c r="HI19" s="327">
        <v>1457750</v>
      </c>
      <c r="HJ19" s="327">
        <v>1671009</v>
      </c>
      <c r="HK19" s="327">
        <v>3181008</v>
      </c>
      <c r="HL19" s="327">
        <v>1060604</v>
      </c>
      <c r="HM19" s="328">
        <v>9209227</v>
      </c>
      <c r="HN19" s="329">
        <v>9309123</v>
      </c>
      <c r="HO19" s="333">
        <v>0</v>
      </c>
      <c r="HP19" s="327">
        <v>0</v>
      </c>
      <c r="HQ19" s="328">
        <v>0</v>
      </c>
      <c r="HR19" s="326">
        <v>0</v>
      </c>
      <c r="HS19" s="327">
        <v>0</v>
      </c>
      <c r="HT19" s="327">
        <v>0</v>
      </c>
      <c r="HU19" s="327">
        <v>0</v>
      </c>
      <c r="HV19" s="327">
        <v>0</v>
      </c>
      <c r="HW19" s="327">
        <v>0</v>
      </c>
      <c r="HX19" s="331">
        <v>0</v>
      </c>
      <c r="HY19" s="330">
        <v>0</v>
      </c>
      <c r="HZ19" s="335">
        <v>34026</v>
      </c>
      <c r="IA19" s="336">
        <v>0</v>
      </c>
      <c r="IB19" s="337">
        <v>34026</v>
      </c>
      <c r="IC19" s="338">
        <v>0</v>
      </c>
      <c r="ID19" s="336">
        <v>641733</v>
      </c>
      <c r="IE19" s="339">
        <v>1165275</v>
      </c>
      <c r="IF19" s="337">
        <v>1249418</v>
      </c>
      <c r="IG19" s="336">
        <v>519789</v>
      </c>
      <c r="IH19" s="337">
        <v>463118</v>
      </c>
      <c r="II19" s="340">
        <v>4039333</v>
      </c>
      <c r="IJ19" s="341">
        <v>4073359</v>
      </c>
      <c r="IK19" s="342">
        <v>0</v>
      </c>
      <c r="IL19" s="343">
        <v>0</v>
      </c>
      <c r="IM19" s="344">
        <v>0</v>
      </c>
      <c r="IN19" s="404">
        <v>0</v>
      </c>
      <c r="IO19" s="345">
        <v>0</v>
      </c>
      <c r="IP19" s="345">
        <v>0</v>
      </c>
      <c r="IQ19" s="345">
        <v>0</v>
      </c>
      <c r="IR19" s="345">
        <v>0</v>
      </c>
      <c r="IS19" s="345">
        <v>0</v>
      </c>
      <c r="IT19" s="346">
        <v>0</v>
      </c>
      <c r="IU19" s="347">
        <v>0</v>
      </c>
      <c r="IV19" s="348">
        <v>0</v>
      </c>
      <c r="IW19" s="345">
        <v>0</v>
      </c>
      <c r="IX19" s="349">
        <v>0</v>
      </c>
      <c r="IY19" s="404">
        <v>0</v>
      </c>
      <c r="IZ19" s="345">
        <v>0</v>
      </c>
      <c r="JA19" s="345">
        <v>0</v>
      </c>
      <c r="JB19" s="345">
        <v>0</v>
      </c>
      <c r="JC19" s="345">
        <v>0</v>
      </c>
      <c r="JD19" s="345">
        <v>0</v>
      </c>
      <c r="JE19" s="349">
        <v>0</v>
      </c>
      <c r="JF19" s="350">
        <v>0</v>
      </c>
      <c r="JG19" s="348">
        <v>0</v>
      </c>
      <c r="JH19" s="345">
        <v>0</v>
      </c>
      <c r="JI19" s="346">
        <v>0</v>
      </c>
      <c r="JJ19" s="351">
        <v>0</v>
      </c>
      <c r="JK19" s="345">
        <v>641733</v>
      </c>
      <c r="JL19" s="345">
        <v>846910</v>
      </c>
      <c r="JM19" s="345">
        <v>424901</v>
      </c>
      <c r="JN19" s="345">
        <v>6213</v>
      </c>
      <c r="JO19" s="345">
        <v>0</v>
      </c>
      <c r="JP19" s="349">
        <v>1919757</v>
      </c>
      <c r="JQ19" s="347">
        <v>1919757</v>
      </c>
      <c r="JR19" s="348">
        <v>0</v>
      </c>
      <c r="JS19" s="345">
        <v>0</v>
      </c>
      <c r="JT19" s="346">
        <v>0</v>
      </c>
      <c r="JU19" s="351">
        <v>0</v>
      </c>
      <c r="JV19" s="345">
        <v>0</v>
      </c>
      <c r="JW19" s="345">
        <v>58416</v>
      </c>
      <c r="JX19" s="345">
        <v>96912</v>
      </c>
      <c r="JY19" s="345">
        <v>0</v>
      </c>
      <c r="JZ19" s="345">
        <v>159957</v>
      </c>
      <c r="KA19" s="349">
        <v>315285</v>
      </c>
      <c r="KB19" s="347">
        <v>315285</v>
      </c>
      <c r="KC19" s="352">
        <v>34026</v>
      </c>
      <c r="KD19" s="353">
        <v>0</v>
      </c>
      <c r="KE19" s="349">
        <v>34026</v>
      </c>
      <c r="KF19" s="351">
        <v>0</v>
      </c>
      <c r="KG19" s="345">
        <v>0</v>
      </c>
      <c r="KH19" s="345">
        <v>0</v>
      </c>
      <c r="KI19" s="345">
        <v>223441</v>
      </c>
      <c r="KJ19" s="345">
        <v>0</v>
      </c>
      <c r="KK19" s="345">
        <v>303161</v>
      </c>
      <c r="KL19" s="349">
        <v>526602</v>
      </c>
      <c r="KM19" s="354">
        <v>560628</v>
      </c>
      <c r="KN19" s="342">
        <v>0</v>
      </c>
      <c r="KO19" s="343">
        <v>0</v>
      </c>
      <c r="KP19" s="344">
        <v>0</v>
      </c>
      <c r="KQ19" s="404">
        <v>0</v>
      </c>
      <c r="KR19" s="345">
        <v>0</v>
      </c>
      <c r="KS19" s="345">
        <v>259949</v>
      </c>
      <c r="KT19" s="345">
        <v>504164</v>
      </c>
      <c r="KU19" s="345">
        <v>513576</v>
      </c>
      <c r="KV19" s="345">
        <v>0</v>
      </c>
      <c r="KW19" s="349">
        <v>1277689</v>
      </c>
      <c r="KX19" s="347">
        <v>1277689</v>
      </c>
      <c r="KY19" s="348">
        <v>0</v>
      </c>
      <c r="KZ19" s="345">
        <v>0</v>
      </c>
      <c r="LA19" s="349">
        <v>0</v>
      </c>
      <c r="LB19" s="404">
        <v>0</v>
      </c>
      <c r="LC19" s="345">
        <v>0</v>
      </c>
      <c r="LD19" s="345">
        <v>0</v>
      </c>
      <c r="LE19" s="345">
        <v>0</v>
      </c>
      <c r="LF19" s="345">
        <v>0</v>
      </c>
      <c r="LG19" s="345">
        <v>0</v>
      </c>
      <c r="LH19" s="349">
        <v>0</v>
      </c>
      <c r="LI19" s="350">
        <v>0</v>
      </c>
      <c r="LJ19" s="348">
        <v>0</v>
      </c>
      <c r="LK19" s="345">
        <v>0</v>
      </c>
      <c r="LL19" s="349">
        <v>0</v>
      </c>
      <c r="LM19" s="404">
        <v>0</v>
      </c>
      <c r="LN19" s="345">
        <v>0</v>
      </c>
      <c r="LO19" s="345">
        <v>0</v>
      </c>
      <c r="LP19" s="345">
        <v>0</v>
      </c>
      <c r="LQ19" s="345">
        <v>0</v>
      </c>
      <c r="LR19" s="345">
        <v>0</v>
      </c>
      <c r="LS19" s="349">
        <v>0</v>
      </c>
      <c r="LT19" s="347">
        <v>0</v>
      </c>
      <c r="LU19" s="348">
        <v>0</v>
      </c>
      <c r="LV19" s="345">
        <v>0</v>
      </c>
      <c r="LW19" s="349">
        <v>0</v>
      </c>
      <c r="LX19" s="404">
        <v>0</v>
      </c>
      <c r="LY19" s="345">
        <v>0</v>
      </c>
      <c r="LZ19" s="345">
        <v>0</v>
      </c>
      <c r="MA19" s="345">
        <v>0</v>
      </c>
      <c r="MB19" s="345">
        <v>0</v>
      </c>
      <c r="MC19" s="345">
        <v>0</v>
      </c>
      <c r="MD19" s="349">
        <v>0</v>
      </c>
      <c r="ME19" s="350">
        <v>0</v>
      </c>
      <c r="MF19" s="348">
        <v>0</v>
      </c>
      <c r="MG19" s="345">
        <v>0</v>
      </c>
      <c r="MH19" s="349">
        <v>0</v>
      </c>
      <c r="MI19" s="404">
        <v>0</v>
      </c>
      <c r="MJ19" s="345">
        <v>0</v>
      </c>
      <c r="MK19" s="345">
        <v>876924</v>
      </c>
      <c r="ML19" s="345">
        <v>766908</v>
      </c>
      <c r="MM19" s="345">
        <v>3817978</v>
      </c>
      <c r="MN19" s="345">
        <v>1458973</v>
      </c>
      <c r="MO19" s="349">
        <v>6920783</v>
      </c>
      <c r="MP19" s="354">
        <v>6920783</v>
      </c>
      <c r="MQ19" s="348">
        <v>0</v>
      </c>
      <c r="MR19" s="345">
        <v>0</v>
      </c>
      <c r="MS19" s="349">
        <v>0</v>
      </c>
      <c r="MT19" s="404">
        <v>0</v>
      </c>
      <c r="MU19" s="345">
        <v>0</v>
      </c>
      <c r="MV19" s="345">
        <v>216465</v>
      </c>
      <c r="MW19" s="345">
        <v>481908</v>
      </c>
      <c r="MX19" s="345">
        <v>2234951</v>
      </c>
      <c r="MY19" s="345">
        <v>1458973</v>
      </c>
      <c r="MZ19" s="349">
        <v>4392297</v>
      </c>
      <c r="NA19" s="354">
        <v>4392297</v>
      </c>
      <c r="NB19" s="348">
        <v>0</v>
      </c>
      <c r="NC19" s="345">
        <v>0</v>
      </c>
      <c r="ND19" s="349">
        <v>0</v>
      </c>
      <c r="NE19" s="404">
        <v>0</v>
      </c>
      <c r="NF19" s="345">
        <v>0</v>
      </c>
      <c r="NG19" s="345">
        <v>660459</v>
      </c>
      <c r="NH19" s="345">
        <v>285000</v>
      </c>
      <c r="NI19" s="345">
        <v>1583027</v>
      </c>
      <c r="NJ19" s="345">
        <v>0</v>
      </c>
      <c r="NK19" s="349">
        <v>2528486</v>
      </c>
      <c r="NL19" s="347">
        <v>2528486</v>
      </c>
      <c r="NM19" s="348">
        <v>0</v>
      </c>
      <c r="NN19" s="345">
        <v>0</v>
      </c>
      <c r="NO19" s="349">
        <v>0</v>
      </c>
      <c r="NP19" s="404">
        <v>0</v>
      </c>
      <c r="NQ19" s="345">
        <v>0</v>
      </c>
      <c r="NR19" s="345">
        <v>0</v>
      </c>
      <c r="NS19" s="345">
        <v>0</v>
      </c>
      <c r="NT19" s="345">
        <v>0</v>
      </c>
      <c r="NU19" s="345">
        <v>0</v>
      </c>
      <c r="NV19" s="349">
        <v>0</v>
      </c>
      <c r="NW19" s="350">
        <v>0</v>
      </c>
      <c r="NX19" s="348">
        <v>0</v>
      </c>
      <c r="NY19" s="345">
        <v>0</v>
      </c>
      <c r="NZ19" s="349">
        <v>0</v>
      </c>
      <c r="OA19" s="404">
        <v>0</v>
      </c>
      <c r="OB19" s="345">
        <v>0</v>
      </c>
      <c r="OC19" s="345">
        <v>0</v>
      </c>
      <c r="OD19" s="345">
        <v>0</v>
      </c>
      <c r="OE19" s="345">
        <v>0</v>
      </c>
      <c r="OF19" s="345">
        <v>0</v>
      </c>
      <c r="OG19" s="349">
        <v>0</v>
      </c>
      <c r="OH19" s="350">
        <v>0</v>
      </c>
      <c r="OI19" s="348">
        <v>163209</v>
      </c>
      <c r="OJ19" s="345">
        <v>185393</v>
      </c>
      <c r="OK19" s="346">
        <v>348602</v>
      </c>
      <c r="OL19" s="351">
        <v>0</v>
      </c>
      <c r="OM19" s="345">
        <v>5580980</v>
      </c>
      <c r="ON19" s="345">
        <v>7061590</v>
      </c>
      <c r="OO19" s="345">
        <v>7138276</v>
      </c>
      <c r="OP19" s="345">
        <v>10569783</v>
      </c>
      <c r="OQ19" s="345">
        <v>6090002</v>
      </c>
      <c r="OR19" s="349">
        <v>36440631</v>
      </c>
      <c r="OS19" s="354">
        <v>36789233</v>
      </c>
    </row>
    <row r="20" spans="2:409" s="70" customFormat="1" ht="21" customHeight="1" x14ac:dyDescent="0.2">
      <c r="B20" s="410" t="s">
        <v>15</v>
      </c>
      <c r="C20" s="326">
        <v>1600</v>
      </c>
      <c r="D20" s="327">
        <v>377688</v>
      </c>
      <c r="E20" s="328">
        <v>379288</v>
      </c>
      <c r="F20" s="329">
        <v>0</v>
      </c>
      <c r="G20" s="327">
        <v>1875052</v>
      </c>
      <c r="H20" s="327">
        <v>1758317</v>
      </c>
      <c r="I20" s="327">
        <v>1726402</v>
      </c>
      <c r="J20" s="327">
        <v>2973149</v>
      </c>
      <c r="K20" s="327">
        <v>776509</v>
      </c>
      <c r="L20" s="329">
        <v>9109429</v>
      </c>
      <c r="M20" s="330">
        <v>9488717</v>
      </c>
      <c r="N20" s="326">
        <v>0</v>
      </c>
      <c r="O20" s="327">
        <v>45162</v>
      </c>
      <c r="P20" s="328">
        <v>45162</v>
      </c>
      <c r="Q20" s="326">
        <v>0</v>
      </c>
      <c r="R20" s="327">
        <v>506505</v>
      </c>
      <c r="S20" s="327">
        <v>795063</v>
      </c>
      <c r="T20" s="327">
        <v>140620</v>
      </c>
      <c r="U20" s="327">
        <v>2429252</v>
      </c>
      <c r="V20" s="327">
        <v>451788</v>
      </c>
      <c r="W20" s="328">
        <v>4323228</v>
      </c>
      <c r="X20" s="330">
        <v>4368390</v>
      </c>
      <c r="Y20" s="326">
        <v>0</v>
      </c>
      <c r="Z20" s="327">
        <v>0</v>
      </c>
      <c r="AA20" s="328">
        <v>0</v>
      </c>
      <c r="AB20" s="326">
        <v>0</v>
      </c>
      <c r="AC20" s="327">
        <v>182575</v>
      </c>
      <c r="AD20" s="327">
        <v>443967</v>
      </c>
      <c r="AE20" s="327">
        <v>42926</v>
      </c>
      <c r="AF20" s="327">
        <v>2131506</v>
      </c>
      <c r="AG20" s="327">
        <v>112778</v>
      </c>
      <c r="AH20" s="328">
        <v>2913752</v>
      </c>
      <c r="AI20" s="330">
        <v>2913752</v>
      </c>
      <c r="AJ20" s="326">
        <v>0</v>
      </c>
      <c r="AK20" s="327">
        <v>0</v>
      </c>
      <c r="AL20" s="328">
        <v>0</v>
      </c>
      <c r="AM20" s="326">
        <v>0</v>
      </c>
      <c r="AN20" s="327">
        <v>0</v>
      </c>
      <c r="AO20" s="327">
        <v>0</v>
      </c>
      <c r="AP20" s="327">
        <v>0</v>
      </c>
      <c r="AQ20" s="327">
        <v>132116</v>
      </c>
      <c r="AR20" s="327">
        <v>192170</v>
      </c>
      <c r="AS20" s="328">
        <v>324286</v>
      </c>
      <c r="AT20" s="330">
        <v>324286</v>
      </c>
      <c r="AU20" s="326">
        <v>0</v>
      </c>
      <c r="AV20" s="327">
        <v>34218</v>
      </c>
      <c r="AW20" s="328">
        <v>34218</v>
      </c>
      <c r="AX20" s="326">
        <v>0</v>
      </c>
      <c r="AY20" s="327">
        <v>113739</v>
      </c>
      <c r="AZ20" s="327">
        <v>267852</v>
      </c>
      <c r="BA20" s="327">
        <v>19910</v>
      </c>
      <c r="BB20" s="327">
        <v>126286</v>
      </c>
      <c r="BC20" s="327">
        <v>144448</v>
      </c>
      <c r="BD20" s="328">
        <v>672235</v>
      </c>
      <c r="BE20" s="330">
        <v>706453</v>
      </c>
      <c r="BF20" s="326">
        <v>0</v>
      </c>
      <c r="BG20" s="327">
        <v>0</v>
      </c>
      <c r="BH20" s="331">
        <v>0</v>
      </c>
      <c r="BI20" s="332">
        <v>0</v>
      </c>
      <c r="BJ20" s="327">
        <v>62167</v>
      </c>
      <c r="BK20" s="327">
        <v>32132</v>
      </c>
      <c r="BL20" s="327">
        <v>0</v>
      </c>
      <c r="BM20" s="327">
        <v>0</v>
      </c>
      <c r="BN20" s="327">
        <v>0</v>
      </c>
      <c r="BO20" s="328">
        <v>94299</v>
      </c>
      <c r="BP20" s="330">
        <v>94299</v>
      </c>
      <c r="BQ20" s="326">
        <v>0</v>
      </c>
      <c r="BR20" s="327">
        <v>10944</v>
      </c>
      <c r="BS20" s="328">
        <v>10944</v>
      </c>
      <c r="BT20" s="326">
        <v>0</v>
      </c>
      <c r="BU20" s="327">
        <v>148024</v>
      </c>
      <c r="BV20" s="327">
        <v>51112</v>
      </c>
      <c r="BW20" s="327">
        <v>77784</v>
      </c>
      <c r="BX20" s="327">
        <v>39344</v>
      </c>
      <c r="BY20" s="327">
        <v>2392</v>
      </c>
      <c r="BZ20" s="328">
        <v>318656</v>
      </c>
      <c r="CA20" s="330">
        <v>329600</v>
      </c>
      <c r="CB20" s="326">
        <v>0</v>
      </c>
      <c r="CC20" s="327">
        <v>0</v>
      </c>
      <c r="CD20" s="328">
        <v>0</v>
      </c>
      <c r="CE20" s="326">
        <v>0</v>
      </c>
      <c r="CF20" s="327">
        <v>104706</v>
      </c>
      <c r="CG20" s="327">
        <v>410813</v>
      </c>
      <c r="CH20" s="327">
        <v>892437</v>
      </c>
      <c r="CI20" s="327">
        <v>389490</v>
      </c>
      <c r="CJ20" s="327">
        <v>0</v>
      </c>
      <c r="CK20" s="328">
        <v>1797446</v>
      </c>
      <c r="CL20" s="330">
        <v>1797446</v>
      </c>
      <c r="CM20" s="326">
        <v>0</v>
      </c>
      <c r="CN20" s="327">
        <v>0</v>
      </c>
      <c r="CO20" s="328">
        <v>0</v>
      </c>
      <c r="CP20" s="332">
        <v>0</v>
      </c>
      <c r="CQ20" s="327">
        <v>104706</v>
      </c>
      <c r="CR20" s="327">
        <v>370741</v>
      </c>
      <c r="CS20" s="327">
        <v>88737</v>
      </c>
      <c r="CT20" s="327">
        <v>293474</v>
      </c>
      <c r="CU20" s="327">
        <v>0</v>
      </c>
      <c r="CV20" s="328">
        <v>857658</v>
      </c>
      <c r="CW20" s="330">
        <v>857658</v>
      </c>
      <c r="CX20" s="326">
        <v>0</v>
      </c>
      <c r="CY20" s="327">
        <v>0</v>
      </c>
      <c r="CZ20" s="328">
        <v>0</v>
      </c>
      <c r="DA20" s="326">
        <v>0</v>
      </c>
      <c r="DB20" s="327">
        <v>0</v>
      </c>
      <c r="DC20" s="327">
        <v>40072</v>
      </c>
      <c r="DD20" s="327">
        <v>803700</v>
      </c>
      <c r="DE20" s="327">
        <v>96016</v>
      </c>
      <c r="DF20" s="327">
        <v>0</v>
      </c>
      <c r="DG20" s="328">
        <v>939788</v>
      </c>
      <c r="DH20" s="330">
        <v>939788</v>
      </c>
      <c r="DI20" s="326">
        <v>0</v>
      </c>
      <c r="DJ20" s="327">
        <v>0</v>
      </c>
      <c r="DK20" s="331">
        <v>0</v>
      </c>
      <c r="DL20" s="332">
        <v>0</v>
      </c>
      <c r="DM20" s="327">
        <v>0</v>
      </c>
      <c r="DN20" s="327">
        <v>368017</v>
      </c>
      <c r="DO20" s="327">
        <v>81193</v>
      </c>
      <c r="DP20" s="327">
        <v>46247</v>
      </c>
      <c r="DQ20" s="327">
        <v>262201</v>
      </c>
      <c r="DR20" s="328">
        <v>757658</v>
      </c>
      <c r="DS20" s="330">
        <v>757658</v>
      </c>
      <c r="DT20" s="326">
        <v>0</v>
      </c>
      <c r="DU20" s="327">
        <v>0</v>
      </c>
      <c r="DV20" s="328">
        <v>0</v>
      </c>
      <c r="DW20" s="326">
        <v>0</v>
      </c>
      <c r="DX20" s="327">
        <v>0</v>
      </c>
      <c r="DY20" s="327">
        <v>335942</v>
      </c>
      <c r="DZ20" s="327">
        <v>30973</v>
      </c>
      <c r="EA20" s="327">
        <v>46247</v>
      </c>
      <c r="EB20" s="327">
        <v>262201</v>
      </c>
      <c r="EC20" s="328">
        <v>675363</v>
      </c>
      <c r="ED20" s="330">
        <v>675363</v>
      </c>
      <c r="EE20" s="326">
        <v>0</v>
      </c>
      <c r="EF20" s="331">
        <v>0</v>
      </c>
      <c r="EG20" s="328">
        <v>0</v>
      </c>
      <c r="EH20" s="326">
        <v>0</v>
      </c>
      <c r="EI20" s="327">
        <v>0</v>
      </c>
      <c r="EJ20" s="327">
        <v>32075</v>
      </c>
      <c r="EK20" s="327">
        <v>50220</v>
      </c>
      <c r="EL20" s="327">
        <v>0</v>
      </c>
      <c r="EM20" s="327">
        <v>0</v>
      </c>
      <c r="EN20" s="331">
        <v>82295</v>
      </c>
      <c r="EO20" s="330">
        <v>82295</v>
      </c>
      <c r="EP20" s="326">
        <v>0</v>
      </c>
      <c r="EQ20" s="327">
        <v>0</v>
      </c>
      <c r="ER20" s="331">
        <v>0</v>
      </c>
      <c r="ES20" s="332">
        <v>0</v>
      </c>
      <c r="ET20" s="327">
        <v>0</v>
      </c>
      <c r="EU20" s="327">
        <v>0</v>
      </c>
      <c r="EV20" s="327">
        <v>0</v>
      </c>
      <c r="EW20" s="327">
        <v>0</v>
      </c>
      <c r="EX20" s="327">
        <v>0</v>
      </c>
      <c r="EY20" s="328">
        <v>0</v>
      </c>
      <c r="EZ20" s="330">
        <v>0</v>
      </c>
      <c r="FA20" s="326">
        <v>0</v>
      </c>
      <c r="FB20" s="327">
        <v>0</v>
      </c>
      <c r="FC20" s="331">
        <v>0</v>
      </c>
      <c r="FD20" s="332">
        <v>0</v>
      </c>
      <c r="FE20" s="327">
        <v>0</v>
      </c>
      <c r="FF20" s="327">
        <v>0</v>
      </c>
      <c r="FG20" s="327">
        <v>0</v>
      </c>
      <c r="FH20" s="327">
        <v>0</v>
      </c>
      <c r="FI20" s="327">
        <v>0</v>
      </c>
      <c r="FJ20" s="328">
        <v>0</v>
      </c>
      <c r="FK20" s="330">
        <v>0</v>
      </c>
      <c r="FL20" s="326">
        <v>1600</v>
      </c>
      <c r="FM20" s="327">
        <v>31632</v>
      </c>
      <c r="FN20" s="328">
        <v>33232</v>
      </c>
      <c r="FO20" s="326">
        <v>0</v>
      </c>
      <c r="FP20" s="327">
        <v>61704</v>
      </c>
      <c r="FQ20" s="327">
        <v>184424</v>
      </c>
      <c r="FR20" s="327">
        <v>187712</v>
      </c>
      <c r="FS20" s="327">
        <v>108160</v>
      </c>
      <c r="FT20" s="327">
        <v>62520</v>
      </c>
      <c r="FU20" s="328">
        <v>604520</v>
      </c>
      <c r="FV20" s="330">
        <v>637752</v>
      </c>
      <c r="FW20" s="333">
        <v>1600</v>
      </c>
      <c r="FX20" s="327">
        <v>31632</v>
      </c>
      <c r="FY20" s="331">
        <v>33232</v>
      </c>
      <c r="FZ20" s="332">
        <v>0</v>
      </c>
      <c r="GA20" s="327">
        <v>61704</v>
      </c>
      <c r="GB20" s="327">
        <v>179496</v>
      </c>
      <c r="GC20" s="327">
        <v>187712</v>
      </c>
      <c r="GD20" s="327">
        <v>108160</v>
      </c>
      <c r="GE20" s="327">
        <v>62520</v>
      </c>
      <c r="GF20" s="328">
        <v>599592</v>
      </c>
      <c r="GG20" s="334">
        <v>632824</v>
      </c>
      <c r="GH20" s="333">
        <v>0</v>
      </c>
      <c r="GI20" s="327">
        <v>0</v>
      </c>
      <c r="GJ20" s="331">
        <v>0</v>
      </c>
      <c r="GK20" s="332">
        <v>0</v>
      </c>
      <c r="GL20" s="327">
        <v>0</v>
      </c>
      <c r="GM20" s="327">
        <v>4928</v>
      </c>
      <c r="GN20" s="327">
        <v>0</v>
      </c>
      <c r="GO20" s="327">
        <v>0</v>
      </c>
      <c r="GP20" s="327">
        <v>0</v>
      </c>
      <c r="GQ20" s="328">
        <v>4928</v>
      </c>
      <c r="GR20" s="330">
        <v>4928</v>
      </c>
      <c r="GS20" s="326">
        <v>0</v>
      </c>
      <c r="GT20" s="327">
        <v>0</v>
      </c>
      <c r="GU20" s="328">
        <v>0</v>
      </c>
      <c r="GV20" s="326">
        <v>0</v>
      </c>
      <c r="GW20" s="327">
        <v>0</v>
      </c>
      <c r="GX20" s="327">
        <v>0</v>
      </c>
      <c r="GY20" s="327">
        <v>0</v>
      </c>
      <c r="GZ20" s="327">
        <v>0</v>
      </c>
      <c r="HA20" s="327">
        <v>0</v>
      </c>
      <c r="HB20" s="331">
        <v>0</v>
      </c>
      <c r="HC20" s="330">
        <v>0</v>
      </c>
      <c r="HD20" s="326">
        <v>0</v>
      </c>
      <c r="HE20" s="327">
        <v>300894</v>
      </c>
      <c r="HF20" s="331">
        <v>300894</v>
      </c>
      <c r="HG20" s="332">
        <v>0</v>
      </c>
      <c r="HH20" s="327">
        <v>1202137</v>
      </c>
      <c r="HI20" s="327">
        <v>0</v>
      </c>
      <c r="HJ20" s="327">
        <v>424440</v>
      </c>
      <c r="HK20" s="327">
        <v>0</v>
      </c>
      <c r="HL20" s="327">
        <v>0</v>
      </c>
      <c r="HM20" s="328">
        <v>1626577</v>
      </c>
      <c r="HN20" s="329">
        <v>1927471</v>
      </c>
      <c r="HO20" s="333">
        <v>0</v>
      </c>
      <c r="HP20" s="327">
        <v>0</v>
      </c>
      <c r="HQ20" s="328">
        <v>0</v>
      </c>
      <c r="HR20" s="326">
        <v>0</v>
      </c>
      <c r="HS20" s="327">
        <v>0</v>
      </c>
      <c r="HT20" s="327">
        <v>0</v>
      </c>
      <c r="HU20" s="327">
        <v>0</v>
      </c>
      <c r="HV20" s="327">
        <v>0</v>
      </c>
      <c r="HW20" s="327">
        <v>0</v>
      </c>
      <c r="HX20" s="331">
        <v>0</v>
      </c>
      <c r="HY20" s="330">
        <v>0</v>
      </c>
      <c r="HZ20" s="358">
        <v>0</v>
      </c>
      <c r="IA20" s="356">
        <v>0</v>
      </c>
      <c r="IB20" s="358">
        <v>0</v>
      </c>
      <c r="IC20" s="355">
        <v>0</v>
      </c>
      <c r="ID20" s="356">
        <v>994230</v>
      </c>
      <c r="IE20" s="357">
        <v>1114724</v>
      </c>
      <c r="IF20" s="358">
        <v>792776</v>
      </c>
      <c r="IG20" s="356">
        <v>703199</v>
      </c>
      <c r="IH20" s="358">
        <v>285073</v>
      </c>
      <c r="II20" s="359">
        <v>3890002</v>
      </c>
      <c r="IJ20" s="358">
        <v>3890002</v>
      </c>
      <c r="IK20" s="342">
        <v>0</v>
      </c>
      <c r="IL20" s="343">
        <v>0</v>
      </c>
      <c r="IM20" s="344">
        <v>0</v>
      </c>
      <c r="IN20" s="404">
        <v>0</v>
      </c>
      <c r="IO20" s="345">
        <v>0</v>
      </c>
      <c r="IP20" s="345">
        <v>0</v>
      </c>
      <c r="IQ20" s="345">
        <v>0</v>
      </c>
      <c r="IR20" s="345">
        <v>0</v>
      </c>
      <c r="IS20" s="345">
        <v>0</v>
      </c>
      <c r="IT20" s="346">
        <v>0</v>
      </c>
      <c r="IU20" s="347">
        <v>0</v>
      </c>
      <c r="IV20" s="348">
        <v>0</v>
      </c>
      <c r="IW20" s="345">
        <v>0</v>
      </c>
      <c r="IX20" s="349">
        <v>0</v>
      </c>
      <c r="IY20" s="404">
        <v>0</v>
      </c>
      <c r="IZ20" s="345">
        <v>0</v>
      </c>
      <c r="JA20" s="345">
        <v>0</v>
      </c>
      <c r="JB20" s="345">
        <v>0</v>
      </c>
      <c r="JC20" s="345">
        <v>0</v>
      </c>
      <c r="JD20" s="345">
        <v>0</v>
      </c>
      <c r="JE20" s="349">
        <v>0</v>
      </c>
      <c r="JF20" s="350">
        <v>0</v>
      </c>
      <c r="JG20" s="348">
        <v>0</v>
      </c>
      <c r="JH20" s="345">
        <v>0</v>
      </c>
      <c r="JI20" s="346">
        <v>0</v>
      </c>
      <c r="JJ20" s="351">
        <v>0</v>
      </c>
      <c r="JK20" s="345">
        <v>502655</v>
      </c>
      <c r="JL20" s="345">
        <v>695080</v>
      </c>
      <c r="JM20" s="345">
        <v>42260</v>
      </c>
      <c r="JN20" s="345">
        <v>371103</v>
      </c>
      <c r="JO20" s="345">
        <v>0</v>
      </c>
      <c r="JP20" s="349">
        <v>1611098</v>
      </c>
      <c r="JQ20" s="347">
        <v>1611098</v>
      </c>
      <c r="JR20" s="348">
        <v>0</v>
      </c>
      <c r="JS20" s="345">
        <v>0</v>
      </c>
      <c r="JT20" s="346">
        <v>0</v>
      </c>
      <c r="JU20" s="351">
        <v>0</v>
      </c>
      <c r="JV20" s="345">
        <v>0</v>
      </c>
      <c r="JW20" s="345">
        <v>0</v>
      </c>
      <c r="JX20" s="345">
        <v>0</v>
      </c>
      <c r="JY20" s="345">
        <v>43910</v>
      </c>
      <c r="JZ20" s="345">
        <v>0</v>
      </c>
      <c r="KA20" s="349">
        <v>43910</v>
      </c>
      <c r="KB20" s="347">
        <v>43910</v>
      </c>
      <c r="KC20" s="352">
        <v>0</v>
      </c>
      <c r="KD20" s="353">
        <v>0</v>
      </c>
      <c r="KE20" s="349">
        <v>0</v>
      </c>
      <c r="KF20" s="351">
        <v>0</v>
      </c>
      <c r="KG20" s="345">
        <v>0</v>
      </c>
      <c r="KH20" s="345">
        <v>161937</v>
      </c>
      <c r="KI20" s="345">
        <v>0</v>
      </c>
      <c r="KJ20" s="345">
        <v>0</v>
      </c>
      <c r="KK20" s="345">
        <v>285073</v>
      </c>
      <c r="KL20" s="349">
        <v>447010</v>
      </c>
      <c r="KM20" s="354">
        <v>447010</v>
      </c>
      <c r="KN20" s="342">
        <v>0</v>
      </c>
      <c r="KO20" s="343">
        <v>0</v>
      </c>
      <c r="KP20" s="344">
        <v>0</v>
      </c>
      <c r="KQ20" s="404">
        <v>0</v>
      </c>
      <c r="KR20" s="345">
        <v>491575</v>
      </c>
      <c r="KS20" s="345">
        <v>257707</v>
      </c>
      <c r="KT20" s="345">
        <v>237874</v>
      </c>
      <c r="KU20" s="345">
        <v>0</v>
      </c>
      <c r="KV20" s="345">
        <v>0</v>
      </c>
      <c r="KW20" s="349">
        <v>987156</v>
      </c>
      <c r="KX20" s="347">
        <v>987156</v>
      </c>
      <c r="KY20" s="348">
        <v>0</v>
      </c>
      <c r="KZ20" s="345">
        <v>0</v>
      </c>
      <c r="LA20" s="349">
        <v>0</v>
      </c>
      <c r="LB20" s="404">
        <v>0</v>
      </c>
      <c r="LC20" s="345">
        <v>0</v>
      </c>
      <c r="LD20" s="345">
        <v>0</v>
      </c>
      <c r="LE20" s="345">
        <v>0</v>
      </c>
      <c r="LF20" s="345">
        <v>0</v>
      </c>
      <c r="LG20" s="345">
        <v>0</v>
      </c>
      <c r="LH20" s="349">
        <v>0</v>
      </c>
      <c r="LI20" s="350">
        <v>0</v>
      </c>
      <c r="LJ20" s="348">
        <v>0</v>
      </c>
      <c r="LK20" s="345">
        <v>0</v>
      </c>
      <c r="LL20" s="349">
        <v>0</v>
      </c>
      <c r="LM20" s="404">
        <v>0</v>
      </c>
      <c r="LN20" s="345">
        <v>0</v>
      </c>
      <c r="LO20" s="345">
        <v>0</v>
      </c>
      <c r="LP20" s="345">
        <v>0</v>
      </c>
      <c r="LQ20" s="345">
        <v>0</v>
      </c>
      <c r="LR20" s="345">
        <v>0</v>
      </c>
      <c r="LS20" s="349">
        <v>0</v>
      </c>
      <c r="LT20" s="347">
        <v>0</v>
      </c>
      <c r="LU20" s="348">
        <v>0</v>
      </c>
      <c r="LV20" s="345">
        <v>0</v>
      </c>
      <c r="LW20" s="349">
        <v>0</v>
      </c>
      <c r="LX20" s="404">
        <v>0</v>
      </c>
      <c r="LY20" s="345">
        <v>0</v>
      </c>
      <c r="LZ20" s="345">
        <v>0</v>
      </c>
      <c r="MA20" s="345">
        <v>512642</v>
      </c>
      <c r="MB20" s="345">
        <v>288186</v>
      </c>
      <c r="MC20" s="345">
        <v>0</v>
      </c>
      <c r="MD20" s="349">
        <v>800828</v>
      </c>
      <c r="ME20" s="350">
        <v>800828</v>
      </c>
      <c r="MF20" s="348">
        <v>0</v>
      </c>
      <c r="MG20" s="345">
        <v>0</v>
      </c>
      <c r="MH20" s="349">
        <v>0</v>
      </c>
      <c r="MI20" s="404">
        <v>0</v>
      </c>
      <c r="MJ20" s="345">
        <v>240224</v>
      </c>
      <c r="MK20" s="345">
        <v>861258</v>
      </c>
      <c r="ML20" s="345">
        <v>282201</v>
      </c>
      <c r="MM20" s="345">
        <v>3458821</v>
      </c>
      <c r="MN20" s="345">
        <v>1065304</v>
      </c>
      <c r="MO20" s="349">
        <v>5907808</v>
      </c>
      <c r="MP20" s="354">
        <v>5907808</v>
      </c>
      <c r="MQ20" s="348">
        <v>0</v>
      </c>
      <c r="MR20" s="345">
        <v>0</v>
      </c>
      <c r="MS20" s="349">
        <v>0</v>
      </c>
      <c r="MT20" s="404">
        <v>0</v>
      </c>
      <c r="MU20" s="345">
        <v>0</v>
      </c>
      <c r="MV20" s="345">
        <v>0</v>
      </c>
      <c r="MW20" s="345">
        <v>282201</v>
      </c>
      <c r="MX20" s="345">
        <v>2546725</v>
      </c>
      <c r="MY20" s="345">
        <v>600205</v>
      </c>
      <c r="MZ20" s="349">
        <v>3429131</v>
      </c>
      <c r="NA20" s="354">
        <v>3429131</v>
      </c>
      <c r="NB20" s="348">
        <v>0</v>
      </c>
      <c r="NC20" s="345">
        <v>0</v>
      </c>
      <c r="ND20" s="349">
        <v>0</v>
      </c>
      <c r="NE20" s="404">
        <v>0</v>
      </c>
      <c r="NF20" s="345">
        <v>240224</v>
      </c>
      <c r="NG20" s="345">
        <v>861258</v>
      </c>
      <c r="NH20" s="345">
        <v>0</v>
      </c>
      <c r="NI20" s="345">
        <v>912096</v>
      </c>
      <c r="NJ20" s="345">
        <v>465099</v>
      </c>
      <c r="NK20" s="349">
        <v>2478677</v>
      </c>
      <c r="NL20" s="347">
        <v>2478677</v>
      </c>
      <c r="NM20" s="348">
        <v>0</v>
      </c>
      <c r="NN20" s="345">
        <v>0</v>
      </c>
      <c r="NO20" s="349">
        <v>0</v>
      </c>
      <c r="NP20" s="404">
        <v>0</v>
      </c>
      <c r="NQ20" s="345">
        <v>0</v>
      </c>
      <c r="NR20" s="345">
        <v>0</v>
      </c>
      <c r="NS20" s="345">
        <v>0</v>
      </c>
      <c r="NT20" s="345">
        <v>0</v>
      </c>
      <c r="NU20" s="345">
        <v>0</v>
      </c>
      <c r="NV20" s="349">
        <v>0</v>
      </c>
      <c r="NW20" s="350">
        <v>0</v>
      </c>
      <c r="NX20" s="348">
        <v>0</v>
      </c>
      <c r="NY20" s="345">
        <v>0</v>
      </c>
      <c r="NZ20" s="349">
        <v>0</v>
      </c>
      <c r="OA20" s="404">
        <v>0</v>
      </c>
      <c r="OB20" s="345">
        <v>0</v>
      </c>
      <c r="OC20" s="345">
        <v>0</v>
      </c>
      <c r="OD20" s="345">
        <v>0</v>
      </c>
      <c r="OE20" s="345">
        <v>0</v>
      </c>
      <c r="OF20" s="345">
        <v>0</v>
      </c>
      <c r="OG20" s="349">
        <v>0</v>
      </c>
      <c r="OH20" s="350">
        <v>0</v>
      </c>
      <c r="OI20" s="348">
        <v>1600</v>
      </c>
      <c r="OJ20" s="345">
        <v>377688</v>
      </c>
      <c r="OK20" s="346">
        <v>379288</v>
      </c>
      <c r="OL20" s="351">
        <v>0</v>
      </c>
      <c r="OM20" s="345">
        <v>3109506</v>
      </c>
      <c r="ON20" s="345">
        <v>3734299</v>
      </c>
      <c r="OO20" s="345">
        <v>2801379</v>
      </c>
      <c r="OP20" s="345">
        <v>7135169</v>
      </c>
      <c r="OQ20" s="345">
        <v>2126886</v>
      </c>
      <c r="OR20" s="349">
        <v>18907239</v>
      </c>
      <c r="OS20" s="354">
        <v>19286527</v>
      </c>
    </row>
    <row r="21" spans="2:409" s="70" customFormat="1" ht="21" customHeight="1" x14ac:dyDescent="0.2">
      <c r="B21" s="410" t="s">
        <v>16</v>
      </c>
      <c r="C21" s="326">
        <v>283581</v>
      </c>
      <c r="D21" s="327">
        <v>734304</v>
      </c>
      <c r="E21" s="328">
        <v>1017885</v>
      </c>
      <c r="F21" s="329">
        <v>0</v>
      </c>
      <c r="G21" s="327">
        <v>4217775</v>
      </c>
      <c r="H21" s="327">
        <v>6779412</v>
      </c>
      <c r="I21" s="327">
        <v>5383904</v>
      </c>
      <c r="J21" s="327">
        <v>3629787</v>
      </c>
      <c r="K21" s="327">
        <v>2774745</v>
      </c>
      <c r="L21" s="329">
        <v>22785623</v>
      </c>
      <c r="M21" s="330">
        <v>23803508</v>
      </c>
      <c r="N21" s="326">
        <v>117102</v>
      </c>
      <c r="O21" s="327">
        <v>167517</v>
      </c>
      <c r="P21" s="328">
        <v>284619</v>
      </c>
      <c r="Q21" s="326">
        <v>0</v>
      </c>
      <c r="R21" s="327">
        <v>1156280</v>
      </c>
      <c r="S21" s="327">
        <v>1413430</v>
      </c>
      <c r="T21" s="327">
        <v>1804059</v>
      </c>
      <c r="U21" s="327">
        <v>827954</v>
      </c>
      <c r="V21" s="327">
        <v>1014331</v>
      </c>
      <c r="W21" s="328">
        <v>6216054</v>
      </c>
      <c r="X21" s="330">
        <v>6500673</v>
      </c>
      <c r="Y21" s="326">
        <v>0</v>
      </c>
      <c r="Z21" s="327">
        <v>0</v>
      </c>
      <c r="AA21" s="328">
        <v>0</v>
      </c>
      <c r="AB21" s="326">
        <v>0</v>
      </c>
      <c r="AC21" s="327">
        <v>418909</v>
      </c>
      <c r="AD21" s="327">
        <v>346753</v>
      </c>
      <c r="AE21" s="327">
        <v>1141477</v>
      </c>
      <c r="AF21" s="327">
        <v>227082</v>
      </c>
      <c r="AG21" s="327">
        <v>186668</v>
      </c>
      <c r="AH21" s="328">
        <v>2320889</v>
      </c>
      <c r="AI21" s="330">
        <v>2320889</v>
      </c>
      <c r="AJ21" s="326">
        <v>0</v>
      </c>
      <c r="AK21" s="327">
        <v>0</v>
      </c>
      <c r="AL21" s="328">
        <v>0</v>
      </c>
      <c r="AM21" s="326">
        <v>0</v>
      </c>
      <c r="AN21" s="327">
        <v>13370</v>
      </c>
      <c r="AO21" s="327">
        <v>0</v>
      </c>
      <c r="AP21" s="327">
        <v>82641</v>
      </c>
      <c r="AQ21" s="327">
        <v>0</v>
      </c>
      <c r="AR21" s="327">
        <v>92360</v>
      </c>
      <c r="AS21" s="328">
        <v>188371</v>
      </c>
      <c r="AT21" s="330">
        <v>188371</v>
      </c>
      <c r="AU21" s="326">
        <v>108174</v>
      </c>
      <c r="AV21" s="327">
        <v>118753</v>
      </c>
      <c r="AW21" s="328">
        <v>226927</v>
      </c>
      <c r="AX21" s="326">
        <v>0</v>
      </c>
      <c r="AY21" s="327">
        <v>491133</v>
      </c>
      <c r="AZ21" s="327">
        <v>653263</v>
      </c>
      <c r="BA21" s="327">
        <v>355877</v>
      </c>
      <c r="BB21" s="327">
        <v>371592</v>
      </c>
      <c r="BC21" s="327">
        <v>479381</v>
      </c>
      <c r="BD21" s="328">
        <v>2351246</v>
      </c>
      <c r="BE21" s="330">
        <v>2578173</v>
      </c>
      <c r="BF21" s="326">
        <v>0</v>
      </c>
      <c r="BG21" s="327">
        <v>27172</v>
      </c>
      <c r="BH21" s="331">
        <v>27172</v>
      </c>
      <c r="BI21" s="332">
        <v>0</v>
      </c>
      <c r="BJ21" s="327">
        <v>31700</v>
      </c>
      <c r="BK21" s="327">
        <v>92310</v>
      </c>
      <c r="BL21" s="327">
        <v>0</v>
      </c>
      <c r="BM21" s="327">
        <v>0</v>
      </c>
      <c r="BN21" s="327">
        <v>53218</v>
      </c>
      <c r="BO21" s="328">
        <v>177228</v>
      </c>
      <c r="BP21" s="330">
        <v>204400</v>
      </c>
      <c r="BQ21" s="326">
        <v>8928</v>
      </c>
      <c r="BR21" s="327">
        <v>21592</v>
      </c>
      <c r="BS21" s="328">
        <v>30520</v>
      </c>
      <c r="BT21" s="326">
        <v>0</v>
      </c>
      <c r="BU21" s="327">
        <v>201168</v>
      </c>
      <c r="BV21" s="327">
        <v>321104</v>
      </c>
      <c r="BW21" s="327">
        <v>224064</v>
      </c>
      <c r="BX21" s="327">
        <v>229280</v>
      </c>
      <c r="BY21" s="327">
        <v>202704</v>
      </c>
      <c r="BZ21" s="328">
        <v>1178320</v>
      </c>
      <c r="CA21" s="330">
        <v>1208840</v>
      </c>
      <c r="CB21" s="326">
        <v>41426</v>
      </c>
      <c r="CC21" s="327">
        <v>308653</v>
      </c>
      <c r="CD21" s="328">
        <v>350079</v>
      </c>
      <c r="CE21" s="326">
        <v>0</v>
      </c>
      <c r="CF21" s="327">
        <v>1170382</v>
      </c>
      <c r="CG21" s="327">
        <v>2270298</v>
      </c>
      <c r="CH21" s="327">
        <v>1157980</v>
      </c>
      <c r="CI21" s="327">
        <v>643620</v>
      </c>
      <c r="CJ21" s="327">
        <v>271413</v>
      </c>
      <c r="CK21" s="328">
        <v>5513693</v>
      </c>
      <c r="CL21" s="330">
        <v>5863772</v>
      </c>
      <c r="CM21" s="326">
        <v>0</v>
      </c>
      <c r="CN21" s="327">
        <v>0</v>
      </c>
      <c r="CO21" s="328">
        <v>0</v>
      </c>
      <c r="CP21" s="332">
        <v>0</v>
      </c>
      <c r="CQ21" s="327">
        <v>755283</v>
      </c>
      <c r="CR21" s="327">
        <v>1289430</v>
      </c>
      <c r="CS21" s="327">
        <v>484817</v>
      </c>
      <c r="CT21" s="327">
        <v>514861</v>
      </c>
      <c r="CU21" s="327">
        <v>145644</v>
      </c>
      <c r="CV21" s="328">
        <v>3190035</v>
      </c>
      <c r="CW21" s="330">
        <v>3190035</v>
      </c>
      <c r="CX21" s="326">
        <v>41426</v>
      </c>
      <c r="CY21" s="327">
        <v>308653</v>
      </c>
      <c r="CZ21" s="328">
        <v>350079</v>
      </c>
      <c r="DA21" s="326">
        <v>0</v>
      </c>
      <c r="DB21" s="327">
        <v>415099</v>
      </c>
      <c r="DC21" s="327">
        <v>980868</v>
      </c>
      <c r="DD21" s="327">
        <v>673163</v>
      </c>
      <c r="DE21" s="327">
        <v>128759</v>
      </c>
      <c r="DF21" s="327">
        <v>125769</v>
      </c>
      <c r="DG21" s="328">
        <v>2323658</v>
      </c>
      <c r="DH21" s="330">
        <v>2673737</v>
      </c>
      <c r="DI21" s="326">
        <v>0</v>
      </c>
      <c r="DJ21" s="327">
        <v>0</v>
      </c>
      <c r="DK21" s="331">
        <v>0</v>
      </c>
      <c r="DL21" s="332">
        <v>0</v>
      </c>
      <c r="DM21" s="327">
        <v>98454</v>
      </c>
      <c r="DN21" s="327">
        <v>236642</v>
      </c>
      <c r="DO21" s="327">
        <v>806827</v>
      </c>
      <c r="DP21" s="327">
        <v>54978</v>
      </c>
      <c r="DQ21" s="327">
        <v>125376</v>
      </c>
      <c r="DR21" s="328">
        <v>1322277</v>
      </c>
      <c r="DS21" s="330">
        <v>1322277</v>
      </c>
      <c r="DT21" s="326">
        <v>0</v>
      </c>
      <c r="DU21" s="327">
        <v>0</v>
      </c>
      <c r="DV21" s="328">
        <v>0</v>
      </c>
      <c r="DW21" s="326">
        <v>0</v>
      </c>
      <c r="DX21" s="327">
        <v>17808</v>
      </c>
      <c r="DY21" s="327">
        <v>16784</v>
      </c>
      <c r="DZ21" s="327">
        <v>806827</v>
      </c>
      <c r="EA21" s="327">
        <v>54978</v>
      </c>
      <c r="EB21" s="327">
        <v>0</v>
      </c>
      <c r="EC21" s="328">
        <v>896397</v>
      </c>
      <c r="ED21" s="330">
        <v>896397</v>
      </c>
      <c r="EE21" s="326">
        <v>0</v>
      </c>
      <c r="EF21" s="331">
        <v>0</v>
      </c>
      <c r="EG21" s="328">
        <v>0</v>
      </c>
      <c r="EH21" s="326">
        <v>0</v>
      </c>
      <c r="EI21" s="327">
        <v>80646</v>
      </c>
      <c r="EJ21" s="327">
        <v>219858</v>
      </c>
      <c r="EK21" s="327">
        <v>0</v>
      </c>
      <c r="EL21" s="327">
        <v>0</v>
      </c>
      <c r="EM21" s="327">
        <v>125376</v>
      </c>
      <c r="EN21" s="331">
        <v>425880</v>
      </c>
      <c r="EO21" s="330">
        <v>425880</v>
      </c>
      <c r="EP21" s="326">
        <v>0</v>
      </c>
      <c r="EQ21" s="327">
        <v>0</v>
      </c>
      <c r="ER21" s="331">
        <v>0</v>
      </c>
      <c r="ES21" s="332">
        <v>0</v>
      </c>
      <c r="ET21" s="327">
        <v>0</v>
      </c>
      <c r="EU21" s="327">
        <v>0</v>
      </c>
      <c r="EV21" s="327">
        <v>0</v>
      </c>
      <c r="EW21" s="327">
        <v>0</v>
      </c>
      <c r="EX21" s="327">
        <v>0</v>
      </c>
      <c r="EY21" s="328">
        <v>0</v>
      </c>
      <c r="EZ21" s="330">
        <v>0</v>
      </c>
      <c r="FA21" s="326">
        <v>0</v>
      </c>
      <c r="FB21" s="327">
        <v>0</v>
      </c>
      <c r="FC21" s="331">
        <v>0</v>
      </c>
      <c r="FD21" s="332">
        <v>0</v>
      </c>
      <c r="FE21" s="327">
        <v>0</v>
      </c>
      <c r="FF21" s="327">
        <v>0</v>
      </c>
      <c r="FG21" s="327">
        <v>0</v>
      </c>
      <c r="FH21" s="327">
        <v>0</v>
      </c>
      <c r="FI21" s="327">
        <v>0</v>
      </c>
      <c r="FJ21" s="328">
        <v>0</v>
      </c>
      <c r="FK21" s="330">
        <v>0</v>
      </c>
      <c r="FL21" s="326">
        <v>70672</v>
      </c>
      <c r="FM21" s="327">
        <v>156864</v>
      </c>
      <c r="FN21" s="328">
        <v>227536</v>
      </c>
      <c r="FO21" s="326">
        <v>0</v>
      </c>
      <c r="FP21" s="327">
        <v>245248</v>
      </c>
      <c r="FQ21" s="327">
        <v>654416</v>
      </c>
      <c r="FR21" s="327">
        <v>580088</v>
      </c>
      <c r="FS21" s="327">
        <v>165072</v>
      </c>
      <c r="FT21" s="327">
        <v>159536</v>
      </c>
      <c r="FU21" s="328">
        <v>1804360</v>
      </c>
      <c r="FV21" s="330">
        <v>2031896</v>
      </c>
      <c r="FW21" s="333">
        <v>70672</v>
      </c>
      <c r="FX21" s="327">
        <v>108864</v>
      </c>
      <c r="FY21" s="331">
        <v>179536</v>
      </c>
      <c r="FZ21" s="332">
        <v>0</v>
      </c>
      <c r="GA21" s="327">
        <v>100168</v>
      </c>
      <c r="GB21" s="327">
        <v>579176</v>
      </c>
      <c r="GC21" s="327">
        <v>580088</v>
      </c>
      <c r="GD21" s="327">
        <v>165072</v>
      </c>
      <c r="GE21" s="327">
        <v>159536</v>
      </c>
      <c r="GF21" s="328">
        <v>1584040</v>
      </c>
      <c r="GG21" s="334">
        <v>1763576</v>
      </c>
      <c r="GH21" s="333">
        <v>0</v>
      </c>
      <c r="GI21" s="327">
        <v>0</v>
      </c>
      <c r="GJ21" s="331">
        <v>0</v>
      </c>
      <c r="GK21" s="332">
        <v>0</v>
      </c>
      <c r="GL21" s="327">
        <v>0</v>
      </c>
      <c r="GM21" s="327">
        <v>75240</v>
      </c>
      <c r="GN21" s="327">
        <v>0</v>
      </c>
      <c r="GO21" s="327">
        <v>0</v>
      </c>
      <c r="GP21" s="327">
        <v>0</v>
      </c>
      <c r="GQ21" s="328">
        <v>75240</v>
      </c>
      <c r="GR21" s="330">
        <v>75240</v>
      </c>
      <c r="GS21" s="326">
        <v>0</v>
      </c>
      <c r="GT21" s="327">
        <v>48000</v>
      </c>
      <c r="GU21" s="328">
        <v>48000</v>
      </c>
      <c r="GV21" s="326">
        <v>0</v>
      </c>
      <c r="GW21" s="327">
        <v>145080</v>
      </c>
      <c r="GX21" s="327">
        <v>0</v>
      </c>
      <c r="GY21" s="327">
        <v>0</v>
      </c>
      <c r="GZ21" s="327">
        <v>0</v>
      </c>
      <c r="HA21" s="327">
        <v>0</v>
      </c>
      <c r="HB21" s="331">
        <v>145080</v>
      </c>
      <c r="HC21" s="330">
        <v>193080</v>
      </c>
      <c r="HD21" s="326">
        <v>54381</v>
      </c>
      <c r="HE21" s="327">
        <v>101270</v>
      </c>
      <c r="HF21" s="331">
        <v>155651</v>
      </c>
      <c r="HG21" s="332">
        <v>0</v>
      </c>
      <c r="HH21" s="327">
        <v>1547411</v>
      </c>
      <c r="HI21" s="327">
        <v>2204626</v>
      </c>
      <c r="HJ21" s="327">
        <v>1034950</v>
      </c>
      <c r="HK21" s="327">
        <v>1938163</v>
      </c>
      <c r="HL21" s="327">
        <v>1204089</v>
      </c>
      <c r="HM21" s="328">
        <v>7929239</v>
      </c>
      <c r="HN21" s="329">
        <v>8084890</v>
      </c>
      <c r="HO21" s="333">
        <v>0</v>
      </c>
      <c r="HP21" s="327">
        <v>0</v>
      </c>
      <c r="HQ21" s="328">
        <v>0</v>
      </c>
      <c r="HR21" s="326">
        <v>0</v>
      </c>
      <c r="HS21" s="327">
        <v>0</v>
      </c>
      <c r="HT21" s="327">
        <v>0</v>
      </c>
      <c r="HU21" s="327">
        <v>0</v>
      </c>
      <c r="HV21" s="327">
        <v>0</v>
      </c>
      <c r="HW21" s="327">
        <v>0</v>
      </c>
      <c r="HX21" s="331">
        <v>0</v>
      </c>
      <c r="HY21" s="330">
        <v>0</v>
      </c>
      <c r="HZ21" s="335">
        <v>0</v>
      </c>
      <c r="IA21" s="336">
        <v>0</v>
      </c>
      <c r="IB21" s="337">
        <v>0</v>
      </c>
      <c r="IC21" s="338">
        <v>0</v>
      </c>
      <c r="ID21" s="336">
        <v>852450</v>
      </c>
      <c r="IE21" s="339">
        <v>634416</v>
      </c>
      <c r="IF21" s="337">
        <v>512296</v>
      </c>
      <c r="IG21" s="336">
        <v>1309107</v>
      </c>
      <c r="IH21" s="337">
        <v>322791</v>
      </c>
      <c r="II21" s="340">
        <v>3631060</v>
      </c>
      <c r="IJ21" s="341">
        <v>3631060</v>
      </c>
      <c r="IK21" s="342">
        <v>0</v>
      </c>
      <c r="IL21" s="343">
        <v>0</v>
      </c>
      <c r="IM21" s="344">
        <v>0</v>
      </c>
      <c r="IN21" s="404">
        <v>0</v>
      </c>
      <c r="IO21" s="345">
        <v>0</v>
      </c>
      <c r="IP21" s="345">
        <v>0</v>
      </c>
      <c r="IQ21" s="345">
        <v>0</v>
      </c>
      <c r="IR21" s="345">
        <v>206215</v>
      </c>
      <c r="IS21" s="345">
        <v>0</v>
      </c>
      <c r="IT21" s="346">
        <v>206215</v>
      </c>
      <c r="IU21" s="347">
        <v>206215</v>
      </c>
      <c r="IV21" s="348">
        <v>0</v>
      </c>
      <c r="IW21" s="345">
        <v>0</v>
      </c>
      <c r="IX21" s="349">
        <v>0</v>
      </c>
      <c r="IY21" s="404">
        <v>0</v>
      </c>
      <c r="IZ21" s="345">
        <v>0</v>
      </c>
      <c r="JA21" s="345">
        <v>0</v>
      </c>
      <c r="JB21" s="345">
        <v>32918</v>
      </c>
      <c r="JC21" s="345">
        <v>16312</v>
      </c>
      <c r="JD21" s="345">
        <v>41780</v>
      </c>
      <c r="JE21" s="349">
        <v>91010</v>
      </c>
      <c r="JF21" s="350">
        <v>91010</v>
      </c>
      <c r="JG21" s="348">
        <v>0</v>
      </c>
      <c r="JH21" s="345">
        <v>0</v>
      </c>
      <c r="JI21" s="346">
        <v>0</v>
      </c>
      <c r="JJ21" s="351">
        <v>0</v>
      </c>
      <c r="JK21" s="345">
        <v>365259</v>
      </c>
      <c r="JL21" s="345">
        <v>491697</v>
      </c>
      <c r="JM21" s="345">
        <v>204835</v>
      </c>
      <c r="JN21" s="345">
        <v>114275</v>
      </c>
      <c r="JO21" s="345">
        <v>0</v>
      </c>
      <c r="JP21" s="349">
        <v>1176066</v>
      </c>
      <c r="JQ21" s="347">
        <v>1176066</v>
      </c>
      <c r="JR21" s="348">
        <v>0</v>
      </c>
      <c r="JS21" s="345">
        <v>0</v>
      </c>
      <c r="JT21" s="346">
        <v>0</v>
      </c>
      <c r="JU21" s="351">
        <v>0</v>
      </c>
      <c r="JV21" s="345">
        <v>0</v>
      </c>
      <c r="JW21" s="345">
        <v>0</v>
      </c>
      <c r="JX21" s="345">
        <v>489136</v>
      </c>
      <c r="JY21" s="345">
        <v>0</v>
      </c>
      <c r="JZ21" s="345">
        <v>0</v>
      </c>
      <c r="KA21" s="349">
        <v>489136</v>
      </c>
      <c r="KB21" s="347">
        <v>489136</v>
      </c>
      <c r="KC21" s="352">
        <v>0</v>
      </c>
      <c r="KD21" s="353">
        <v>0</v>
      </c>
      <c r="KE21" s="349">
        <v>0</v>
      </c>
      <c r="KF21" s="351">
        <v>0</v>
      </c>
      <c r="KG21" s="345">
        <v>249199</v>
      </c>
      <c r="KH21" s="345">
        <v>0</v>
      </c>
      <c r="KI21" s="345">
        <v>0</v>
      </c>
      <c r="KJ21" s="345">
        <v>249142</v>
      </c>
      <c r="KK21" s="345">
        <v>0</v>
      </c>
      <c r="KL21" s="349">
        <v>498341</v>
      </c>
      <c r="KM21" s="354">
        <v>498341</v>
      </c>
      <c r="KN21" s="342">
        <v>0</v>
      </c>
      <c r="KO21" s="343">
        <v>0</v>
      </c>
      <c r="KP21" s="344">
        <v>0</v>
      </c>
      <c r="KQ21" s="404">
        <v>0</v>
      </c>
      <c r="KR21" s="345">
        <v>237992</v>
      </c>
      <c r="KS21" s="345">
        <v>499169</v>
      </c>
      <c r="KT21" s="345">
        <v>271792</v>
      </c>
      <c r="KU21" s="345">
        <v>164755</v>
      </c>
      <c r="KV21" s="345">
        <v>281011</v>
      </c>
      <c r="KW21" s="349">
        <v>1454719</v>
      </c>
      <c r="KX21" s="347">
        <v>1454719</v>
      </c>
      <c r="KY21" s="348">
        <v>0</v>
      </c>
      <c r="KZ21" s="345">
        <v>0</v>
      </c>
      <c r="LA21" s="349">
        <v>0</v>
      </c>
      <c r="LB21" s="404">
        <v>0</v>
      </c>
      <c r="LC21" s="345">
        <v>0</v>
      </c>
      <c r="LD21" s="345">
        <v>0</v>
      </c>
      <c r="LE21" s="345">
        <v>0</v>
      </c>
      <c r="LF21" s="345">
        <v>0</v>
      </c>
      <c r="LG21" s="345">
        <v>0</v>
      </c>
      <c r="LH21" s="349">
        <v>0</v>
      </c>
      <c r="LI21" s="350">
        <v>0</v>
      </c>
      <c r="LJ21" s="348">
        <v>0</v>
      </c>
      <c r="LK21" s="345">
        <v>0</v>
      </c>
      <c r="LL21" s="349">
        <v>0</v>
      </c>
      <c r="LM21" s="404">
        <v>0</v>
      </c>
      <c r="LN21" s="345">
        <v>0</v>
      </c>
      <c r="LO21" s="345">
        <v>0</v>
      </c>
      <c r="LP21" s="345">
        <v>0</v>
      </c>
      <c r="LQ21" s="345">
        <v>558408</v>
      </c>
      <c r="LR21" s="345">
        <v>0</v>
      </c>
      <c r="LS21" s="349">
        <v>558408</v>
      </c>
      <c r="LT21" s="347">
        <v>558408</v>
      </c>
      <c r="LU21" s="348">
        <v>0</v>
      </c>
      <c r="LV21" s="345">
        <v>0</v>
      </c>
      <c r="LW21" s="349">
        <v>0</v>
      </c>
      <c r="LX21" s="404">
        <v>0</v>
      </c>
      <c r="LY21" s="345">
        <v>0</v>
      </c>
      <c r="LZ21" s="345">
        <v>-356450</v>
      </c>
      <c r="MA21" s="345">
        <v>-486385</v>
      </c>
      <c r="MB21" s="345">
        <v>0</v>
      </c>
      <c r="MC21" s="345">
        <v>0</v>
      </c>
      <c r="MD21" s="349">
        <v>-842835</v>
      </c>
      <c r="ME21" s="350">
        <v>-842835</v>
      </c>
      <c r="MF21" s="348">
        <v>0</v>
      </c>
      <c r="MG21" s="345">
        <v>0</v>
      </c>
      <c r="MH21" s="349">
        <v>0</v>
      </c>
      <c r="MI21" s="404">
        <v>0</v>
      </c>
      <c r="MJ21" s="345">
        <v>723026</v>
      </c>
      <c r="MK21" s="345">
        <v>1473427</v>
      </c>
      <c r="ML21" s="345">
        <v>2987581</v>
      </c>
      <c r="MM21" s="345">
        <v>5439215</v>
      </c>
      <c r="MN21" s="345">
        <v>2183967</v>
      </c>
      <c r="MO21" s="349">
        <v>12807216</v>
      </c>
      <c r="MP21" s="354">
        <v>12807216</v>
      </c>
      <c r="MQ21" s="348">
        <v>0</v>
      </c>
      <c r="MR21" s="345">
        <v>0</v>
      </c>
      <c r="MS21" s="349">
        <v>0</v>
      </c>
      <c r="MT21" s="404">
        <v>0</v>
      </c>
      <c r="MU21" s="345">
        <v>0</v>
      </c>
      <c r="MV21" s="345">
        <v>0</v>
      </c>
      <c r="MW21" s="345">
        <v>1538315</v>
      </c>
      <c r="MX21" s="345">
        <v>3487559</v>
      </c>
      <c r="MY21" s="345">
        <v>1256397</v>
      </c>
      <c r="MZ21" s="349">
        <v>6282271</v>
      </c>
      <c r="NA21" s="354">
        <v>6282271</v>
      </c>
      <c r="NB21" s="348">
        <v>0</v>
      </c>
      <c r="NC21" s="345">
        <v>0</v>
      </c>
      <c r="ND21" s="349">
        <v>0</v>
      </c>
      <c r="NE21" s="404">
        <v>0</v>
      </c>
      <c r="NF21" s="345">
        <v>723026</v>
      </c>
      <c r="NG21" s="345">
        <v>1473427</v>
      </c>
      <c r="NH21" s="345">
        <v>1449266</v>
      </c>
      <c r="NI21" s="345">
        <v>1951656</v>
      </c>
      <c r="NJ21" s="345">
        <v>519069</v>
      </c>
      <c r="NK21" s="349">
        <v>6116444</v>
      </c>
      <c r="NL21" s="347">
        <v>6116444</v>
      </c>
      <c r="NM21" s="348">
        <v>0</v>
      </c>
      <c r="NN21" s="345">
        <v>0</v>
      </c>
      <c r="NO21" s="349">
        <v>0</v>
      </c>
      <c r="NP21" s="404">
        <v>0</v>
      </c>
      <c r="NQ21" s="345">
        <v>0</v>
      </c>
      <c r="NR21" s="345">
        <v>0</v>
      </c>
      <c r="NS21" s="345">
        <v>0</v>
      </c>
      <c r="NT21" s="345">
        <v>0</v>
      </c>
      <c r="NU21" s="345">
        <v>0</v>
      </c>
      <c r="NV21" s="349">
        <v>0</v>
      </c>
      <c r="NW21" s="350">
        <v>0</v>
      </c>
      <c r="NX21" s="348">
        <v>0</v>
      </c>
      <c r="NY21" s="345">
        <v>0</v>
      </c>
      <c r="NZ21" s="349">
        <v>0</v>
      </c>
      <c r="OA21" s="404">
        <v>0</v>
      </c>
      <c r="OB21" s="345">
        <v>0</v>
      </c>
      <c r="OC21" s="345">
        <v>0</v>
      </c>
      <c r="OD21" s="345">
        <v>0</v>
      </c>
      <c r="OE21" s="345">
        <v>0</v>
      </c>
      <c r="OF21" s="345">
        <v>408501</v>
      </c>
      <c r="OG21" s="349">
        <v>408501</v>
      </c>
      <c r="OH21" s="350">
        <v>408501</v>
      </c>
      <c r="OI21" s="348">
        <v>283581</v>
      </c>
      <c r="OJ21" s="345">
        <v>734304</v>
      </c>
      <c r="OK21" s="346">
        <v>1017885</v>
      </c>
      <c r="OL21" s="351">
        <v>0</v>
      </c>
      <c r="OM21" s="345">
        <v>5793251</v>
      </c>
      <c r="ON21" s="345">
        <v>8887255</v>
      </c>
      <c r="OO21" s="345">
        <v>8883781</v>
      </c>
      <c r="OP21" s="345">
        <v>10378109</v>
      </c>
      <c r="OQ21" s="345">
        <v>5281503</v>
      </c>
      <c r="OR21" s="349">
        <v>39223899</v>
      </c>
      <c r="OS21" s="354">
        <v>40241784</v>
      </c>
    </row>
    <row r="22" spans="2:409" s="70" customFormat="1" ht="21" customHeight="1" x14ac:dyDescent="0.2">
      <c r="B22" s="410" t="s">
        <v>17</v>
      </c>
      <c r="C22" s="326">
        <v>535120</v>
      </c>
      <c r="D22" s="327">
        <v>698455</v>
      </c>
      <c r="E22" s="328">
        <v>1233575</v>
      </c>
      <c r="F22" s="329">
        <v>0</v>
      </c>
      <c r="G22" s="327">
        <v>4260600</v>
      </c>
      <c r="H22" s="327">
        <v>9227301</v>
      </c>
      <c r="I22" s="327">
        <v>7766406</v>
      </c>
      <c r="J22" s="327">
        <v>3213140</v>
      </c>
      <c r="K22" s="327">
        <v>2552350</v>
      </c>
      <c r="L22" s="329">
        <v>27019797</v>
      </c>
      <c r="M22" s="330">
        <v>28253372</v>
      </c>
      <c r="N22" s="326">
        <v>132969</v>
      </c>
      <c r="O22" s="327">
        <v>139689</v>
      </c>
      <c r="P22" s="328">
        <v>272658</v>
      </c>
      <c r="Q22" s="326">
        <v>0</v>
      </c>
      <c r="R22" s="327">
        <v>1480042</v>
      </c>
      <c r="S22" s="327">
        <v>2831943</v>
      </c>
      <c r="T22" s="327">
        <v>2960625</v>
      </c>
      <c r="U22" s="327">
        <v>1623753</v>
      </c>
      <c r="V22" s="327">
        <v>1628567</v>
      </c>
      <c r="W22" s="328">
        <v>10524930</v>
      </c>
      <c r="X22" s="330">
        <v>10797588</v>
      </c>
      <c r="Y22" s="326">
        <v>0</v>
      </c>
      <c r="Z22" s="327">
        <v>0</v>
      </c>
      <c r="AA22" s="328">
        <v>0</v>
      </c>
      <c r="AB22" s="326">
        <v>0</v>
      </c>
      <c r="AC22" s="327">
        <v>587578</v>
      </c>
      <c r="AD22" s="327">
        <v>1391107</v>
      </c>
      <c r="AE22" s="327">
        <v>1658959</v>
      </c>
      <c r="AF22" s="327">
        <v>1078529</v>
      </c>
      <c r="AG22" s="327">
        <v>1341951</v>
      </c>
      <c r="AH22" s="328">
        <v>6058124</v>
      </c>
      <c r="AI22" s="330">
        <v>6058124</v>
      </c>
      <c r="AJ22" s="326">
        <v>0</v>
      </c>
      <c r="AK22" s="327">
        <v>0</v>
      </c>
      <c r="AL22" s="328">
        <v>0</v>
      </c>
      <c r="AM22" s="326">
        <v>0</v>
      </c>
      <c r="AN22" s="327">
        <v>0</v>
      </c>
      <c r="AO22" s="327">
        <v>61216</v>
      </c>
      <c r="AP22" s="327">
        <v>48973</v>
      </c>
      <c r="AQ22" s="327">
        <v>0</v>
      </c>
      <c r="AR22" s="327">
        <v>0</v>
      </c>
      <c r="AS22" s="328">
        <v>110189</v>
      </c>
      <c r="AT22" s="330">
        <v>110189</v>
      </c>
      <c r="AU22" s="326">
        <v>32177</v>
      </c>
      <c r="AV22" s="327">
        <v>38176</v>
      </c>
      <c r="AW22" s="328">
        <v>70353</v>
      </c>
      <c r="AX22" s="326">
        <v>0</v>
      </c>
      <c r="AY22" s="327">
        <v>652231</v>
      </c>
      <c r="AZ22" s="327">
        <v>741967</v>
      </c>
      <c r="BA22" s="327">
        <v>693666</v>
      </c>
      <c r="BB22" s="327">
        <v>367672</v>
      </c>
      <c r="BC22" s="327">
        <v>140624</v>
      </c>
      <c r="BD22" s="328">
        <v>2596160</v>
      </c>
      <c r="BE22" s="330">
        <v>2666513</v>
      </c>
      <c r="BF22" s="326">
        <v>0</v>
      </c>
      <c r="BG22" s="327">
        <v>77481</v>
      </c>
      <c r="BH22" s="331">
        <v>77481</v>
      </c>
      <c r="BI22" s="332">
        <v>0</v>
      </c>
      <c r="BJ22" s="327">
        <v>47217</v>
      </c>
      <c r="BK22" s="327">
        <v>131829</v>
      </c>
      <c r="BL22" s="327">
        <v>68315</v>
      </c>
      <c r="BM22" s="327">
        <v>0</v>
      </c>
      <c r="BN22" s="327">
        <v>36232</v>
      </c>
      <c r="BO22" s="328">
        <v>283593</v>
      </c>
      <c r="BP22" s="330">
        <v>361074</v>
      </c>
      <c r="BQ22" s="326">
        <v>100792</v>
      </c>
      <c r="BR22" s="327">
        <v>24032</v>
      </c>
      <c r="BS22" s="328">
        <v>124824</v>
      </c>
      <c r="BT22" s="326">
        <v>0</v>
      </c>
      <c r="BU22" s="327">
        <v>193016</v>
      </c>
      <c r="BV22" s="327">
        <v>505824</v>
      </c>
      <c r="BW22" s="327">
        <v>490712</v>
      </c>
      <c r="BX22" s="327">
        <v>177552</v>
      </c>
      <c r="BY22" s="327">
        <v>109760</v>
      </c>
      <c r="BZ22" s="328">
        <v>1476864</v>
      </c>
      <c r="CA22" s="330">
        <v>1601688</v>
      </c>
      <c r="CB22" s="326">
        <v>44895</v>
      </c>
      <c r="CC22" s="327">
        <v>120549</v>
      </c>
      <c r="CD22" s="328">
        <v>165444</v>
      </c>
      <c r="CE22" s="326">
        <v>0</v>
      </c>
      <c r="CF22" s="327">
        <v>1350217</v>
      </c>
      <c r="CG22" s="327">
        <v>2338060</v>
      </c>
      <c r="CH22" s="327">
        <v>2323102</v>
      </c>
      <c r="CI22" s="327">
        <v>417831</v>
      </c>
      <c r="CJ22" s="327">
        <v>152689</v>
      </c>
      <c r="CK22" s="328">
        <v>6581899</v>
      </c>
      <c r="CL22" s="330">
        <v>6747343</v>
      </c>
      <c r="CM22" s="326">
        <v>0</v>
      </c>
      <c r="CN22" s="327">
        <v>0</v>
      </c>
      <c r="CO22" s="328">
        <v>0</v>
      </c>
      <c r="CP22" s="332">
        <v>0</v>
      </c>
      <c r="CQ22" s="327">
        <v>1163191</v>
      </c>
      <c r="CR22" s="327">
        <v>1538601</v>
      </c>
      <c r="CS22" s="327">
        <v>1858730</v>
      </c>
      <c r="CT22" s="327">
        <v>139160</v>
      </c>
      <c r="CU22" s="327">
        <v>152689</v>
      </c>
      <c r="CV22" s="328">
        <v>4852371</v>
      </c>
      <c r="CW22" s="330">
        <v>4852371</v>
      </c>
      <c r="CX22" s="326">
        <v>44895</v>
      </c>
      <c r="CY22" s="327">
        <v>120549</v>
      </c>
      <c r="CZ22" s="328">
        <v>165444</v>
      </c>
      <c r="DA22" s="326">
        <v>0</v>
      </c>
      <c r="DB22" s="327">
        <v>187026</v>
      </c>
      <c r="DC22" s="327">
        <v>799459</v>
      </c>
      <c r="DD22" s="327">
        <v>464372</v>
      </c>
      <c r="DE22" s="327">
        <v>278671</v>
      </c>
      <c r="DF22" s="327">
        <v>0</v>
      </c>
      <c r="DG22" s="328">
        <v>1729528</v>
      </c>
      <c r="DH22" s="330">
        <v>1894972</v>
      </c>
      <c r="DI22" s="326">
        <v>0</v>
      </c>
      <c r="DJ22" s="327">
        <v>17596</v>
      </c>
      <c r="DK22" s="331">
        <v>17596</v>
      </c>
      <c r="DL22" s="332">
        <v>0</v>
      </c>
      <c r="DM22" s="327">
        <v>171631</v>
      </c>
      <c r="DN22" s="327">
        <v>603009</v>
      </c>
      <c r="DO22" s="327">
        <v>844980</v>
      </c>
      <c r="DP22" s="327">
        <v>641331</v>
      </c>
      <c r="DQ22" s="327">
        <v>281941</v>
      </c>
      <c r="DR22" s="328">
        <v>2542892</v>
      </c>
      <c r="DS22" s="330">
        <v>2560488</v>
      </c>
      <c r="DT22" s="326">
        <v>0</v>
      </c>
      <c r="DU22" s="327">
        <v>17596</v>
      </c>
      <c r="DV22" s="328">
        <v>17596</v>
      </c>
      <c r="DW22" s="326">
        <v>0</v>
      </c>
      <c r="DX22" s="327">
        <v>144427</v>
      </c>
      <c r="DY22" s="327">
        <v>534035</v>
      </c>
      <c r="DZ22" s="327">
        <v>724972</v>
      </c>
      <c r="EA22" s="327">
        <v>585163</v>
      </c>
      <c r="EB22" s="327">
        <v>281941</v>
      </c>
      <c r="EC22" s="328">
        <v>2270538</v>
      </c>
      <c r="ED22" s="330">
        <v>2288134</v>
      </c>
      <c r="EE22" s="326">
        <v>0</v>
      </c>
      <c r="EF22" s="331">
        <v>0</v>
      </c>
      <c r="EG22" s="328">
        <v>0</v>
      </c>
      <c r="EH22" s="326">
        <v>0</v>
      </c>
      <c r="EI22" s="327">
        <v>27204</v>
      </c>
      <c r="EJ22" s="327">
        <v>68974</v>
      </c>
      <c r="EK22" s="327">
        <v>120008</v>
      </c>
      <c r="EL22" s="327">
        <v>56168</v>
      </c>
      <c r="EM22" s="327">
        <v>0</v>
      </c>
      <c r="EN22" s="331">
        <v>272354</v>
      </c>
      <c r="EO22" s="330">
        <v>272354</v>
      </c>
      <c r="EP22" s="326">
        <v>0</v>
      </c>
      <c r="EQ22" s="327">
        <v>0</v>
      </c>
      <c r="ER22" s="331">
        <v>0</v>
      </c>
      <c r="ES22" s="332">
        <v>0</v>
      </c>
      <c r="ET22" s="327">
        <v>0</v>
      </c>
      <c r="EU22" s="327">
        <v>0</v>
      </c>
      <c r="EV22" s="327">
        <v>0</v>
      </c>
      <c r="EW22" s="327">
        <v>0</v>
      </c>
      <c r="EX22" s="327">
        <v>0</v>
      </c>
      <c r="EY22" s="328">
        <v>0</v>
      </c>
      <c r="EZ22" s="330">
        <v>0</v>
      </c>
      <c r="FA22" s="326">
        <v>0</v>
      </c>
      <c r="FB22" s="327">
        <v>0</v>
      </c>
      <c r="FC22" s="331">
        <v>0</v>
      </c>
      <c r="FD22" s="332">
        <v>0</v>
      </c>
      <c r="FE22" s="327">
        <v>0</v>
      </c>
      <c r="FF22" s="327">
        <v>0</v>
      </c>
      <c r="FG22" s="327">
        <v>0</v>
      </c>
      <c r="FH22" s="327">
        <v>0</v>
      </c>
      <c r="FI22" s="327">
        <v>0</v>
      </c>
      <c r="FJ22" s="328">
        <v>0</v>
      </c>
      <c r="FK22" s="330">
        <v>0</v>
      </c>
      <c r="FL22" s="326">
        <v>130160</v>
      </c>
      <c r="FM22" s="327">
        <v>326923</v>
      </c>
      <c r="FN22" s="328">
        <v>457083</v>
      </c>
      <c r="FO22" s="326">
        <v>0</v>
      </c>
      <c r="FP22" s="327">
        <v>217288</v>
      </c>
      <c r="FQ22" s="327">
        <v>1028936</v>
      </c>
      <c r="FR22" s="327">
        <v>589568</v>
      </c>
      <c r="FS22" s="327">
        <v>151264</v>
      </c>
      <c r="FT22" s="327">
        <v>107272</v>
      </c>
      <c r="FU22" s="328">
        <v>2094328</v>
      </c>
      <c r="FV22" s="330">
        <v>2551411</v>
      </c>
      <c r="FW22" s="333">
        <v>86512</v>
      </c>
      <c r="FX22" s="327">
        <v>127744</v>
      </c>
      <c r="FY22" s="331">
        <v>214256</v>
      </c>
      <c r="FZ22" s="332">
        <v>0</v>
      </c>
      <c r="GA22" s="327">
        <v>122888</v>
      </c>
      <c r="GB22" s="327">
        <v>843592</v>
      </c>
      <c r="GC22" s="327">
        <v>589568</v>
      </c>
      <c r="GD22" s="327">
        <v>151264</v>
      </c>
      <c r="GE22" s="327">
        <v>107272</v>
      </c>
      <c r="GF22" s="328">
        <v>1814584</v>
      </c>
      <c r="GG22" s="334">
        <v>2028840</v>
      </c>
      <c r="GH22" s="333">
        <v>43648</v>
      </c>
      <c r="GI22" s="327">
        <v>68800</v>
      </c>
      <c r="GJ22" s="331">
        <v>112448</v>
      </c>
      <c r="GK22" s="332">
        <v>0</v>
      </c>
      <c r="GL22" s="327">
        <v>0</v>
      </c>
      <c r="GM22" s="327">
        <v>87984</v>
      </c>
      <c r="GN22" s="327">
        <v>0</v>
      </c>
      <c r="GO22" s="327">
        <v>0</v>
      </c>
      <c r="GP22" s="327">
        <v>0</v>
      </c>
      <c r="GQ22" s="328">
        <v>87984</v>
      </c>
      <c r="GR22" s="330">
        <v>200432</v>
      </c>
      <c r="GS22" s="326">
        <v>0</v>
      </c>
      <c r="GT22" s="327">
        <v>130379</v>
      </c>
      <c r="GU22" s="328">
        <v>130379</v>
      </c>
      <c r="GV22" s="326">
        <v>0</v>
      </c>
      <c r="GW22" s="327">
        <v>94400</v>
      </c>
      <c r="GX22" s="327">
        <v>97360</v>
      </c>
      <c r="GY22" s="327">
        <v>0</v>
      </c>
      <c r="GZ22" s="327">
        <v>0</v>
      </c>
      <c r="HA22" s="327">
        <v>0</v>
      </c>
      <c r="HB22" s="331">
        <v>191760</v>
      </c>
      <c r="HC22" s="330">
        <v>322139</v>
      </c>
      <c r="HD22" s="326">
        <v>227096</v>
      </c>
      <c r="HE22" s="327">
        <v>93698</v>
      </c>
      <c r="HF22" s="331">
        <v>320794</v>
      </c>
      <c r="HG22" s="332">
        <v>0</v>
      </c>
      <c r="HH22" s="327">
        <v>1041422</v>
      </c>
      <c r="HI22" s="327">
        <v>2425353</v>
      </c>
      <c r="HJ22" s="327">
        <v>1048131</v>
      </c>
      <c r="HK22" s="327">
        <v>378961</v>
      </c>
      <c r="HL22" s="327">
        <v>381881</v>
      </c>
      <c r="HM22" s="328">
        <v>5275748</v>
      </c>
      <c r="HN22" s="329">
        <v>5596542</v>
      </c>
      <c r="HO22" s="333">
        <v>0</v>
      </c>
      <c r="HP22" s="327">
        <v>0</v>
      </c>
      <c r="HQ22" s="328">
        <v>0</v>
      </c>
      <c r="HR22" s="326">
        <v>0</v>
      </c>
      <c r="HS22" s="327">
        <v>0</v>
      </c>
      <c r="HT22" s="327">
        <v>0</v>
      </c>
      <c r="HU22" s="327">
        <v>0</v>
      </c>
      <c r="HV22" s="327">
        <v>0</v>
      </c>
      <c r="HW22" s="327">
        <v>0</v>
      </c>
      <c r="HX22" s="331">
        <v>0</v>
      </c>
      <c r="HY22" s="330">
        <v>0</v>
      </c>
      <c r="HZ22" s="358">
        <v>0</v>
      </c>
      <c r="IA22" s="356">
        <v>0</v>
      </c>
      <c r="IB22" s="358">
        <v>0</v>
      </c>
      <c r="IC22" s="355">
        <v>0</v>
      </c>
      <c r="ID22" s="356">
        <v>1303433</v>
      </c>
      <c r="IE22" s="357">
        <v>2703490</v>
      </c>
      <c r="IF22" s="358">
        <v>1634277</v>
      </c>
      <c r="IG22" s="356">
        <v>1427504</v>
      </c>
      <c r="IH22" s="358">
        <v>1855439</v>
      </c>
      <c r="II22" s="359">
        <v>8924143</v>
      </c>
      <c r="IJ22" s="358">
        <v>8924143</v>
      </c>
      <c r="IK22" s="342">
        <v>0</v>
      </c>
      <c r="IL22" s="343">
        <v>0</v>
      </c>
      <c r="IM22" s="344">
        <v>0</v>
      </c>
      <c r="IN22" s="404">
        <v>0</v>
      </c>
      <c r="IO22" s="345">
        <v>0</v>
      </c>
      <c r="IP22" s="345">
        <v>0</v>
      </c>
      <c r="IQ22" s="345">
        <v>0</v>
      </c>
      <c r="IR22" s="345">
        <v>0</v>
      </c>
      <c r="IS22" s="345">
        <v>0</v>
      </c>
      <c r="IT22" s="346">
        <v>0</v>
      </c>
      <c r="IU22" s="347">
        <v>0</v>
      </c>
      <c r="IV22" s="348">
        <v>0</v>
      </c>
      <c r="IW22" s="345">
        <v>0</v>
      </c>
      <c r="IX22" s="349">
        <v>0</v>
      </c>
      <c r="IY22" s="404">
        <v>0</v>
      </c>
      <c r="IZ22" s="345">
        <v>0</v>
      </c>
      <c r="JA22" s="345">
        <v>0</v>
      </c>
      <c r="JB22" s="345">
        <v>0</v>
      </c>
      <c r="JC22" s="345">
        <v>0</v>
      </c>
      <c r="JD22" s="345">
        <v>0</v>
      </c>
      <c r="JE22" s="349">
        <v>0</v>
      </c>
      <c r="JF22" s="350">
        <v>0</v>
      </c>
      <c r="JG22" s="348">
        <v>0</v>
      </c>
      <c r="JH22" s="345">
        <v>0</v>
      </c>
      <c r="JI22" s="346">
        <v>0</v>
      </c>
      <c r="JJ22" s="351">
        <v>0</v>
      </c>
      <c r="JK22" s="345">
        <v>951556</v>
      </c>
      <c r="JL22" s="345">
        <v>1350683</v>
      </c>
      <c r="JM22" s="345">
        <v>536064</v>
      </c>
      <c r="JN22" s="345">
        <v>319210</v>
      </c>
      <c r="JO22" s="345">
        <v>301081</v>
      </c>
      <c r="JP22" s="349">
        <v>3458594</v>
      </c>
      <c r="JQ22" s="347">
        <v>3458594</v>
      </c>
      <c r="JR22" s="348">
        <v>0</v>
      </c>
      <c r="JS22" s="345">
        <v>0</v>
      </c>
      <c r="JT22" s="346">
        <v>0</v>
      </c>
      <c r="JU22" s="351">
        <v>0</v>
      </c>
      <c r="JV22" s="345">
        <v>71598</v>
      </c>
      <c r="JW22" s="345">
        <v>108974</v>
      </c>
      <c r="JX22" s="345">
        <v>0</v>
      </c>
      <c r="JY22" s="345">
        <v>0</v>
      </c>
      <c r="JZ22" s="345">
        <v>0</v>
      </c>
      <c r="KA22" s="349">
        <v>180572</v>
      </c>
      <c r="KB22" s="347">
        <v>180572</v>
      </c>
      <c r="KC22" s="352">
        <v>0</v>
      </c>
      <c r="KD22" s="353">
        <v>0</v>
      </c>
      <c r="KE22" s="349">
        <v>0</v>
      </c>
      <c r="KF22" s="351">
        <v>0</v>
      </c>
      <c r="KG22" s="345">
        <v>134612</v>
      </c>
      <c r="KH22" s="345">
        <v>692666</v>
      </c>
      <c r="KI22" s="345">
        <v>247816</v>
      </c>
      <c r="KJ22" s="345">
        <v>236847</v>
      </c>
      <c r="KK22" s="345">
        <v>302520</v>
      </c>
      <c r="KL22" s="349">
        <v>1614461</v>
      </c>
      <c r="KM22" s="354">
        <v>1614461</v>
      </c>
      <c r="KN22" s="342">
        <v>0</v>
      </c>
      <c r="KO22" s="343">
        <v>0</v>
      </c>
      <c r="KP22" s="344">
        <v>0</v>
      </c>
      <c r="KQ22" s="404">
        <v>0</v>
      </c>
      <c r="KR22" s="345">
        <v>0</v>
      </c>
      <c r="KS22" s="345">
        <v>349721</v>
      </c>
      <c r="KT22" s="345">
        <v>788644</v>
      </c>
      <c r="KU22" s="345">
        <v>120820</v>
      </c>
      <c r="KV22" s="345">
        <v>0</v>
      </c>
      <c r="KW22" s="349">
        <v>1259185</v>
      </c>
      <c r="KX22" s="347">
        <v>1259185</v>
      </c>
      <c r="KY22" s="348">
        <v>0</v>
      </c>
      <c r="KZ22" s="345">
        <v>0</v>
      </c>
      <c r="LA22" s="349">
        <v>0</v>
      </c>
      <c r="LB22" s="404">
        <v>0</v>
      </c>
      <c r="LC22" s="345">
        <v>0</v>
      </c>
      <c r="LD22" s="345">
        <v>0</v>
      </c>
      <c r="LE22" s="345">
        <v>0</v>
      </c>
      <c r="LF22" s="345">
        <v>0</v>
      </c>
      <c r="LG22" s="345">
        <v>0</v>
      </c>
      <c r="LH22" s="349">
        <v>0</v>
      </c>
      <c r="LI22" s="350">
        <v>0</v>
      </c>
      <c r="LJ22" s="348">
        <v>0</v>
      </c>
      <c r="LK22" s="345">
        <v>0</v>
      </c>
      <c r="LL22" s="349">
        <v>0</v>
      </c>
      <c r="LM22" s="404">
        <v>0</v>
      </c>
      <c r="LN22" s="345">
        <v>0</v>
      </c>
      <c r="LO22" s="345">
        <v>0</v>
      </c>
      <c r="LP22" s="345">
        <v>61753</v>
      </c>
      <c r="LQ22" s="345">
        <v>750627</v>
      </c>
      <c r="LR22" s="345">
        <v>1251838</v>
      </c>
      <c r="LS22" s="349">
        <v>2064218</v>
      </c>
      <c r="LT22" s="347">
        <v>2064218</v>
      </c>
      <c r="LU22" s="348">
        <v>0</v>
      </c>
      <c r="LV22" s="345">
        <v>0</v>
      </c>
      <c r="LW22" s="349">
        <v>0</v>
      </c>
      <c r="LX22" s="404">
        <v>0</v>
      </c>
      <c r="LY22" s="345">
        <v>145667</v>
      </c>
      <c r="LZ22" s="345">
        <v>201446</v>
      </c>
      <c r="MA22" s="345">
        <v>0</v>
      </c>
      <c r="MB22" s="345">
        <v>0</v>
      </c>
      <c r="MC22" s="345">
        <v>0</v>
      </c>
      <c r="MD22" s="349">
        <v>347113</v>
      </c>
      <c r="ME22" s="350">
        <v>347113</v>
      </c>
      <c r="MF22" s="348">
        <v>0</v>
      </c>
      <c r="MG22" s="345">
        <v>0</v>
      </c>
      <c r="MH22" s="349">
        <v>0</v>
      </c>
      <c r="MI22" s="404">
        <v>0</v>
      </c>
      <c r="MJ22" s="345">
        <v>338812</v>
      </c>
      <c r="MK22" s="345">
        <v>1190065</v>
      </c>
      <c r="ML22" s="345">
        <v>2989853</v>
      </c>
      <c r="MM22" s="345">
        <v>2482648</v>
      </c>
      <c r="MN22" s="345">
        <v>4294000</v>
      </c>
      <c r="MO22" s="349">
        <v>11295378</v>
      </c>
      <c r="MP22" s="354">
        <v>11295378</v>
      </c>
      <c r="MQ22" s="348">
        <v>0</v>
      </c>
      <c r="MR22" s="345">
        <v>0</v>
      </c>
      <c r="MS22" s="349">
        <v>0</v>
      </c>
      <c r="MT22" s="404">
        <v>0</v>
      </c>
      <c r="MU22" s="345">
        <v>0</v>
      </c>
      <c r="MV22" s="345">
        <v>0</v>
      </c>
      <c r="MW22" s="345">
        <v>1478141</v>
      </c>
      <c r="MX22" s="345">
        <v>2180747</v>
      </c>
      <c r="MY22" s="345">
        <v>3299031</v>
      </c>
      <c r="MZ22" s="349">
        <v>6957919</v>
      </c>
      <c r="NA22" s="354">
        <v>6957919</v>
      </c>
      <c r="NB22" s="348">
        <v>0</v>
      </c>
      <c r="NC22" s="345">
        <v>0</v>
      </c>
      <c r="ND22" s="349">
        <v>0</v>
      </c>
      <c r="NE22" s="404">
        <v>0</v>
      </c>
      <c r="NF22" s="345">
        <v>338812</v>
      </c>
      <c r="NG22" s="345">
        <v>1190065</v>
      </c>
      <c r="NH22" s="345">
        <v>1511712</v>
      </c>
      <c r="NI22" s="345">
        <v>301901</v>
      </c>
      <c r="NJ22" s="345">
        <v>994969</v>
      </c>
      <c r="NK22" s="349">
        <v>4337459</v>
      </c>
      <c r="NL22" s="347">
        <v>4337459</v>
      </c>
      <c r="NM22" s="348">
        <v>0</v>
      </c>
      <c r="NN22" s="345">
        <v>0</v>
      </c>
      <c r="NO22" s="349">
        <v>0</v>
      </c>
      <c r="NP22" s="404">
        <v>0</v>
      </c>
      <c r="NQ22" s="345">
        <v>0</v>
      </c>
      <c r="NR22" s="345">
        <v>0</v>
      </c>
      <c r="NS22" s="345">
        <v>0</v>
      </c>
      <c r="NT22" s="345">
        <v>0</v>
      </c>
      <c r="NU22" s="345">
        <v>0</v>
      </c>
      <c r="NV22" s="349">
        <v>0</v>
      </c>
      <c r="NW22" s="350">
        <v>0</v>
      </c>
      <c r="NX22" s="348">
        <v>0</v>
      </c>
      <c r="NY22" s="345">
        <v>0</v>
      </c>
      <c r="NZ22" s="349">
        <v>0</v>
      </c>
      <c r="OA22" s="404">
        <v>0</v>
      </c>
      <c r="OB22" s="345">
        <v>0</v>
      </c>
      <c r="OC22" s="345">
        <v>0</v>
      </c>
      <c r="OD22" s="345">
        <v>0</v>
      </c>
      <c r="OE22" s="345">
        <v>0</v>
      </c>
      <c r="OF22" s="345">
        <v>0</v>
      </c>
      <c r="OG22" s="349">
        <v>0</v>
      </c>
      <c r="OH22" s="350">
        <v>0</v>
      </c>
      <c r="OI22" s="348">
        <v>535120</v>
      </c>
      <c r="OJ22" s="345">
        <v>698455</v>
      </c>
      <c r="OK22" s="346">
        <v>1233575</v>
      </c>
      <c r="OL22" s="351">
        <v>0</v>
      </c>
      <c r="OM22" s="345">
        <v>5902845</v>
      </c>
      <c r="ON22" s="345">
        <v>13120856</v>
      </c>
      <c r="OO22" s="345">
        <v>12390536</v>
      </c>
      <c r="OP22" s="345">
        <v>7123292</v>
      </c>
      <c r="OQ22" s="345">
        <v>8701789</v>
      </c>
      <c r="OR22" s="349">
        <v>47239318</v>
      </c>
      <c r="OS22" s="354">
        <v>48472893</v>
      </c>
    </row>
    <row r="23" spans="2:409" s="70" customFormat="1" ht="21" customHeight="1" x14ac:dyDescent="0.2">
      <c r="B23" s="410" t="s">
        <v>18</v>
      </c>
      <c r="C23" s="326">
        <v>521721</v>
      </c>
      <c r="D23" s="327">
        <v>972122</v>
      </c>
      <c r="E23" s="328">
        <v>1493843</v>
      </c>
      <c r="F23" s="329">
        <v>0</v>
      </c>
      <c r="G23" s="327">
        <v>8560897</v>
      </c>
      <c r="H23" s="327">
        <v>8620745</v>
      </c>
      <c r="I23" s="327">
        <v>9510224</v>
      </c>
      <c r="J23" s="327">
        <v>6831056</v>
      </c>
      <c r="K23" s="327">
        <v>4003028</v>
      </c>
      <c r="L23" s="329">
        <v>37525950</v>
      </c>
      <c r="M23" s="330">
        <v>39019793</v>
      </c>
      <c r="N23" s="326">
        <v>266577</v>
      </c>
      <c r="O23" s="327">
        <v>281171</v>
      </c>
      <c r="P23" s="328">
        <v>547748</v>
      </c>
      <c r="Q23" s="326">
        <v>0</v>
      </c>
      <c r="R23" s="327">
        <v>2336077</v>
      </c>
      <c r="S23" s="327">
        <v>3034860</v>
      </c>
      <c r="T23" s="327">
        <v>2759483</v>
      </c>
      <c r="U23" s="327">
        <v>2648234</v>
      </c>
      <c r="V23" s="327">
        <v>1784509</v>
      </c>
      <c r="W23" s="328">
        <v>12563163</v>
      </c>
      <c r="X23" s="330">
        <v>13110911</v>
      </c>
      <c r="Y23" s="326">
        <v>0</v>
      </c>
      <c r="Z23" s="327">
        <v>0</v>
      </c>
      <c r="AA23" s="328">
        <v>0</v>
      </c>
      <c r="AB23" s="326">
        <v>0</v>
      </c>
      <c r="AC23" s="327">
        <v>774021</v>
      </c>
      <c r="AD23" s="327">
        <v>1075475</v>
      </c>
      <c r="AE23" s="327">
        <v>1315806</v>
      </c>
      <c r="AF23" s="327">
        <v>1530699</v>
      </c>
      <c r="AG23" s="327">
        <v>867046</v>
      </c>
      <c r="AH23" s="328">
        <v>5563047</v>
      </c>
      <c r="AI23" s="330">
        <v>5563047</v>
      </c>
      <c r="AJ23" s="326">
        <v>0</v>
      </c>
      <c r="AK23" s="327">
        <v>0</v>
      </c>
      <c r="AL23" s="328">
        <v>0</v>
      </c>
      <c r="AM23" s="326">
        <v>0</v>
      </c>
      <c r="AN23" s="327">
        <v>27758</v>
      </c>
      <c r="AO23" s="327">
        <v>0</v>
      </c>
      <c r="AP23" s="327">
        <v>0</v>
      </c>
      <c r="AQ23" s="327">
        <v>228131</v>
      </c>
      <c r="AR23" s="327">
        <v>359412</v>
      </c>
      <c r="AS23" s="328">
        <v>615301</v>
      </c>
      <c r="AT23" s="330">
        <v>615301</v>
      </c>
      <c r="AU23" s="326">
        <v>157017</v>
      </c>
      <c r="AV23" s="327">
        <v>261075</v>
      </c>
      <c r="AW23" s="328">
        <v>418092</v>
      </c>
      <c r="AX23" s="326">
        <v>0</v>
      </c>
      <c r="AY23" s="327">
        <v>824202</v>
      </c>
      <c r="AZ23" s="327">
        <v>1368505</v>
      </c>
      <c r="BA23" s="327">
        <v>655381</v>
      </c>
      <c r="BB23" s="327">
        <v>448284</v>
      </c>
      <c r="BC23" s="327">
        <v>233469</v>
      </c>
      <c r="BD23" s="328">
        <v>3529841</v>
      </c>
      <c r="BE23" s="330">
        <v>3947933</v>
      </c>
      <c r="BF23" s="326">
        <v>0</v>
      </c>
      <c r="BG23" s="327">
        <v>0</v>
      </c>
      <c r="BH23" s="331">
        <v>0</v>
      </c>
      <c r="BI23" s="332">
        <v>0</v>
      </c>
      <c r="BJ23" s="327">
        <v>201832</v>
      </c>
      <c r="BK23" s="327">
        <v>140584</v>
      </c>
      <c r="BL23" s="327">
        <v>191720</v>
      </c>
      <c r="BM23" s="327">
        <v>0</v>
      </c>
      <c r="BN23" s="327">
        <v>35878</v>
      </c>
      <c r="BO23" s="328">
        <v>570014</v>
      </c>
      <c r="BP23" s="330">
        <v>570014</v>
      </c>
      <c r="BQ23" s="326">
        <v>109560</v>
      </c>
      <c r="BR23" s="327">
        <v>20096</v>
      </c>
      <c r="BS23" s="328">
        <v>129656</v>
      </c>
      <c r="BT23" s="326">
        <v>0</v>
      </c>
      <c r="BU23" s="327">
        <v>508264</v>
      </c>
      <c r="BV23" s="327">
        <v>450296</v>
      </c>
      <c r="BW23" s="327">
        <v>596576</v>
      </c>
      <c r="BX23" s="327">
        <v>441120</v>
      </c>
      <c r="BY23" s="327">
        <v>288704</v>
      </c>
      <c r="BZ23" s="328">
        <v>2284960</v>
      </c>
      <c r="CA23" s="330">
        <v>2414616</v>
      </c>
      <c r="CB23" s="326">
        <v>48360</v>
      </c>
      <c r="CC23" s="327">
        <v>441632</v>
      </c>
      <c r="CD23" s="328">
        <v>489992</v>
      </c>
      <c r="CE23" s="326">
        <v>0</v>
      </c>
      <c r="CF23" s="327">
        <v>2883697</v>
      </c>
      <c r="CG23" s="327">
        <v>2182727</v>
      </c>
      <c r="CH23" s="327">
        <v>2378452</v>
      </c>
      <c r="CI23" s="327">
        <v>330575</v>
      </c>
      <c r="CJ23" s="327">
        <v>526633</v>
      </c>
      <c r="CK23" s="328">
        <v>8302084</v>
      </c>
      <c r="CL23" s="330">
        <v>8792076</v>
      </c>
      <c r="CM23" s="326">
        <v>0</v>
      </c>
      <c r="CN23" s="327">
        <v>0</v>
      </c>
      <c r="CO23" s="328">
        <v>0</v>
      </c>
      <c r="CP23" s="332">
        <v>0</v>
      </c>
      <c r="CQ23" s="327">
        <v>2333484</v>
      </c>
      <c r="CR23" s="327">
        <v>1990192</v>
      </c>
      <c r="CS23" s="327">
        <v>2098779</v>
      </c>
      <c r="CT23" s="327">
        <v>233550</v>
      </c>
      <c r="CU23" s="327">
        <v>505348</v>
      </c>
      <c r="CV23" s="328">
        <v>7161353</v>
      </c>
      <c r="CW23" s="330">
        <v>7161353</v>
      </c>
      <c r="CX23" s="326">
        <v>48360</v>
      </c>
      <c r="CY23" s="327">
        <v>441632</v>
      </c>
      <c r="CZ23" s="328">
        <v>489992</v>
      </c>
      <c r="DA23" s="326">
        <v>0</v>
      </c>
      <c r="DB23" s="327">
        <v>550213</v>
      </c>
      <c r="DC23" s="327">
        <v>192535</v>
      </c>
      <c r="DD23" s="327">
        <v>279673</v>
      </c>
      <c r="DE23" s="327">
        <v>97025</v>
      </c>
      <c r="DF23" s="327">
        <v>21285</v>
      </c>
      <c r="DG23" s="328">
        <v>1140731</v>
      </c>
      <c r="DH23" s="330">
        <v>1630723</v>
      </c>
      <c r="DI23" s="326">
        <v>0</v>
      </c>
      <c r="DJ23" s="327">
        <v>91835</v>
      </c>
      <c r="DK23" s="331">
        <v>91835</v>
      </c>
      <c r="DL23" s="332">
        <v>0</v>
      </c>
      <c r="DM23" s="327">
        <v>239817</v>
      </c>
      <c r="DN23" s="327">
        <v>431227</v>
      </c>
      <c r="DO23" s="327">
        <v>1239392</v>
      </c>
      <c r="DP23" s="327">
        <v>1227950</v>
      </c>
      <c r="DQ23" s="327">
        <v>402601</v>
      </c>
      <c r="DR23" s="328">
        <v>3540987</v>
      </c>
      <c r="DS23" s="330">
        <v>3632822</v>
      </c>
      <c r="DT23" s="326">
        <v>0</v>
      </c>
      <c r="DU23" s="327">
        <v>91835</v>
      </c>
      <c r="DV23" s="328">
        <v>91835</v>
      </c>
      <c r="DW23" s="326">
        <v>0</v>
      </c>
      <c r="DX23" s="327">
        <v>239817</v>
      </c>
      <c r="DY23" s="327">
        <v>431227</v>
      </c>
      <c r="DZ23" s="327">
        <v>1203502</v>
      </c>
      <c r="EA23" s="327">
        <v>1227950</v>
      </c>
      <c r="EB23" s="327">
        <v>402601</v>
      </c>
      <c r="EC23" s="328">
        <v>3505097</v>
      </c>
      <c r="ED23" s="330">
        <v>3596932</v>
      </c>
      <c r="EE23" s="326">
        <v>0</v>
      </c>
      <c r="EF23" s="331">
        <v>0</v>
      </c>
      <c r="EG23" s="328">
        <v>0</v>
      </c>
      <c r="EH23" s="326">
        <v>0</v>
      </c>
      <c r="EI23" s="327">
        <v>0</v>
      </c>
      <c r="EJ23" s="327">
        <v>0</v>
      </c>
      <c r="EK23" s="327">
        <v>35890</v>
      </c>
      <c r="EL23" s="327">
        <v>0</v>
      </c>
      <c r="EM23" s="327">
        <v>0</v>
      </c>
      <c r="EN23" s="331">
        <v>35890</v>
      </c>
      <c r="EO23" s="330">
        <v>35890</v>
      </c>
      <c r="EP23" s="326">
        <v>0</v>
      </c>
      <c r="EQ23" s="327">
        <v>0</v>
      </c>
      <c r="ER23" s="331">
        <v>0</v>
      </c>
      <c r="ES23" s="332">
        <v>0</v>
      </c>
      <c r="ET23" s="327">
        <v>0</v>
      </c>
      <c r="EU23" s="327">
        <v>0</v>
      </c>
      <c r="EV23" s="327">
        <v>0</v>
      </c>
      <c r="EW23" s="327">
        <v>0</v>
      </c>
      <c r="EX23" s="327">
        <v>0</v>
      </c>
      <c r="EY23" s="328">
        <v>0</v>
      </c>
      <c r="EZ23" s="330">
        <v>0</v>
      </c>
      <c r="FA23" s="326">
        <v>0</v>
      </c>
      <c r="FB23" s="327">
        <v>0</v>
      </c>
      <c r="FC23" s="331">
        <v>0</v>
      </c>
      <c r="FD23" s="332">
        <v>0</v>
      </c>
      <c r="FE23" s="327">
        <v>0</v>
      </c>
      <c r="FF23" s="327">
        <v>0</v>
      </c>
      <c r="FG23" s="327">
        <v>0</v>
      </c>
      <c r="FH23" s="327">
        <v>0</v>
      </c>
      <c r="FI23" s="327">
        <v>0</v>
      </c>
      <c r="FJ23" s="328">
        <v>0</v>
      </c>
      <c r="FK23" s="330">
        <v>0</v>
      </c>
      <c r="FL23" s="326">
        <v>96352</v>
      </c>
      <c r="FM23" s="327">
        <v>157484</v>
      </c>
      <c r="FN23" s="328">
        <v>253836</v>
      </c>
      <c r="FO23" s="326">
        <v>0</v>
      </c>
      <c r="FP23" s="327">
        <v>631059</v>
      </c>
      <c r="FQ23" s="327">
        <v>963280</v>
      </c>
      <c r="FR23" s="327">
        <v>628036</v>
      </c>
      <c r="FS23" s="327">
        <v>375128</v>
      </c>
      <c r="FT23" s="327">
        <v>348024</v>
      </c>
      <c r="FU23" s="328">
        <v>2945527</v>
      </c>
      <c r="FV23" s="330">
        <v>3199363</v>
      </c>
      <c r="FW23" s="333">
        <v>29952</v>
      </c>
      <c r="FX23" s="327">
        <v>149484</v>
      </c>
      <c r="FY23" s="331">
        <v>179436</v>
      </c>
      <c r="FZ23" s="332">
        <v>0</v>
      </c>
      <c r="GA23" s="327">
        <v>361656</v>
      </c>
      <c r="GB23" s="327">
        <v>887840</v>
      </c>
      <c r="GC23" s="327">
        <v>628036</v>
      </c>
      <c r="GD23" s="327">
        <v>375128</v>
      </c>
      <c r="GE23" s="327">
        <v>348024</v>
      </c>
      <c r="GF23" s="328">
        <v>2600684</v>
      </c>
      <c r="GG23" s="334">
        <v>2780120</v>
      </c>
      <c r="GH23" s="333">
        <v>22400</v>
      </c>
      <c r="GI23" s="327">
        <v>0</v>
      </c>
      <c r="GJ23" s="331">
        <v>22400</v>
      </c>
      <c r="GK23" s="332">
        <v>0</v>
      </c>
      <c r="GL23" s="327">
        <v>55563</v>
      </c>
      <c r="GM23" s="327">
        <v>0</v>
      </c>
      <c r="GN23" s="327">
        <v>0</v>
      </c>
      <c r="GO23" s="327">
        <v>0</v>
      </c>
      <c r="GP23" s="327">
        <v>0</v>
      </c>
      <c r="GQ23" s="328">
        <v>55563</v>
      </c>
      <c r="GR23" s="330">
        <v>77963</v>
      </c>
      <c r="GS23" s="326">
        <v>44000</v>
      </c>
      <c r="GT23" s="327">
        <v>8000</v>
      </c>
      <c r="GU23" s="328">
        <v>52000</v>
      </c>
      <c r="GV23" s="326">
        <v>0</v>
      </c>
      <c r="GW23" s="327">
        <v>213840</v>
      </c>
      <c r="GX23" s="327">
        <v>75440</v>
      </c>
      <c r="GY23" s="327">
        <v>0</v>
      </c>
      <c r="GZ23" s="327">
        <v>0</v>
      </c>
      <c r="HA23" s="327">
        <v>0</v>
      </c>
      <c r="HB23" s="331">
        <v>289280</v>
      </c>
      <c r="HC23" s="330">
        <v>341280</v>
      </c>
      <c r="HD23" s="326">
        <v>110432</v>
      </c>
      <c r="HE23" s="327">
        <v>0</v>
      </c>
      <c r="HF23" s="331">
        <v>110432</v>
      </c>
      <c r="HG23" s="332">
        <v>0</v>
      </c>
      <c r="HH23" s="327">
        <v>2470247</v>
      </c>
      <c r="HI23" s="327">
        <v>2008651</v>
      </c>
      <c r="HJ23" s="327">
        <v>2504861</v>
      </c>
      <c r="HK23" s="327">
        <v>2249169</v>
      </c>
      <c r="HL23" s="327">
        <v>941261</v>
      </c>
      <c r="HM23" s="328">
        <v>10174189</v>
      </c>
      <c r="HN23" s="329">
        <v>10284621</v>
      </c>
      <c r="HO23" s="333">
        <v>0</v>
      </c>
      <c r="HP23" s="327">
        <v>0</v>
      </c>
      <c r="HQ23" s="328">
        <v>0</v>
      </c>
      <c r="HR23" s="326">
        <v>0</v>
      </c>
      <c r="HS23" s="327">
        <v>0</v>
      </c>
      <c r="HT23" s="327">
        <v>0</v>
      </c>
      <c r="HU23" s="327">
        <v>0</v>
      </c>
      <c r="HV23" s="327">
        <v>0</v>
      </c>
      <c r="HW23" s="327">
        <v>0</v>
      </c>
      <c r="HX23" s="331">
        <v>0</v>
      </c>
      <c r="HY23" s="330">
        <v>0</v>
      </c>
      <c r="HZ23" s="335">
        <v>51686</v>
      </c>
      <c r="IA23" s="336">
        <v>0</v>
      </c>
      <c r="IB23" s="337">
        <v>51686</v>
      </c>
      <c r="IC23" s="338">
        <v>0</v>
      </c>
      <c r="ID23" s="336">
        <v>1584484</v>
      </c>
      <c r="IE23" s="339">
        <v>2319035</v>
      </c>
      <c r="IF23" s="337">
        <v>3431892</v>
      </c>
      <c r="IG23" s="336">
        <v>1525381</v>
      </c>
      <c r="IH23" s="337">
        <v>1313605</v>
      </c>
      <c r="II23" s="340">
        <v>10174397</v>
      </c>
      <c r="IJ23" s="341">
        <v>10226083</v>
      </c>
      <c r="IK23" s="342">
        <v>0</v>
      </c>
      <c r="IL23" s="343">
        <v>0</v>
      </c>
      <c r="IM23" s="344">
        <v>0</v>
      </c>
      <c r="IN23" s="404">
        <v>0</v>
      </c>
      <c r="IO23" s="345">
        <v>85436</v>
      </c>
      <c r="IP23" s="345">
        <v>303647</v>
      </c>
      <c r="IQ23" s="345">
        <v>190828</v>
      </c>
      <c r="IR23" s="345">
        <v>0</v>
      </c>
      <c r="IS23" s="345">
        <v>0</v>
      </c>
      <c r="IT23" s="346">
        <v>579911</v>
      </c>
      <c r="IU23" s="347">
        <v>579911</v>
      </c>
      <c r="IV23" s="348">
        <v>0</v>
      </c>
      <c r="IW23" s="345">
        <v>0</v>
      </c>
      <c r="IX23" s="349">
        <v>0</v>
      </c>
      <c r="IY23" s="404">
        <v>0</v>
      </c>
      <c r="IZ23" s="345">
        <v>0</v>
      </c>
      <c r="JA23" s="345">
        <v>0</v>
      </c>
      <c r="JB23" s="345">
        <v>0</v>
      </c>
      <c r="JC23" s="345">
        <v>0</v>
      </c>
      <c r="JD23" s="345">
        <v>0</v>
      </c>
      <c r="JE23" s="349">
        <v>0</v>
      </c>
      <c r="JF23" s="350">
        <v>0</v>
      </c>
      <c r="JG23" s="348">
        <v>0</v>
      </c>
      <c r="JH23" s="345">
        <v>0</v>
      </c>
      <c r="JI23" s="346">
        <v>0</v>
      </c>
      <c r="JJ23" s="351">
        <v>0</v>
      </c>
      <c r="JK23" s="345">
        <v>835139</v>
      </c>
      <c r="JL23" s="345">
        <v>606851</v>
      </c>
      <c r="JM23" s="345">
        <v>392057</v>
      </c>
      <c r="JN23" s="345">
        <v>0</v>
      </c>
      <c r="JO23" s="345">
        <v>0</v>
      </c>
      <c r="JP23" s="349">
        <v>1834047</v>
      </c>
      <c r="JQ23" s="347">
        <v>1834047</v>
      </c>
      <c r="JR23" s="348">
        <v>0</v>
      </c>
      <c r="JS23" s="345">
        <v>0</v>
      </c>
      <c r="JT23" s="346">
        <v>0</v>
      </c>
      <c r="JU23" s="351">
        <v>0</v>
      </c>
      <c r="JV23" s="345">
        <v>46048</v>
      </c>
      <c r="JW23" s="345">
        <v>51146</v>
      </c>
      <c r="JX23" s="345">
        <v>251764</v>
      </c>
      <c r="JY23" s="345">
        <v>490582</v>
      </c>
      <c r="JZ23" s="345">
        <v>293190</v>
      </c>
      <c r="KA23" s="349">
        <v>1132730</v>
      </c>
      <c r="KB23" s="347">
        <v>1132730</v>
      </c>
      <c r="KC23" s="352">
        <v>51686</v>
      </c>
      <c r="KD23" s="353">
        <v>0</v>
      </c>
      <c r="KE23" s="349">
        <v>51686</v>
      </c>
      <c r="KF23" s="351">
        <v>0</v>
      </c>
      <c r="KG23" s="345">
        <v>371451</v>
      </c>
      <c r="KH23" s="345">
        <v>366007</v>
      </c>
      <c r="KI23" s="345">
        <v>999175</v>
      </c>
      <c r="KJ23" s="345">
        <v>445631</v>
      </c>
      <c r="KK23" s="345">
        <v>0</v>
      </c>
      <c r="KL23" s="349">
        <v>2182264</v>
      </c>
      <c r="KM23" s="354">
        <v>2233950</v>
      </c>
      <c r="KN23" s="342">
        <v>0</v>
      </c>
      <c r="KO23" s="343">
        <v>0</v>
      </c>
      <c r="KP23" s="344">
        <v>0</v>
      </c>
      <c r="KQ23" s="404">
        <v>0</v>
      </c>
      <c r="KR23" s="345">
        <v>246410</v>
      </c>
      <c r="KS23" s="345">
        <v>991384</v>
      </c>
      <c r="KT23" s="345">
        <v>1316772</v>
      </c>
      <c r="KU23" s="345">
        <v>267276</v>
      </c>
      <c r="KV23" s="345">
        <v>549092</v>
      </c>
      <c r="KW23" s="349">
        <v>3370934</v>
      </c>
      <c r="KX23" s="347">
        <v>3370934</v>
      </c>
      <c r="KY23" s="348">
        <v>0</v>
      </c>
      <c r="KZ23" s="345">
        <v>0</v>
      </c>
      <c r="LA23" s="349">
        <v>0</v>
      </c>
      <c r="LB23" s="404">
        <v>0</v>
      </c>
      <c r="LC23" s="345">
        <v>0</v>
      </c>
      <c r="LD23" s="345">
        <v>0</v>
      </c>
      <c r="LE23" s="345">
        <v>0</v>
      </c>
      <c r="LF23" s="345">
        <v>0</v>
      </c>
      <c r="LG23" s="345">
        <v>0</v>
      </c>
      <c r="LH23" s="349">
        <v>0</v>
      </c>
      <c r="LI23" s="350">
        <v>0</v>
      </c>
      <c r="LJ23" s="348">
        <v>0</v>
      </c>
      <c r="LK23" s="345">
        <v>0</v>
      </c>
      <c r="LL23" s="349">
        <v>0</v>
      </c>
      <c r="LM23" s="404">
        <v>0</v>
      </c>
      <c r="LN23" s="345">
        <v>0</v>
      </c>
      <c r="LO23" s="345">
        <v>0</v>
      </c>
      <c r="LP23" s="345">
        <v>281296</v>
      </c>
      <c r="LQ23" s="345">
        <v>0</v>
      </c>
      <c r="LR23" s="345">
        <v>323548</v>
      </c>
      <c r="LS23" s="349">
        <v>604844</v>
      </c>
      <c r="LT23" s="347">
        <v>604844</v>
      </c>
      <c r="LU23" s="348">
        <v>0</v>
      </c>
      <c r="LV23" s="345">
        <v>0</v>
      </c>
      <c r="LW23" s="349">
        <v>0</v>
      </c>
      <c r="LX23" s="404">
        <v>0</v>
      </c>
      <c r="LY23" s="345">
        <v>0</v>
      </c>
      <c r="LZ23" s="345">
        <v>0</v>
      </c>
      <c r="MA23" s="345">
        <v>0</v>
      </c>
      <c r="MB23" s="345">
        <v>321892</v>
      </c>
      <c r="MC23" s="345">
        <v>147775</v>
      </c>
      <c r="MD23" s="349">
        <v>469667</v>
      </c>
      <c r="ME23" s="350">
        <v>469667</v>
      </c>
      <c r="MF23" s="348">
        <v>0</v>
      </c>
      <c r="MG23" s="345">
        <v>0</v>
      </c>
      <c r="MH23" s="349">
        <v>0</v>
      </c>
      <c r="MI23" s="404">
        <v>0</v>
      </c>
      <c r="MJ23" s="345">
        <v>700524</v>
      </c>
      <c r="MK23" s="345">
        <v>1410589</v>
      </c>
      <c r="ML23" s="345">
        <v>4205627</v>
      </c>
      <c r="MM23" s="345">
        <v>6521302</v>
      </c>
      <c r="MN23" s="345">
        <v>2220006</v>
      </c>
      <c r="MO23" s="349">
        <v>15058048</v>
      </c>
      <c r="MP23" s="354">
        <v>15058048</v>
      </c>
      <c r="MQ23" s="348">
        <v>0</v>
      </c>
      <c r="MR23" s="345">
        <v>0</v>
      </c>
      <c r="MS23" s="349">
        <v>0</v>
      </c>
      <c r="MT23" s="404">
        <v>0</v>
      </c>
      <c r="MU23" s="345">
        <v>0</v>
      </c>
      <c r="MV23" s="345">
        <v>0</v>
      </c>
      <c r="MW23" s="345">
        <v>1887918</v>
      </c>
      <c r="MX23" s="345">
        <v>4445353</v>
      </c>
      <c r="MY23" s="345">
        <v>1314767</v>
      </c>
      <c r="MZ23" s="349">
        <v>7648038</v>
      </c>
      <c r="NA23" s="354">
        <v>7648038</v>
      </c>
      <c r="NB23" s="348">
        <v>0</v>
      </c>
      <c r="NC23" s="345">
        <v>0</v>
      </c>
      <c r="ND23" s="349">
        <v>0</v>
      </c>
      <c r="NE23" s="404">
        <v>0</v>
      </c>
      <c r="NF23" s="345">
        <v>700524</v>
      </c>
      <c r="NG23" s="345">
        <v>1410589</v>
      </c>
      <c r="NH23" s="345">
        <v>2317709</v>
      </c>
      <c r="NI23" s="345">
        <v>2075949</v>
      </c>
      <c r="NJ23" s="345">
        <v>506899</v>
      </c>
      <c r="NK23" s="349">
        <v>7011670</v>
      </c>
      <c r="NL23" s="347">
        <v>7011670</v>
      </c>
      <c r="NM23" s="348">
        <v>0</v>
      </c>
      <c r="NN23" s="345">
        <v>0</v>
      </c>
      <c r="NO23" s="349">
        <v>0</v>
      </c>
      <c r="NP23" s="404">
        <v>0</v>
      </c>
      <c r="NQ23" s="345">
        <v>0</v>
      </c>
      <c r="NR23" s="345">
        <v>0</v>
      </c>
      <c r="NS23" s="345">
        <v>0</v>
      </c>
      <c r="NT23" s="345">
        <v>0</v>
      </c>
      <c r="NU23" s="345">
        <v>0</v>
      </c>
      <c r="NV23" s="349">
        <v>0</v>
      </c>
      <c r="NW23" s="350">
        <v>0</v>
      </c>
      <c r="NX23" s="348">
        <v>0</v>
      </c>
      <c r="NY23" s="345">
        <v>0</v>
      </c>
      <c r="NZ23" s="349">
        <v>0</v>
      </c>
      <c r="OA23" s="404">
        <v>0</v>
      </c>
      <c r="OB23" s="345">
        <v>0</v>
      </c>
      <c r="OC23" s="345">
        <v>0</v>
      </c>
      <c r="OD23" s="345">
        <v>0</v>
      </c>
      <c r="OE23" s="345">
        <v>0</v>
      </c>
      <c r="OF23" s="345">
        <v>398340</v>
      </c>
      <c r="OG23" s="349">
        <v>398340</v>
      </c>
      <c r="OH23" s="350">
        <v>398340</v>
      </c>
      <c r="OI23" s="348">
        <v>573407</v>
      </c>
      <c r="OJ23" s="345">
        <v>972122</v>
      </c>
      <c r="OK23" s="346">
        <v>1545529</v>
      </c>
      <c r="OL23" s="351">
        <v>0</v>
      </c>
      <c r="OM23" s="345">
        <v>10845905</v>
      </c>
      <c r="ON23" s="345">
        <v>12350369</v>
      </c>
      <c r="OO23" s="345">
        <v>17147743</v>
      </c>
      <c r="OP23" s="345">
        <v>14877739</v>
      </c>
      <c r="OQ23" s="345">
        <v>7536639</v>
      </c>
      <c r="OR23" s="349">
        <v>62758395</v>
      </c>
      <c r="OS23" s="354">
        <v>64303924</v>
      </c>
    </row>
    <row r="24" spans="2:409" s="70" customFormat="1" ht="21" customHeight="1" x14ac:dyDescent="0.2">
      <c r="B24" s="410" t="s">
        <v>19</v>
      </c>
      <c r="C24" s="326">
        <v>290376</v>
      </c>
      <c r="D24" s="327">
        <v>660232</v>
      </c>
      <c r="E24" s="328">
        <v>950608</v>
      </c>
      <c r="F24" s="329">
        <v>0</v>
      </c>
      <c r="G24" s="327">
        <v>3955845</v>
      </c>
      <c r="H24" s="327">
        <v>3517190</v>
      </c>
      <c r="I24" s="327">
        <v>2643809</v>
      </c>
      <c r="J24" s="327">
        <v>1461596</v>
      </c>
      <c r="K24" s="327">
        <v>2858373</v>
      </c>
      <c r="L24" s="329">
        <v>14436813</v>
      </c>
      <c r="M24" s="330">
        <v>15387421</v>
      </c>
      <c r="N24" s="326">
        <v>66183</v>
      </c>
      <c r="O24" s="327">
        <v>226504</v>
      </c>
      <c r="P24" s="328">
        <v>292687</v>
      </c>
      <c r="Q24" s="326">
        <v>0</v>
      </c>
      <c r="R24" s="327">
        <v>1279859</v>
      </c>
      <c r="S24" s="327">
        <v>714470</v>
      </c>
      <c r="T24" s="327">
        <v>806032</v>
      </c>
      <c r="U24" s="327">
        <v>597185</v>
      </c>
      <c r="V24" s="327">
        <v>955351</v>
      </c>
      <c r="W24" s="328">
        <v>4352897</v>
      </c>
      <c r="X24" s="330">
        <v>4645584</v>
      </c>
      <c r="Y24" s="326">
        <v>0</v>
      </c>
      <c r="Z24" s="327">
        <v>0</v>
      </c>
      <c r="AA24" s="328">
        <v>0</v>
      </c>
      <c r="AB24" s="326">
        <v>0</v>
      </c>
      <c r="AC24" s="327">
        <v>409843</v>
      </c>
      <c r="AD24" s="327">
        <v>262646</v>
      </c>
      <c r="AE24" s="327">
        <v>301147</v>
      </c>
      <c r="AF24" s="327">
        <v>250032</v>
      </c>
      <c r="AG24" s="327">
        <v>273045</v>
      </c>
      <c r="AH24" s="328">
        <v>1496713</v>
      </c>
      <c r="AI24" s="330">
        <v>1496713</v>
      </c>
      <c r="AJ24" s="326">
        <v>0</v>
      </c>
      <c r="AK24" s="327">
        <v>0</v>
      </c>
      <c r="AL24" s="328">
        <v>0</v>
      </c>
      <c r="AM24" s="326">
        <v>0</v>
      </c>
      <c r="AN24" s="327">
        <v>0</v>
      </c>
      <c r="AO24" s="327">
        <v>0</v>
      </c>
      <c r="AP24" s="327">
        <v>122433</v>
      </c>
      <c r="AQ24" s="327">
        <v>36729</v>
      </c>
      <c r="AR24" s="327">
        <v>222028</v>
      </c>
      <c r="AS24" s="328">
        <v>381190</v>
      </c>
      <c r="AT24" s="330">
        <v>381190</v>
      </c>
      <c r="AU24" s="326">
        <v>30087</v>
      </c>
      <c r="AV24" s="327">
        <v>151048</v>
      </c>
      <c r="AW24" s="328">
        <v>181135</v>
      </c>
      <c r="AX24" s="326">
        <v>0</v>
      </c>
      <c r="AY24" s="327">
        <v>499336</v>
      </c>
      <c r="AZ24" s="327">
        <v>288158</v>
      </c>
      <c r="BA24" s="327">
        <v>178413</v>
      </c>
      <c r="BB24" s="327">
        <v>193856</v>
      </c>
      <c r="BC24" s="327">
        <v>254690</v>
      </c>
      <c r="BD24" s="328">
        <v>1414453</v>
      </c>
      <c r="BE24" s="330">
        <v>1595588</v>
      </c>
      <c r="BF24" s="326">
        <v>0</v>
      </c>
      <c r="BG24" s="327">
        <v>0</v>
      </c>
      <c r="BH24" s="331">
        <v>0</v>
      </c>
      <c r="BI24" s="332">
        <v>0</v>
      </c>
      <c r="BJ24" s="327">
        <v>19976</v>
      </c>
      <c r="BK24" s="327">
        <v>12026</v>
      </c>
      <c r="BL24" s="327">
        <v>64751</v>
      </c>
      <c r="BM24" s="327">
        <v>0</v>
      </c>
      <c r="BN24" s="327">
        <v>31700</v>
      </c>
      <c r="BO24" s="328">
        <v>128453</v>
      </c>
      <c r="BP24" s="330">
        <v>128453</v>
      </c>
      <c r="BQ24" s="326">
        <v>36096</v>
      </c>
      <c r="BR24" s="327">
        <v>75456</v>
      </c>
      <c r="BS24" s="328">
        <v>111552</v>
      </c>
      <c r="BT24" s="326">
        <v>0</v>
      </c>
      <c r="BU24" s="327">
        <v>350704</v>
      </c>
      <c r="BV24" s="327">
        <v>151640</v>
      </c>
      <c r="BW24" s="327">
        <v>139288</v>
      </c>
      <c r="BX24" s="327">
        <v>116568</v>
      </c>
      <c r="BY24" s="327">
        <v>173888</v>
      </c>
      <c r="BZ24" s="328">
        <v>932088</v>
      </c>
      <c r="CA24" s="330">
        <v>1043640</v>
      </c>
      <c r="CB24" s="326">
        <v>61315</v>
      </c>
      <c r="CC24" s="327">
        <v>80087</v>
      </c>
      <c r="CD24" s="328">
        <v>141402</v>
      </c>
      <c r="CE24" s="326">
        <v>0</v>
      </c>
      <c r="CF24" s="327">
        <v>1188101</v>
      </c>
      <c r="CG24" s="327">
        <v>1244773</v>
      </c>
      <c r="CH24" s="327">
        <v>536291</v>
      </c>
      <c r="CI24" s="327">
        <v>0</v>
      </c>
      <c r="CJ24" s="327">
        <v>371134</v>
      </c>
      <c r="CK24" s="328">
        <v>3340299</v>
      </c>
      <c r="CL24" s="330">
        <v>3481701</v>
      </c>
      <c r="CM24" s="326">
        <v>0</v>
      </c>
      <c r="CN24" s="327">
        <v>0</v>
      </c>
      <c r="CO24" s="328">
        <v>0</v>
      </c>
      <c r="CP24" s="332">
        <v>0</v>
      </c>
      <c r="CQ24" s="327">
        <v>774924</v>
      </c>
      <c r="CR24" s="327">
        <v>829952</v>
      </c>
      <c r="CS24" s="327">
        <v>196576</v>
      </c>
      <c r="CT24" s="327">
        <v>0</v>
      </c>
      <c r="CU24" s="327">
        <v>264133</v>
      </c>
      <c r="CV24" s="328">
        <v>2065585</v>
      </c>
      <c r="CW24" s="330">
        <v>2065585</v>
      </c>
      <c r="CX24" s="326">
        <v>61315</v>
      </c>
      <c r="CY24" s="327">
        <v>80087</v>
      </c>
      <c r="CZ24" s="328">
        <v>141402</v>
      </c>
      <c r="DA24" s="326">
        <v>0</v>
      </c>
      <c r="DB24" s="327">
        <v>413177</v>
      </c>
      <c r="DC24" s="327">
        <v>414821</v>
      </c>
      <c r="DD24" s="327">
        <v>339715</v>
      </c>
      <c r="DE24" s="327">
        <v>0</v>
      </c>
      <c r="DF24" s="327">
        <v>107001</v>
      </c>
      <c r="DG24" s="328">
        <v>1274714</v>
      </c>
      <c r="DH24" s="330">
        <v>1416116</v>
      </c>
      <c r="DI24" s="326">
        <v>0</v>
      </c>
      <c r="DJ24" s="327">
        <v>24205</v>
      </c>
      <c r="DK24" s="331">
        <v>24205</v>
      </c>
      <c r="DL24" s="332">
        <v>0</v>
      </c>
      <c r="DM24" s="327">
        <v>53694</v>
      </c>
      <c r="DN24" s="327">
        <v>225505</v>
      </c>
      <c r="DO24" s="327">
        <v>266669</v>
      </c>
      <c r="DP24" s="327">
        <v>145967</v>
      </c>
      <c r="DQ24" s="327">
        <v>0</v>
      </c>
      <c r="DR24" s="328">
        <v>691835</v>
      </c>
      <c r="DS24" s="330">
        <v>716040</v>
      </c>
      <c r="DT24" s="326">
        <v>0</v>
      </c>
      <c r="DU24" s="327">
        <v>24205</v>
      </c>
      <c r="DV24" s="328">
        <v>24205</v>
      </c>
      <c r="DW24" s="326">
        <v>0</v>
      </c>
      <c r="DX24" s="327">
        <v>53694</v>
      </c>
      <c r="DY24" s="327">
        <v>192801</v>
      </c>
      <c r="DZ24" s="327">
        <v>18846</v>
      </c>
      <c r="EA24" s="327">
        <v>145967</v>
      </c>
      <c r="EB24" s="327">
        <v>0</v>
      </c>
      <c r="EC24" s="328">
        <v>411308</v>
      </c>
      <c r="ED24" s="330">
        <v>435513</v>
      </c>
      <c r="EE24" s="326">
        <v>0</v>
      </c>
      <c r="EF24" s="331">
        <v>0</v>
      </c>
      <c r="EG24" s="328">
        <v>0</v>
      </c>
      <c r="EH24" s="326">
        <v>0</v>
      </c>
      <c r="EI24" s="327">
        <v>0</v>
      </c>
      <c r="EJ24" s="327">
        <v>32704</v>
      </c>
      <c r="EK24" s="327">
        <v>247823</v>
      </c>
      <c r="EL24" s="327">
        <v>0</v>
      </c>
      <c r="EM24" s="327">
        <v>0</v>
      </c>
      <c r="EN24" s="331">
        <v>280527</v>
      </c>
      <c r="EO24" s="330">
        <v>280527</v>
      </c>
      <c r="EP24" s="326">
        <v>0</v>
      </c>
      <c r="EQ24" s="327">
        <v>0</v>
      </c>
      <c r="ER24" s="331">
        <v>0</v>
      </c>
      <c r="ES24" s="332">
        <v>0</v>
      </c>
      <c r="ET24" s="327">
        <v>0</v>
      </c>
      <c r="EU24" s="327">
        <v>0</v>
      </c>
      <c r="EV24" s="327">
        <v>0</v>
      </c>
      <c r="EW24" s="327">
        <v>0</v>
      </c>
      <c r="EX24" s="327">
        <v>0</v>
      </c>
      <c r="EY24" s="328">
        <v>0</v>
      </c>
      <c r="EZ24" s="330">
        <v>0</v>
      </c>
      <c r="FA24" s="326">
        <v>0</v>
      </c>
      <c r="FB24" s="327">
        <v>0</v>
      </c>
      <c r="FC24" s="331">
        <v>0</v>
      </c>
      <c r="FD24" s="332">
        <v>0</v>
      </c>
      <c r="FE24" s="327">
        <v>0</v>
      </c>
      <c r="FF24" s="327">
        <v>0</v>
      </c>
      <c r="FG24" s="327">
        <v>0</v>
      </c>
      <c r="FH24" s="327">
        <v>0</v>
      </c>
      <c r="FI24" s="327">
        <v>0</v>
      </c>
      <c r="FJ24" s="328">
        <v>0</v>
      </c>
      <c r="FK24" s="330">
        <v>0</v>
      </c>
      <c r="FL24" s="326">
        <v>45360</v>
      </c>
      <c r="FM24" s="327">
        <v>46368</v>
      </c>
      <c r="FN24" s="328">
        <v>91728</v>
      </c>
      <c r="FO24" s="326">
        <v>0</v>
      </c>
      <c r="FP24" s="327">
        <v>260456</v>
      </c>
      <c r="FQ24" s="327">
        <v>288384</v>
      </c>
      <c r="FR24" s="327">
        <v>198784</v>
      </c>
      <c r="FS24" s="327">
        <v>77376</v>
      </c>
      <c r="FT24" s="327">
        <v>317472</v>
      </c>
      <c r="FU24" s="328">
        <v>1142472</v>
      </c>
      <c r="FV24" s="330">
        <v>1234200</v>
      </c>
      <c r="FW24" s="333">
        <v>45360</v>
      </c>
      <c r="FX24" s="327">
        <v>46368</v>
      </c>
      <c r="FY24" s="331">
        <v>91728</v>
      </c>
      <c r="FZ24" s="332">
        <v>0</v>
      </c>
      <c r="GA24" s="327">
        <v>260456</v>
      </c>
      <c r="GB24" s="327">
        <v>288384</v>
      </c>
      <c r="GC24" s="327">
        <v>198784</v>
      </c>
      <c r="GD24" s="327">
        <v>77376</v>
      </c>
      <c r="GE24" s="327">
        <v>317472</v>
      </c>
      <c r="GF24" s="328">
        <v>1142472</v>
      </c>
      <c r="GG24" s="334">
        <v>1234200</v>
      </c>
      <c r="GH24" s="333">
        <v>0</v>
      </c>
      <c r="GI24" s="327">
        <v>0</v>
      </c>
      <c r="GJ24" s="331">
        <v>0</v>
      </c>
      <c r="GK24" s="332">
        <v>0</v>
      </c>
      <c r="GL24" s="327">
        <v>0</v>
      </c>
      <c r="GM24" s="327">
        <v>0</v>
      </c>
      <c r="GN24" s="327">
        <v>0</v>
      </c>
      <c r="GO24" s="327">
        <v>0</v>
      </c>
      <c r="GP24" s="327">
        <v>0</v>
      </c>
      <c r="GQ24" s="328">
        <v>0</v>
      </c>
      <c r="GR24" s="330">
        <v>0</v>
      </c>
      <c r="GS24" s="326">
        <v>0</v>
      </c>
      <c r="GT24" s="327">
        <v>0</v>
      </c>
      <c r="GU24" s="328">
        <v>0</v>
      </c>
      <c r="GV24" s="326">
        <v>0</v>
      </c>
      <c r="GW24" s="327">
        <v>0</v>
      </c>
      <c r="GX24" s="327">
        <v>0</v>
      </c>
      <c r="GY24" s="327">
        <v>0</v>
      </c>
      <c r="GZ24" s="327">
        <v>0</v>
      </c>
      <c r="HA24" s="327">
        <v>0</v>
      </c>
      <c r="HB24" s="331">
        <v>0</v>
      </c>
      <c r="HC24" s="330">
        <v>0</v>
      </c>
      <c r="HD24" s="326">
        <v>117518</v>
      </c>
      <c r="HE24" s="327">
        <v>283068</v>
      </c>
      <c r="HF24" s="331">
        <v>400586</v>
      </c>
      <c r="HG24" s="332">
        <v>0</v>
      </c>
      <c r="HH24" s="327">
        <v>1173735</v>
      </c>
      <c r="HI24" s="327">
        <v>1044058</v>
      </c>
      <c r="HJ24" s="327">
        <v>836033</v>
      </c>
      <c r="HK24" s="327">
        <v>641068</v>
      </c>
      <c r="HL24" s="327">
        <v>1214416</v>
      </c>
      <c r="HM24" s="328">
        <v>4909310</v>
      </c>
      <c r="HN24" s="329">
        <v>5309896</v>
      </c>
      <c r="HO24" s="333">
        <v>0</v>
      </c>
      <c r="HP24" s="327">
        <v>0</v>
      </c>
      <c r="HQ24" s="328">
        <v>0</v>
      </c>
      <c r="HR24" s="326">
        <v>0</v>
      </c>
      <c r="HS24" s="327">
        <v>0</v>
      </c>
      <c r="HT24" s="327">
        <v>0</v>
      </c>
      <c r="HU24" s="327">
        <v>0</v>
      </c>
      <c r="HV24" s="327">
        <v>0</v>
      </c>
      <c r="HW24" s="327">
        <v>0</v>
      </c>
      <c r="HX24" s="331">
        <v>0</v>
      </c>
      <c r="HY24" s="330">
        <v>0</v>
      </c>
      <c r="HZ24" s="358">
        <v>0</v>
      </c>
      <c r="IA24" s="356">
        <v>0</v>
      </c>
      <c r="IB24" s="358">
        <v>0</v>
      </c>
      <c r="IC24" s="355">
        <v>0</v>
      </c>
      <c r="ID24" s="356">
        <v>1028918</v>
      </c>
      <c r="IE24" s="357">
        <v>954942</v>
      </c>
      <c r="IF24" s="358">
        <v>1534077</v>
      </c>
      <c r="IG24" s="356">
        <v>124287</v>
      </c>
      <c r="IH24" s="358">
        <v>1094083</v>
      </c>
      <c r="II24" s="359">
        <v>4736307</v>
      </c>
      <c r="IJ24" s="358">
        <v>4736307</v>
      </c>
      <c r="IK24" s="342">
        <v>0</v>
      </c>
      <c r="IL24" s="343">
        <v>0</v>
      </c>
      <c r="IM24" s="344">
        <v>0</v>
      </c>
      <c r="IN24" s="404">
        <v>0</v>
      </c>
      <c r="IO24" s="345">
        <v>0</v>
      </c>
      <c r="IP24" s="345">
        <v>0</v>
      </c>
      <c r="IQ24" s="345">
        <v>0</v>
      </c>
      <c r="IR24" s="345">
        <v>0</v>
      </c>
      <c r="IS24" s="345">
        <v>0</v>
      </c>
      <c r="IT24" s="346">
        <v>0</v>
      </c>
      <c r="IU24" s="347">
        <v>0</v>
      </c>
      <c r="IV24" s="348">
        <v>0</v>
      </c>
      <c r="IW24" s="345">
        <v>0</v>
      </c>
      <c r="IX24" s="349">
        <v>0</v>
      </c>
      <c r="IY24" s="404">
        <v>0</v>
      </c>
      <c r="IZ24" s="345">
        <v>0</v>
      </c>
      <c r="JA24" s="345">
        <v>0</v>
      </c>
      <c r="JB24" s="345">
        <v>0</v>
      </c>
      <c r="JC24" s="345">
        <v>0</v>
      </c>
      <c r="JD24" s="345">
        <v>0</v>
      </c>
      <c r="JE24" s="349">
        <v>0</v>
      </c>
      <c r="JF24" s="350">
        <v>0</v>
      </c>
      <c r="JG24" s="348">
        <v>0</v>
      </c>
      <c r="JH24" s="345">
        <v>0</v>
      </c>
      <c r="JI24" s="346">
        <v>0</v>
      </c>
      <c r="JJ24" s="351">
        <v>0</v>
      </c>
      <c r="JK24" s="345">
        <v>288155</v>
      </c>
      <c r="JL24" s="345">
        <v>77237</v>
      </c>
      <c r="JM24" s="345">
        <v>0</v>
      </c>
      <c r="JN24" s="345">
        <v>0</v>
      </c>
      <c r="JO24" s="345">
        <v>0</v>
      </c>
      <c r="JP24" s="349">
        <v>365392</v>
      </c>
      <c r="JQ24" s="347">
        <v>365392</v>
      </c>
      <c r="JR24" s="348">
        <v>0</v>
      </c>
      <c r="JS24" s="345">
        <v>0</v>
      </c>
      <c r="JT24" s="346">
        <v>0</v>
      </c>
      <c r="JU24" s="351">
        <v>0</v>
      </c>
      <c r="JV24" s="345">
        <v>93952</v>
      </c>
      <c r="JW24" s="345">
        <v>206660</v>
      </c>
      <c r="JX24" s="345">
        <v>0</v>
      </c>
      <c r="JY24" s="345">
        <v>124287</v>
      </c>
      <c r="JZ24" s="345">
        <v>0</v>
      </c>
      <c r="KA24" s="349">
        <v>424899</v>
      </c>
      <c r="KB24" s="347">
        <v>424899</v>
      </c>
      <c r="KC24" s="352">
        <v>0</v>
      </c>
      <c r="KD24" s="353">
        <v>0</v>
      </c>
      <c r="KE24" s="349">
        <v>0</v>
      </c>
      <c r="KF24" s="351">
        <v>0</v>
      </c>
      <c r="KG24" s="345">
        <v>410341</v>
      </c>
      <c r="KH24" s="345">
        <v>418791</v>
      </c>
      <c r="KI24" s="345">
        <v>958789</v>
      </c>
      <c r="KJ24" s="345">
        <v>0</v>
      </c>
      <c r="KK24" s="345">
        <v>0</v>
      </c>
      <c r="KL24" s="349">
        <v>1787921</v>
      </c>
      <c r="KM24" s="354">
        <v>1787921</v>
      </c>
      <c r="KN24" s="342">
        <v>0</v>
      </c>
      <c r="KO24" s="343">
        <v>0</v>
      </c>
      <c r="KP24" s="344">
        <v>0</v>
      </c>
      <c r="KQ24" s="404">
        <v>0</v>
      </c>
      <c r="KR24" s="345">
        <v>236470</v>
      </c>
      <c r="KS24" s="345">
        <v>252254</v>
      </c>
      <c r="KT24" s="345">
        <v>269643</v>
      </c>
      <c r="KU24" s="345">
        <v>0</v>
      </c>
      <c r="KV24" s="345">
        <v>0</v>
      </c>
      <c r="KW24" s="349">
        <v>758367</v>
      </c>
      <c r="KX24" s="347">
        <v>758367</v>
      </c>
      <c r="KY24" s="348">
        <v>0</v>
      </c>
      <c r="KZ24" s="345">
        <v>0</v>
      </c>
      <c r="LA24" s="349">
        <v>0</v>
      </c>
      <c r="LB24" s="404">
        <v>0</v>
      </c>
      <c r="LC24" s="345">
        <v>0</v>
      </c>
      <c r="LD24" s="345">
        <v>0</v>
      </c>
      <c r="LE24" s="345">
        <v>0</v>
      </c>
      <c r="LF24" s="345">
        <v>0</v>
      </c>
      <c r="LG24" s="345">
        <v>0</v>
      </c>
      <c r="LH24" s="349">
        <v>0</v>
      </c>
      <c r="LI24" s="350">
        <v>0</v>
      </c>
      <c r="LJ24" s="348">
        <v>0</v>
      </c>
      <c r="LK24" s="345">
        <v>0</v>
      </c>
      <c r="LL24" s="349">
        <v>0</v>
      </c>
      <c r="LM24" s="404">
        <v>0</v>
      </c>
      <c r="LN24" s="345">
        <v>0</v>
      </c>
      <c r="LO24" s="345">
        <v>0</v>
      </c>
      <c r="LP24" s="345">
        <v>0</v>
      </c>
      <c r="LQ24" s="345">
        <v>0</v>
      </c>
      <c r="LR24" s="345">
        <v>0</v>
      </c>
      <c r="LS24" s="349">
        <v>0</v>
      </c>
      <c r="LT24" s="347">
        <v>0</v>
      </c>
      <c r="LU24" s="348">
        <v>0</v>
      </c>
      <c r="LV24" s="345">
        <v>0</v>
      </c>
      <c r="LW24" s="349">
        <v>0</v>
      </c>
      <c r="LX24" s="404">
        <v>0</v>
      </c>
      <c r="LY24" s="345">
        <v>0</v>
      </c>
      <c r="LZ24" s="345">
        <v>0</v>
      </c>
      <c r="MA24" s="345">
        <v>305645</v>
      </c>
      <c r="MB24" s="345">
        <v>0</v>
      </c>
      <c r="MC24" s="345">
        <v>1094083</v>
      </c>
      <c r="MD24" s="349">
        <v>1399728</v>
      </c>
      <c r="ME24" s="350">
        <v>1399728</v>
      </c>
      <c r="MF24" s="348">
        <v>0</v>
      </c>
      <c r="MG24" s="345">
        <v>0</v>
      </c>
      <c r="MH24" s="349">
        <v>0</v>
      </c>
      <c r="MI24" s="404">
        <v>0</v>
      </c>
      <c r="MJ24" s="345">
        <v>826428</v>
      </c>
      <c r="MK24" s="345">
        <v>853006</v>
      </c>
      <c r="ML24" s="345">
        <v>1786970</v>
      </c>
      <c r="MM24" s="345">
        <v>2370019</v>
      </c>
      <c r="MN24" s="345">
        <v>1598769</v>
      </c>
      <c r="MO24" s="349">
        <v>7435192</v>
      </c>
      <c r="MP24" s="354">
        <v>7435192</v>
      </c>
      <c r="MQ24" s="348">
        <v>0</v>
      </c>
      <c r="MR24" s="345">
        <v>0</v>
      </c>
      <c r="MS24" s="349">
        <v>0</v>
      </c>
      <c r="MT24" s="404">
        <v>0</v>
      </c>
      <c r="MU24" s="345">
        <v>0</v>
      </c>
      <c r="MV24" s="345">
        <v>0</v>
      </c>
      <c r="MW24" s="345">
        <v>779644</v>
      </c>
      <c r="MX24" s="345">
        <v>1402086</v>
      </c>
      <c r="MY24" s="345">
        <v>1598769</v>
      </c>
      <c r="MZ24" s="349">
        <v>3780499</v>
      </c>
      <c r="NA24" s="354">
        <v>3780499</v>
      </c>
      <c r="NB24" s="348">
        <v>0</v>
      </c>
      <c r="NC24" s="345">
        <v>0</v>
      </c>
      <c r="ND24" s="349">
        <v>0</v>
      </c>
      <c r="NE24" s="404">
        <v>0</v>
      </c>
      <c r="NF24" s="345">
        <v>826428</v>
      </c>
      <c r="NG24" s="345">
        <v>853006</v>
      </c>
      <c r="NH24" s="345">
        <v>1007326</v>
      </c>
      <c r="NI24" s="345">
        <v>967933</v>
      </c>
      <c r="NJ24" s="345">
        <v>0</v>
      </c>
      <c r="NK24" s="349">
        <v>3654693</v>
      </c>
      <c r="NL24" s="347">
        <v>3654693</v>
      </c>
      <c r="NM24" s="348">
        <v>0</v>
      </c>
      <c r="NN24" s="345">
        <v>0</v>
      </c>
      <c r="NO24" s="349">
        <v>0</v>
      </c>
      <c r="NP24" s="404">
        <v>0</v>
      </c>
      <c r="NQ24" s="345">
        <v>0</v>
      </c>
      <c r="NR24" s="345">
        <v>0</v>
      </c>
      <c r="NS24" s="345">
        <v>0</v>
      </c>
      <c r="NT24" s="345">
        <v>0</v>
      </c>
      <c r="NU24" s="345">
        <v>0</v>
      </c>
      <c r="NV24" s="349">
        <v>0</v>
      </c>
      <c r="NW24" s="350">
        <v>0</v>
      </c>
      <c r="NX24" s="348">
        <v>0</v>
      </c>
      <c r="NY24" s="345">
        <v>0</v>
      </c>
      <c r="NZ24" s="349">
        <v>0</v>
      </c>
      <c r="OA24" s="404">
        <v>0</v>
      </c>
      <c r="OB24" s="345">
        <v>0</v>
      </c>
      <c r="OC24" s="345">
        <v>0</v>
      </c>
      <c r="OD24" s="345">
        <v>0</v>
      </c>
      <c r="OE24" s="345">
        <v>0</v>
      </c>
      <c r="OF24" s="345">
        <v>0</v>
      </c>
      <c r="OG24" s="349">
        <v>0</v>
      </c>
      <c r="OH24" s="350">
        <v>0</v>
      </c>
      <c r="OI24" s="348">
        <v>290376</v>
      </c>
      <c r="OJ24" s="345">
        <v>660232</v>
      </c>
      <c r="OK24" s="346">
        <v>950608</v>
      </c>
      <c r="OL24" s="351">
        <v>0</v>
      </c>
      <c r="OM24" s="345">
        <v>5811191</v>
      </c>
      <c r="ON24" s="345">
        <v>5325138</v>
      </c>
      <c r="OO24" s="345">
        <v>5964856</v>
      </c>
      <c r="OP24" s="345">
        <v>3955902</v>
      </c>
      <c r="OQ24" s="345">
        <v>5551225</v>
      </c>
      <c r="OR24" s="349">
        <v>26608312</v>
      </c>
      <c r="OS24" s="354">
        <v>27558920</v>
      </c>
    </row>
    <row r="25" spans="2:409" s="70" customFormat="1" ht="21" customHeight="1" x14ac:dyDescent="0.2">
      <c r="B25" s="410" t="s">
        <v>20</v>
      </c>
      <c r="C25" s="326">
        <v>319766</v>
      </c>
      <c r="D25" s="327">
        <v>788126</v>
      </c>
      <c r="E25" s="328">
        <v>1107892</v>
      </c>
      <c r="F25" s="326">
        <v>0</v>
      </c>
      <c r="G25" s="327">
        <v>5965017</v>
      </c>
      <c r="H25" s="327">
        <v>5484363</v>
      </c>
      <c r="I25" s="327">
        <v>4345901</v>
      </c>
      <c r="J25" s="327">
        <v>4549470</v>
      </c>
      <c r="K25" s="327">
        <v>1347651</v>
      </c>
      <c r="L25" s="367">
        <v>21692402</v>
      </c>
      <c r="M25" s="330">
        <v>22800294</v>
      </c>
      <c r="N25" s="326">
        <v>137642</v>
      </c>
      <c r="O25" s="327">
        <v>297695</v>
      </c>
      <c r="P25" s="328">
        <v>435337</v>
      </c>
      <c r="Q25" s="326">
        <v>0</v>
      </c>
      <c r="R25" s="327">
        <v>1639045</v>
      </c>
      <c r="S25" s="327">
        <v>1821197</v>
      </c>
      <c r="T25" s="327">
        <v>1074596</v>
      </c>
      <c r="U25" s="327">
        <v>1161683</v>
      </c>
      <c r="V25" s="327">
        <v>887450</v>
      </c>
      <c r="W25" s="328">
        <v>6583971</v>
      </c>
      <c r="X25" s="330">
        <v>7019308</v>
      </c>
      <c r="Y25" s="326">
        <v>0</v>
      </c>
      <c r="Z25" s="327">
        <v>0</v>
      </c>
      <c r="AA25" s="328">
        <v>0</v>
      </c>
      <c r="AB25" s="326">
        <v>0</v>
      </c>
      <c r="AC25" s="327">
        <v>550085</v>
      </c>
      <c r="AD25" s="327">
        <v>664546</v>
      </c>
      <c r="AE25" s="327">
        <v>288152</v>
      </c>
      <c r="AF25" s="327">
        <v>243775</v>
      </c>
      <c r="AG25" s="327">
        <v>412895</v>
      </c>
      <c r="AH25" s="328">
        <v>2159453</v>
      </c>
      <c r="AI25" s="330">
        <v>2159453</v>
      </c>
      <c r="AJ25" s="326">
        <v>0</v>
      </c>
      <c r="AK25" s="327">
        <v>0</v>
      </c>
      <c r="AL25" s="328">
        <v>0</v>
      </c>
      <c r="AM25" s="326">
        <v>0</v>
      </c>
      <c r="AN25" s="327">
        <v>0</v>
      </c>
      <c r="AO25" s="327">
        <v>37931</v>
      </c>
      <c r="AP25" s="327">
        <v>0</v>
      </c>
      <c r="AQ25" s="327">
        <v>230255</v>
      </c>
      <c r="AR25" s="327">
        <v>133047</v>
      </c>
      <c r="AS25" s="328">
        <v>401233</v>
      </c>
      <c r="AT25" s="330">
        <v>401233</v>
      </c>
      <c r="AU25" s="326">
        <v>78822</v>
      </c>
      <c r="AV25" s="327">
        <v>152780</v>
      </c>
      <c r="AW25" s="328">
        <v>231602</v>
      </c>
      <c r="AX25" s="326">
        <v>0</v>
      </c>
      <c r="AY25" s="327">
        <v>689965</v>
      </c>
      <c r="AZ25" s="327">
        <v>644573</v>
      </c>
      <c r="BA25" s="327">
        <v>366922</v>
      </c>
      <c r="BB25" s="327">
        <v>286204</v>
      </c>
      <c r="BC25" s="327">
        <v>253492</v>
      </c>
      <c r="BD25" s="328">
        <v>2241156</v>
      </c>
      <c r="BE25" s="330">
        <v>2472758</v>
      </c>
      <c r="BF25" s="326">
        <v>49188</v>
      </c>
      <c r="BG25" s="327">
        <v>65355</v>
      </c>
      <c r="BH25" s="331">
        <v>114543</v>
      </c>
      <c r="BI25" s="332">
        <v>0</v>
      </c>
      <c r="BJ25" s="327">
        <v>116675</v>
      </c>
      <c r="BK25" s="327">
        <v>265539</v>
      </c>
      <c r="BL25" s="327">
        <v>180418</v>
      </c>
      <c r="BM25" s="327">
        <v>97801</v>
      </c>
      <c r="BN25" s="327">
        <v>0</v>
      </c>
      <c r="BO25" s="328">
        <v>660433</v>
      </c>
      <c r="BP25" s="330">
        <v>774976</v>
      </c>
      <c r="BQ25" s="326">
        <v>9632</v>
      </c>
      <c r="BR25" s="327">
        <v>79560</v>
      </c>
      <c r="BS25" s="328">
        <v>89192</v>
      </c>
      <c r="BT25" s="326">
        <v>0</v>
      </c>
      <c r="BU25" s="327">
        <v>282320</v>
      </c>
      <c r="BV25" s="327">
        <v>208608</v>
      </c>
      <c r="BW25" s="327">
        <v>239104</v>
      </c>
      <c r="BX25" s="327">
        <v>303648</v>
      </c>
      <c r="BY25" s="327">
        <v>88016</v>
      </c>
      <c r="BZ25" s="328">
        <v>1121696</v>
      </c>
      <c r="CA25" s="330">
        <v>1210888</v>
      </c>
      <c r="CB25" s="326">
        <v>42621</v>
      </c>
      <c r="CC25" s="327">
        <v>0</v>
      </c>
      <c r="CD25" s="328">
        <v>42621</v>
      </c>
      <c r="CE25" s="326">
        <v>0</v>
      </c>
      <c r="CF25" s="327">
        <v>2370012</v>
      </c>
      <c r="CG25" s="327">
        <v>1690228</v>
      </c>
      <c r="CH25" s="327">
        <v>1544060</v>
      </c>
      <c r="CI25" s="327">
        <v>602116</v>
      </c>
      <c r="CJ25" s="327">
        <v>20372</v>
      </c>
      <c r="CK25" s="328">
        <v>6226788</v>
      </c>
      <c r="CL25" s="330">
        <v>6269409</v>
      </c>
      <c r="CM25" s="326">
        <v>0</v>
      </c>
      <c r="CN25" s="327">
        <v>0</v>
      </c>
      <c r="CO25" s="328">
        <v>0</v>
      </c>
      <c r="CP25" s="332">
        <v>0</v>
      </c>
      <c r="CQ25" s="327">
        <v>1743745</v>
      </c>
      <c r="CR25" s="327">
        <v>1457954</v>
      </c>
      <c r="CS25" s="327">
        <v>1241224</v>
      </c>
      <c r="CT25" s="327">
        <v>504744</v>
      </c>
      <c r="CU25" s="327">
        <v>0</v>
      </c>
      <c r="CV25" s="328">
        <v>4947667</v>
      </c>
      <c r="CW25" s="330">
        <v>4947667</v>
      </c>
      <c r="CX25" s="326">
        <v>42621</v>
      </c>
      <c r="CY25" s="327">
        <v>0</v>
      </c>
      <c r="CZ25" s="328">
        <v>42621</v>
      </c>
      <c r="DA25" s="326">
        <v>0</v>
      </c>
      <c r="DB25" s="327">
        <v>626267</v>
      </c>
      <c r="DC25" s="327">
        <v>232274</v>
      </c>
      <c r="DD25" s="327">
        <v>302836</v>
      </c>
      <c r="DE25" s="327">
        <v>97372</v>
      </c>
      <c r="DF25" s="327">
        <v>20372</v>
      </c>
      <c r="DG25" s="328">
        <v>1279121</v>
      </c>
      <c r="DH25" s="330">
        <v>1321742</v>
      </c>
      <c r="DI25" s="326">
        <v>0</v>
      </c>
      <c r="DJ25" s="327">
        <v>0</v>
      </c>
      <c r="DK25" s="331">
        <v>0</v>
      </c>
      <c r="DL25" s="332">
        <v>0</v>
      </c>
      <c r="DM25" s="327">
        <v>395329</v>
      </c>
      <c r="DN25" s="327">
        <v>665843</v>
      </c>
      <c r="DO25" s="327">
        <v>400097</v>
      </c>
      <c r="DP25" s="327">
        <v>400599</v>
      </c>
      <c r="DQ25" s="327">
        <v>64394</v>
      </c>
      <c r="DR25" s="328">
        <v>1926262</v>
      </c>
      <c r="DS25" s="330">
        <v>1926262</v>
      </c>
      <c r="DT25" s="326">
        <v>0</v>
      </c>
      <c r="DU25" s="327">
        <v>0</v>
      </c>
      <c r="DV25" s="328">
        <v>0</v>
      </c>
      <c r="DW25" s="326">
        <v>0</v>
      </c>
      <c r="DX25" s="327">
        <v>395329</v>
      </c>
      <c r="DY25" s="327">
        <v>665843</v>
      </c>
      <c r="DZ25" s="327">
        <v>339986</v>
      </c>
      <c r="EA25" s="327">
        <v>334088</v>
      </c>
      <c r="EB25" s="327">
        <v>64394</v>
      </c>
      <c r="EC25" s="328">
        <v>1799640</v>
      </c>
      <c r="ED25" s="330">
        <v>1799640</v>
      </c>
      <c r="EE25" s="326">
        <v>0</v>
      </c>
      <c r="EF25" s="331">
        <v>0</v>
      </c>
      <c r="EG25" s="328">
        <v>0</v>
      </c>
      <c r="EH25" s="326">
        <v>0</v>
      </c>
      <c r="EI25" s="327">
        <v>0</v>
      </c>
      <c r="EJ25" s="327">
        <v>0</v>
      </c>
      <c r="EK25" s="327">
        <v>60111</v>
      </c>
      <c r="EL25" s="327">
        <v>66511</v>
      </c>
      <c r="EM25" s="327">
        <v>0</v>
      </c>
      <c r="EN25" s="331">
        <v>126622</v>
      </c>
      <c r="EO25" s="330">
        <v>126622</v>
      </c>
      <c r="EP25" s="326">
        <v>0</v>
      </c>
      <c r="EQ25" s="327">
        <v>0</v>
      </c>
      <c r="ER25" s="331">
        <v>0</v>
      </c>
      <c r="ES25" s="332">
        <v>0</v>
      </c>
      <c r="ET25" s="327">
        <v>0</v>
      </c>
      <c r="EU25" s="327">
        <v>0</v>
      </c>
      <c r="EV25" s="327">
        <v>0</v>
      </c>
      <c r="EW25" s="327">
        <v>0</v>
      </c>
      <c r="EX25" s="327">
        <v>0</v>
      </c>
      <c r="EY25" s="328">
        <v>0</v>
      </c>
      <c r="EZ25" s="330">
        <v>0</v>
      </c>
      <c r="FA25" s="326">
        <v>0</v>
      </c>
      <c r="FB25" s="327">
        <v>0</v>
      </c>
      <c r="FC25" s="331">
        <v>0</v>
      </c>
      <c r="FD25" s="332">
        <v>0</v>
      </c>
      <c r="FE25" s="327">
        <v>0</v>
      </c>
      <c r="FF25" s="327">
        <v>0</v>
      </c>
      <c r="FG25" s="327">
        <v>0</v>
      </c>
      <c r="FH25" s="327">
        <v>0</v>
      </c>
      <c r="FI25" s="327">
        <v>0</v>
      </c>
      <c r="FJ25" s="328">
        <v>0</v>
      </c>
      <c r="FK25" s="330">
        <v>0</v>
      </c>
      <c r="FL25" s="326">
        <v>84888</v>
      </c>
      <c r="FM25" s="327">
        <v>107344</v>
      </c>
      <c r="FN25" s="328">
        <v>192232</v>
      </c>
      <c r="FO25" s="326">
        <v>0</v>
      </c>
      <c r="FP25" s="327">
        <v>821368</v>
      </c>
      <c r="FQ25" s="327">
        <v>633016</v>
      </c>
      <c r="FR25" s="327">
        <v>315200</v>
      </c>
      <c r="FS25" s="327">
        <v>167176</v>
      </c>
      <c r="FT25" s="327">
        <v>131992</v>
      </c>
      <c r="FU25" s="328">
        <v>2068752</v>
      </c>
      <c r="FV25" s="330">
        <v>2260984</v>
      </c>
      <c r="FW25" s="333">
        <v>56088</v>
      </c>
      <c r="FX25" s="327">
        <v>107344</v>
      </c>
      <c r="FY25" s="331">
        <v>163432</v>
      </c>
      <c r="FZ25" s="332">
        <v>0</v>
      </c>
      <c r="GA25" s="327">
        <v>421304</v>
      </c>
      <c r="GB25" s="327">
        <v>461816</v>
      </c>
      <c r="GC25" s="327">
        <v>315200</v>
      </c>
      <c r="GD25" s="327">
        <v>167176</v>
      </c>
      <c r="GE25" s="327">
        <v>131992</v>
      </c>
      <c r="GF25" s="328">
        <v>1497488</v>
      </c>
      <c r="GG25" s="334">
        <v>1660920</v>
      </c>
      <c r="GH25" s="333">
        <v>28800</v>
      </c>
      <c r="GI25" s="327">
        <v>0</v>
      </c>
      <c r="GJ25" s="331">
        <v>28800</v>
      </c>
      <c r="GK25" s="332">
        <v>0</v>
      </c>
      <c r="GL25" s="327">
        <v>41664</v>
      </c>
      <c r="GM25" s="327">
        <v>21120</v>
      </c>
      <c r="GN25" s="327">
        <v>0</v>
      </c>
      <c r="GO25" s="327">
        <v>0</v>
      </c>
      <c r="GP25" s="327">
        <v>0</v>
      </c>
      <c r="GQ25" s="328">
        <v>62784</v>
      </c>
      <c r="GR25" s="330">
        <v>91584</v>
      </c>
      <c r="GS25" s="326">
        <v>0</v>
      </c>
      <c r="GT25" s="327">
        <v>0</v>
      </c>
      <c r="GU25" s="328">
        <v>0</v>
      </c>
      <c r="GV25" s="326">
        <v>0</v>
      </c>
      <c r="GW25" s="327">
        <v>358400</v>
      </c>
      <c r="GX25" s="327">
        <v>150080</v>
      </c>
      <c r="GY25" s="327">
        <v>0</v>
      </c>
      <c r="GZ25" s="327">
        <v>0</v>
      </c>
      <c r="HA25" s="327">
        <v>0</v>
      </c>
      <c r="HB25" s="331">
        <v>508480</v>
      </c>
      <c r="HC25" s="330">
        <v>508480</v>
      </c>
      <c r="HD25" s="326">
        <v>54615</v>
      </c>
      <c r="HE25" s="327">
        <v>383087</v>
      </c>
      <c r="HF25" s="331">
        <v>437702</v>
      </c>
      <c r="HG25" s="332">
        <v>0</v>
      </c>
      <c r="HH25" s="327">
        <v>739263</v>
      </c>
      <c r="HI25" s="327">
        <v>674079</v>
      </c>
      <c r="HJ25" s="327">
        <v>1011948</v>
      </c>
      <c r="HK25" s="327">
        <v>2217896</v>
      </c>
      <c r="HL25" s="327">
        <v>243443</v>
      </c>
      <c r="HM25" s="328">
        <v>4886629</v>
      </c>
      <c r="HN25" s="329">
        <v>5324331</v>
      </c>
      <c r="HO25" s="333">
        <v>0</v>
      </c>
      <c r="HP25" s="327">
        <v>0</v>
      </c>
      <c r="HQ25" s="328">
        <v>0</v>
      </c>
      <c r="HR25" s="326">
        <v>0</v>
      </c>
      <c r="HS25" s="327">
        <v>0</v>
      </c>
      <c r="HT25" s="327">
        <v>0</v>
      </c>
      <c r="HU25" s="327">
        <v>0</v>
      </c>
      <c r="HV25" s="327">
        <v>0</v>
      </c>
      <c r="HW25" s="327">
        <v>0</v>
      </c>
      <c r="HX25" s="331">
        <v>0</v>
      </c>
      <c r="HY25" s="330">
        <v>0</v>
      </c>
      <c r="HZ25" s="335">
        <v>0</v>
      </c>
      <c r="IA25" s="336">
        <v>0</v>
      </c>
      <c r="IB25" s="337">
        <v>0</v>
      </c>
      <c r="IC25" s="338">
        <v>0</v>
      </c>
      <c r="ID25" s="336">
        <v>1017939</v>
      </c>
      <c r="IE25" s="339">
        <v>1292849</v>
      </c>
      <c r="IF25" s="337">
        <v>2043826</v>
      </c>
      <c r="IG25" s="336">
        <v>683660</v>
      </c>
      <c r="IH25" s="337">
        <v>47176</v>
      </c>
      <c r="II25" s="340">
        <v>5085450</v>
      </c>
      <c r="IJ25" s="341">
        <v>5085450</v>
      </c>
      <c r="IK25" s="342">
        <v>0</v>
      </c>
      <c r="IL25" s="343">
        <v>0</v>
      </c>
      <c r="IM25" s="344">
        <v>0</v>
      </c>
      <c r="IN25" s="404">
        <v>0</v>
      </c>
      <c r="IO25" s="345">
        <v>0</v>
      </c>
      <c r="IP25" s="345">
        <v>0</v>
      </c>
      <c r="IQ25" s="345">
        <v>0</v>
      </c>
      <c r="IR25" s="345">
        <v>0</v>
      </c>
      <c r="IS25" s="345">
        <v>0</v>
      </c>
      <c r="IT25" s="346">
        <v>0</v>
      </c>
      <c r="IU25" s="347">
        <v>0</v>
      </c>
      <c r="IV25" s="348">
        <v>0</v>
      </c>
      <c r="IW25" s="345">
        <v>0</v>
      </c>
      <c r="IX25" s="349">
        <v>0</v>
      </c>
      <c r="IY25" s="404">
        <v>0</v>
      </c>
      <c r="IZ25" s="345">
        <v>0</v>
      </c>
      <c r="JA25" s="345">
        <v>0</v>
      </c>
      <c r="JB25" s="345">
        <v>0</v>
      </c>
      <c r="JC25" s="345">
        <v>0</v>
      </c>
      <c r="JD25" s="345">
        <v>0</v>
      </c>
      <c r="JE25" s="349">
        <v>0</v>
      </c>
      <c r="JF25" s="350">
        <v>0</v>
      </c>
      <c r="JG25" s="348">
        <v>0</v>
      </c>
      <c r="JH25" s="345">
        <v>0</v>
      </c>
      <c r="JI25" s="346">
        <v>0</v>
      </c>
      <c r="JJ25" s="351">
        <v>0</v>
      </c>
      <c r="JK25" s="345">
        <v>667670</v>
      </c>
      <c r="JL25" s="345">
        <v>846043</v>
      </c>
      <c r="JM25" s="345">
        <v>425112</v>
      </c>
      <c r="JN25" s="345">
        <v>134292</v>
      </c>
      <c r="JO25" s="345">
        <v>0</v>
      </c>
      <c r="JP25" s="349">
        <v>2073117</v>
      </c>
      <c r="JQ25" s="347">
        <v>2073117</v>
      </c>
      <c r="JR25" s="348">
        <v>0</v>
      </c>
      <c r="JS25" s="345">
        <v>0</v>
      </c>
      <c r="JT25" s="346">
        <v>0</v>
      </c>
      <c r="JU25" s="351">
        <v>0</v>
      </c>
      <c r="JV25" s="345">
        <v>0</v>
      </c>
      <c r="JW25" s="345">
        <v>0</v>
      </c>
      <c r="JX25" s="345">
        <v>0</v>
      </c>
      <c r="JY25" s="345">
        <v>0</v>
      </c>
      <c r="JZ25" s="345">
        <v>47176</v>
      </c>
      <c r="KA25" s="349">
        <v>47176</v>
      </c>
      <c r="KB25" s="347">
        <v>47176</v>
      </c>
      <c r="KC25" s="352">
        <v>0</v>
      </c>
      <c r="KD25" s="353">
        <v>0</v>
      </c>
      <c r="KE25" s="349">
        <v>0</v>
      </c>
      <c r="KF25" s="351">
        <v>0</v>
      </c>
      <c r="KG25" s="345">
        <v>106020</v>
      </c>
      <c r="KH25" s="345">
        <v>446806</v>
      </c>
      <c r="KI25" s="345">
        <v>498408</v>
      </c>
      <c r="KJ25" s="345">
        <v>0</v>
      </c>
      <c r="KK25" s="345">
        <v>0</v>
      </c>
      <c r="KL25" s="349">
        <v>1051234</v>
      </c>
      <c r="KM25" s="354">
        <v>1051234</v>
      </c>
      <c r="KN25" s="342">
        <v>0</v>
      </c>
      <c r="KO25" s="343">
        <v>0</v>
      </c>
      <c r="KP25" s="344">
        <v>0</v>
      </c>
      <c r="KQ25" s="404">
        <v>0</v>
      </c>
      <c r="KR25" s="345">
        <v>244249</v>
      </c>
      <c r="KS25" s="345">
        <v>0</v>
      </c>
      <c r="KT25" s="345">
        <v>1120306</v>
      </c>
      <c r="KU25" s="345">
        <v>549368</v>
      </c>
      <c r="KV25" s="345">
        <v>0</v>
      </c>
      <c r="KW25" s="349">
        <v>1913923</v>
      </c>
      <c r="KX25" s="347">
        <v>1913923</v>
      </c>
      <c r="KY25" s="348">
        <v>0</v>
      </c>
      <c r="KZ25" s="345">
        <v>0</v>
      </c>
      <c r="LA25" s="349">
        <v>0</v>
      </c>
      <c r="LB25" s="404">
        <v>0</v>
      </c>
      <c r="LC25" s="345">
        <v>0</v>
      </c>
      <c r="LD25" s="345">
        <v>0</v>
      </c>
      <c r="LE25" s="345">
        <v>0</v>
      </c>
      <c r="LF25" s="345">
        <v>0</v>
      </c>
      <c r="LG25" s="345">
        <v>0</v>
      </c>
      <c r="LH25" s="349">
        <v>0</v>
      </c>
      <c r="LI25" s="350">
        <v>0</v>
      </c>
      <c r="LJ25" s="348">
        <v>0</v>
      </c>
      <c r="LK25" s="345">
        <v>0</v>
      </c>
      <c r="LL25" s="349">
        <v>0</v>
      </c>
      <c r="LM25" s="404">
        <v>0</v>
      </c>
      <c r="LN25" s="345">
        <v>0</v>
      </c>
      <c r="LO25" s="345">
        <v>0</v>
      </c>
      <c r="LP25" s="345">
        <v>0</v>
      </c>
      <c r="LQ25" s="345">
        <v>0</v>
      </c>
      <c r="LR25" s="345">
        <v>0</v>
      </c>
      <c r="LS25" s="349">
        <v>0</v>
      </c>
      <c r="LT25" s="347">
        <v>0</v>
      </c>
      <c r="LU25" s="348">
        <v>0</v>
      </c>
      <c r="LV25" s="345">
        <v>0</v>
      </c>
      <c r="LW25" s="349">
        <v>0</v>
      </c>
      <c r="LX25" s="404">
        <v>0</v>
      </c>
      <c r="LY25" s="345">
        <v>0</v>
      </c>
      <c r="LZ25" s="345">
        <v>0</v>
      </c>
      <c r="MA25" s="345">
        <v>0</v>
      </c>
      <c r="MB25" s="345">
        <v>0</v>
      </c>
      <c r="MC25" s="345">
        <v>0</v>
      </c>
      <c r="MD25" s="349">
        <v>0</v>
      </c>
      <c r="ME25" s="350">
        <v>0</v>
      </c>
      <c r="MF25" s="348">
        <v>0</v>
      </c>
      <c r="MG25" s="345">
        <v>0</v>
      </c>
      <c r="MH25" s="349">
        <v>0</v>
      </c>
      <c r="MI25" s="404">
        <v>0</v>
      </c>
      <c r="MJ25" s="345">
        <v>217545</v>
      </c>
      <c r="MK25" s="345">
        <v>1058929</v>
      </c>
      <c r="ML25" s="345">
        <v>2163863</v>
      </c>
      <c r="MM25" s="345">
        <v>3285441</v>
      </c>
      <c r="MN25" s="345">
        <v>1870183</v>
      </c>
      <c r="MO25" s="349">
        <v>8595961</v>
      </c>
      <c r="MP25" s="354">
        <v>8595961</v>
      </c>
      <c r="MQ25" s="348">
        <v>0</v>
      </c>
      <c r="MR25" s="345">
        <v>0</v>
      </c>
      <c r="MS25" s="349">
        <v>0</v>
      </c>
      <c r="MT25" s="404">
        <v>0</v>
      </c>
      <c r="MU25" s="345">
        <v>217545</v>
      </c>
      <c r="MV25" s="345">
        <v>489662</v>
      </c>
      <c r="MW25" s="345">
        <v>1565235</v>
      </c>
      <c r="MX25" s="345">
        <v>2742651</v>
      </c>
      <c r="MY25" s="345">
        <v>1477865</v>
      </c>
      <c r="MZ25" s="349">
        <v>6492958</v>
      </c>
      <c r="NA25" s="354">
        <v>6492958</v>
      </c>
      <c r="NB25" s="348">
        <v>0</v>
      </c>
      <c r="NC25" s="345">
        <v>0</v>
      </c>
      <c r="ND25" s="349">
        <v>0</v>
      </c>
      <c r="NE25" s="404">
        <v>0</v>
      </c>
      <c r="NF25" s="345">
        <v>0</v>
      </c>
      <c r="NG25" s="345">
        <v>569267</v>
      </c>
      <c r="NH25" s="345">
        <v>598628</v>
      </c>
      <c r="NI25" s="345">
        <v>542790</v>
      </c>
      <c r="NJ25" s="345">
        <v>0</v>
      </c>
      <c r="NK25" s="349">
        <v>1710685</v>
      </c>
      <c r="NL25" s="347">
        <v>1710685</v>
      </c>
      <c r="NM25" s="348">
        <v>0</v>
      </c>
      <c r="NN25" s="345">
        <v>0</v>
      </c>
      <c r="NO25" s="349">
        <v>0</v>
      </c>
      <c r="NP25" s="404">
        <v>0</v>
      </c>
      <c r="NQ25" s="345">
        <v>0</v>
      </c>
      <c r="NR25" s="345">
        <v>0</v>
      </c>
      <c r="NS25" s="345">
        <v>0</v>
      </c>
      <c r="NT25" s="345">
        <v>0</v>
      </c>
      <c r="NU25" s="345">
        <v>0</v>
      </c>
      <c r="NV25" s="349">
        <v>0</v>
      </c>
      <c r="NW25" s="350">
        <v>0</v>
      </c>
      <c r="NX25" s="348">
        <v>0</v>
      </c>
      <c r="NY25" s="345">
        <v>0</v>
      </c>
      <c r="NZ25" s="349">
        <v>0</v>
      </c>
      <c r="OA25" s="404">
        <v>0</v>
      </c>
      <c r="OB25" s="345">
        <v>0</v>
      </c>
      <c r="OC25" s="345">
        <v>0</v>
      </c>
      <c r="OD25" s="345">
        <v>0</v>
      </c>
      <c r="OE25" s="345">
        <v>0</v>
      </c>
      <c r="OF25" s="345">
        <v>392318</v>
      </c>
      <c r="OG25" s="349">
        <v>392318</v>
      </c>
      <c r="OH25" s="350">
        <v>392318</v>
      </c>
      <c r="OI25" s="348">
        <v>319766</v>
      </c>
      <c r="OJ25" s="345">
        <v>788126</v>
      </c>
      <c r="OK25" s="346">
        <v>1107892</v>
      </c>
      <c r="OL25" s="351">
        <v>0</v>
      </c>
      <c r="OM25" s="345">
        <v>7200501</v>
      </c>
      <c r="ON25" s="345">
        <v>7836141</v>
      </c>
      <c r="OO25" s="345">
        <v>8553590</v>
      </c>
      <c r="OP25" s="345">
        <v>8518571</v>
      </c>
      <c r="OQ25" s="345">
        <v>3265010</v>
      </c>
      <c r="OR25" s="349">
        <v>35373813</v>
      </c>
      <c r="OS25" s="354">
        <v>36481705</v>
      </c>
    </row>
    <row r="26" spans="2:409" s="70" customFormat="1" ht="21" customHeight="1" x14ac:dyDescent="0.2">
      <c r="B26" s="410" t="s">
        <v>21</v>
      </c>
      <c r="C26" s="326">
        <v>436056</v>
      </c>
      <c r="D26" s="327">
        <v>402217</v>
      </c>
      <c r="E26" s="328">
        <v>838273</v>
      </c>
      <c r="F26" s="329">
        <v>0</v>
      </c>
      <c r="G26" s="327">
        <v>3499681</v>
      </c>
      <c r="H26" s="327">
        <v>5699364</v>
      </c>
      <c r="I26" s="327">
        <v>3266261</v>
      </c>
      <c r="J26" s="327">
        <v>4143023</v>
      </c>
      <c r="K26" s="327">
        <v>1881132</v>
      </c>
      <c r="L26" s="367">
        <v>18489461</v>
      </c>
      <c r="M26" s="330">
        <v>19327734</v>
      </c>
      <c r="N26" s="326">
        <v>221912</v>
      </c>
      <c r="O26" s="327">
        <v>141763</v>
      </c>
      <c r="P26" s="328">
        <v>363675</v>
      </c>
      <c r="Q26" s="326">
        <v>0</v>
      </c>
      <c r="R26" s="327">
        <v>917953</v>
      </c>
      <c r="S26" s="327">
        <v>1583307</v>
      </c>
      <c r="T26" s="327">
        <v>935520</v>
      </c>
      <c r="U26" s="327">
        <v>1209006</v>
      </c>
      <c r="V26" s="327">
        <v>987655</v>
      </c>
      <c r="W26" s="328">
        <v>5633441</v>
      </c>
      <c r="X26" s="330">
        <v>5997116</v>
      </c>
      <c r="Y26" s="326">
        <v>0</v>
      </c>
      <c r="Z26" s="327">
        <v>0</v>
      </c>
      <c r="AA26" s="328">
        <v>0</v>
      </c>
      <c r="AB26" s="326">
        <v>0</v>
      </c>
      <c r="AC26" s="327">
        <v>286610</v>
      </c>
      <c r="AD26" s="327">
        <v>604174</v>
      </c>
      <c r="AE26" s="327">
        <v>214227</v>
      </c>
      <c r="AF26" s="327">
        <v>606370</v>
      </c>
      <c r="AG26" s="327">
        <v>766940</v>
      </c>
      <c r="AH26" s="328">
        <v>2478321</v>
      </c>
      <c r="AI26" s="330">
        <v>2478321</v>
      </c>
      <c r="AJ26" s="326">
        <v>0</v>
      </c>
      <c r="AK26" s="327">
        <v>0</v>
      </c>
      <c r="AL26" s="328">
        <v>0</v>
      </c>
      <c r="AM26" s="326">
        <v>0</v>
      </c>
      <c r="AN26" s="327">
        <v>0</v>
      </c>
      <c r="AO26" s="327">
        <v>0</v>
      </c>
      <c r="AP26" s="327">
        <v>59432</v>
      </c>
      <c r="AQ26" s="327">
        <v>0</v>
      </c>
      <c r="AR26" s="327">
        <v>35566</v>
      </c>
      <c r="AS26" s="328">
        <v>94998</v>
      </c>
      <c r="AT26" s="330">
        <v>94998</v>
      </c>
      <c r="AU26" s="326">
        <v>89456</v>
      </c>
      <c r="AV26" s="327">
        <v>108358</v>
      </c>
      <c r="AW26" s="328">
        <v>197814</v>
      </c>
      <c r="AX26" s="326">
        <v>0</v>
      </c>
      <c r="AY26" s="327">
        <v>367041</v>
      </c>
      <c r="AZ26" s="327">
        <v>440193</v>
      </c>
      <c r="BA26" s="327">
        <v>449441</v>
      </c>
      <c r="BB26" s="327">
        <v>309235</v>
      </c>
      <c r="BC26" s="327">
        <v>103797</v>
      </c>
      <c r="BD26" s="328">
        <v>1669707</v>
      </c>
      <c r="BE26" s="330">
        <v>1867521</v>
      </c>
      <c r="BF26" s="326">
        <v>74000</v>
      </c>
      <c r="BG26" s="327">
        <v>20525</v>
      </c>
      <c r="BH26" s="331">
        <v>94525</v>
      </c>
      <c r="BI26" s="332">
        <v>0</v>
      </c>
      <c r="BJ26" s="327">
        <v>43550</v>
      </c>
      <c r="BK26" s="327">
        <v>167180</v>
      </c>
      <c r="BL26" s="327">
        <v>68828</v>
      </c>
      <c r="BM26" s="327">
        <v>26273</v>
      </c>
      <c r="BN26" s="327">
        <v>0</v>
      </c>
      <c r="BO26" s="328">
        <v>305831</v>
      </c>
      <c r="BP26" s="330">
        <v>400356</v>
      </c>
      <c r="BQ26" s="326">
        <v>58456</v>
      </c>
      <c r="BR26" s="327">
        <v>12880</v>
      </c>
      <c r="BS26" s="328">
        <v>71336</v>
      </c>
      <c r="BT26" s="326">
        <v>0</v>
      </c>
      <c r="BU26" s="327">
        <v>220752</v>
      </c>
      <c r="BV26" s="327">
        <v>371760</v>
      </c>
      <c r="BW26" s="327">
        <v>143592</v>
      </c>
      <c r="BX26" s="327">
        <v>267128</v>
      </c>
      <c r="BY26" s="327">
        <v>81352</v>
      </c>
      <c r="BZ26" s="328">
        <v>1084584</v>
      </c>
      <c r="CA26" s="330">
        <v>1155920</v>
      </c>
      <c r="CB26" s="326">
        <v>39362</v>
      </c>
      <c r="CC26" s="327">
        <v>113654</v>
      </c>
      <c r="CD26" s="328">
        <v>153016</v>
      </c>
      <c r="CE26" s="326">
        <v>0</v>
      </c>
      <c r="CF26" s="327">
        <v>1178084</v>
      </c>
      <c r="CG26" s="327">
        <v>1570636</v>
      </c>
      <c r="CH26" s="327">
        <v>752524</v>
      </c>
      <c r="CI26" s="327">
        <v>0</v>
      </c>
      <c r="CJ26" s="327">
        <v>23572</v>
      </c>
      <c r="CK26" s="328">
        <v>3524816</v>
      </c>
      <c r="CL26" s="330">
        <v>3677832</v>
      </c>
      <c r="CM26" s="326">
        <v>0</v>
      </c>
      <c r="CN26" s="327">
        <v>0</v>
      </c>
      <c r="CO26" s="328">
        <v>0</v>
      </c>
      <c r="CP26" s="332">
        <v>0</v>
      </c>
      <c r="CQ26" s="327">
        <v>880410</v>
      </c>
      <c r="CR26" s="327">
        <v>1416280</v>
      </c>
      <c r="CS26" s="327">
        <v>654091</v>
      </c>
      <c r="CT26" s="327">
        <v>0</v>
      </c>
      <c r="CU26" s="327">
        <v>0</v>
      </c>
      <c r="CV26" s="328">
        <v>2950781</v>
      </c>
      <c r="CW26" s="330">
        <v>2950781</v>
      </c>
      <c r="CX26" s="326">
        <v>39362</v>
      </c>
      <c r="CY26" s="327">
        <v>113654</v>
      </c>
      <c r="CZ26" s="328">
        <v>153016</v>
      </c>
      <c r="DA26" s="326">
        <v>0</v>
      </c>
      <c r="DB26" s="327">
        <v>297674</v>
      </c>
      <c r="DC26" s="327">
        <v>154356</v>
      </c>
      <c r="DD26" s="327">
        <v>98433</v>
      </c>
      <c r="DE26" s="327">
        <v>0</v>
      </c>
      <c r="DF26" s="327">
        <v>23572</v>
      </c>
      <c r="DG26" s="328">
        <v>574035</v>
      </c>
      <c r="DH26" s="330">
        <v>727051</v>
      </c>
      <c r="DI26" s="326">
        <v>0</v>
      </c>
      <c r="DJ26" s="327">
        <v>0</v>
      </c>
      <c r="DK26" s="331">
        <v>0</v>
      </c>
      <c r="DL26" s="332">
        <v>0</v>
      </c>
      <c r="DM26" s="327">
        <v>142375</v>
      </c>
      <c r="DN26" s="327">
        <v>262750</v>
      </c>
      <c r="DO26" s="327">
        <v>109390</v>
      </c>
      <c r="DP26" s="327">
        <v>380588</v>
      </c>
      <c r="DQ26" s="327">
        <v>60269</v>
      </c>
      <c r="DR26" s="328">
        <v>955372</v>
      </c>
      <c r="DS26" s="330">
        <v>955372</v>
      </c>
      <c r="DT26" s="326">
        <v>0</v>
      </c>
      <c r="DU26" s="327">
        <v>0</v>
      </c>
      <c r="DV26" s="328">
        <v>0</v>
      </c>
      <c r="DW26" s="326">
        <v>0</v>
      </c>
      <c r="DX26" s="327">
        <v>142375</v>
      </c>
      <c r="DY26" s="327">
        <v>262750</v>
      </c>
      <c r="DZ26" s="327">
        <v>109390</v>
      </c>
      <c r="EA26" s="327">
        <v>380588</v>
      </c>
      <c r="EB26" s="327">
        <v>60269</v>
      </c>
      <c r="EC26" s="328">
        <v>955372</v>
      </c>
      <c r="ED26" s="330">
        <v>955372</v>
      </c>
      <c r="EE26" s="326">
        <v>0</v>
      </c>
      <c r="EF26" s="331">
        <v>0</v>
      </c>
      <c r="EG26" s="328">
        <v>0</v>
      </c>
      <c r="EH26" s="326">
        <v>0</v>
      </c>
      <c r="EI26" s="327">
        <v>0</v>
      </c>
      <c r="EJ26" s="327">
        <v>0</v>
      </c>
      <c r="EK26" s="327">
        <v>0</v>
      </c>
      <c r="EL26" s="327">
        <v>0</v>
      </c>
      <c r="EM26" s="327">
        <v>0</v>
      </c>
      <c r="EN26" s="331">
        <v>0</v>
      </c>
      <c r="EO26" s="330">
        <v>0</v>
      </c>
      <c r="EP26" s="326">
        <v>0</v>
      </c>
      <c r="EQ26" s="327">
        <v>0</v>
      </c>
      <c r="ER26" s="331">
        <v>0</v>
      </c>
      <c r="ES26" s="332">
        <v>0</v>
      </c>
      <c r="ET26" s="327">
        <v>0</v>
      </c>
      <c r="EU26" s="327">
        <v>0</v>
      </c>
      <c r="EV26" s="327">
        <v>0</v>
      </c>
      <c r="EW26" s="327">
        <v>0</v>
      </c>
      <c r="EX26" s="327">
        <v>0</v>
      </c>
      <c r="EY26" s="328">
        <v>0</v>
      </c>
      <c r="EZ26" s="330">
        <v>0</v>
      </c>
      <c r="FA26" s="326">
        <v>0</v>
      </c>
      <c r="FB26" s="327">
        <v>0</v>
      </c>
      <c r="FC26" s="331">
        <v>0</v>
      </c>
      <c r="FD26" s="332">
        <v>0</v>
      </c>
      <c r="FE26" s="327">
        <v>0</v>
      </c>
      <c r="FF26" s="327">
        <v>0</v>
      </c>
      <c r="FG26" s="327">
        <v>0</v>
      </c>
      <c r="FH26" s="327">
        <v>0</v>
      </c>
      <c r="FI26" s="327">
        <v>0</v>
      </c>
      <c r="FJ26" s="328">
        <v>0</v>
      </c>
      <c r="FK26" s="330">
        <v>0</v>
      </c>
      <c r="FL26" s="326">
        <v>174782</v>
      </c>
      <c r="FM26" s="327">
        <v>146800</v>
      </c>
      <c r="FN26" s="328">
        <v>321582</v>
      </c>
      <c r="FO26" s="326">
        <v>0</v>
      </c>
      <c r="FP26" s="327">
        <v>312112</v>
      </c>
      <c r="FQ26" s="327">
        <v>596356</v>
      </c>
      <c r="FR26" s="327">
        <v>312608</v>
      </c>
      <c r="FS26" s="327">
        <v>152232</v>
      </c>
      <c r="FT26" s="327">
        <v>78000</v>
      </c>
      <c r="FU26" s="328">
        <v>1451308</v>
      </c>
      <c r="FV26" s="330">
        <v>1772890</v>
      </c>
      <c r="FW26" s="333">
        <v>42320</v>
      </c>
      <c r="FX26" s="327">
        <v>146800</v>
      </c>
      <c r="FY26" s="331">
        <v>189120</v>
      </c>
      <c r="FZ26" s="332">
        <v>0</v>
      </c>
      <c r="GA26" s="327">
        <v>152112</v>
      </c>
      <c r="GB26" s="327">
        <v>555396</v>
      </c>
      <c r="GC26" s="327">
        <v>283808</v>
      </c>
      <c r="GD26" s="327">
        <v>152232</v>
      </c>
      <c r="GE26" s="327">
        <v>78000</v>
      </c>
      <c r="GF26" s="328">
        <v>1221548</v>
      </c>
      <c r="GG26" s="334">
        <v>1410668</v>
      </c>
      <c r="GH26" s="333">
        <v>39942</v>
      </c>
      <c r="GI26" s="327">
        <v>0</v>
      </c>
      <c r="GJ26" s="331">
        <v>39942</v>
      </c>
      <c r="GK26" s="332">
        <v>0</v>
      </c>
      <c r="GL26" s="327">
        <v>0</v>
      </c>
      <c r="GM26" s="327">
        <v>40960</v>
      </c>
      <c r="GN26" s="327">
        <v>0</v>
      </c>
      <c r="GO26" s="327">
        <v>0</v>
      </c>
      <c r="GP26" s="327">
        <v>0</v>
      </c>
      <c r="GQ26" s="328">
        <v>40960</v>
      </c>
      <c r="GR26" s="330">
        <v>80902</v>
      </c>
      <c r="GS26" s="326">
        <v>92520</v>
      </c>
      <c r="GT26" s="327">
        <v>0</v>
      </c>
      <c r="GU26" s="328">
        <v>92520</v>
      </c>
      <c r="GV26" s="326">
        <v>0</v>
      </c>
      <c r="GW26" s="327">
        <v>160000</v>
      </c>
      <c r="GX26" s="327">
        <v>0</v>
      </c>
      <c r="GY26" s="327">
        <v>28800</v>
      </c>
      <c r="GZ26" s="327">
        <v>0</v>
      </c>
      <c r="HA26" s="327">
        <v>0</v>
      </c>
      <c r="HB26" s="331">
        <v>188800</v>
      </c>
      <c r="HC26" s="330">
        <v>281320</v>
      </c>
      <c r="HD26" s="326">
        <v>0</v>
      </c>
      <c r="HE26" s="327">
        <v>0</v>
      </c>
      <c r="HF26" s="331">
        <v>0</v>
      </c>
      <c r="HG26" s="332">
        <v>0</v>
      </c>
      <c r="HH26" s="327">
        <v>949157</v>
      </c>
      <c r="HI26" s="327">
        <v>1686315</v>
      </c>
      <c r="HJ26" s="327">
        <v>1156219</v>
      </c>
      <c r="HK26" s="327">
        <v>2401197</v>
      </c>
      <c r="HL26" s="327">
        <v>731636</v>
      </c>
      <c r="HM26" s="328">
        <v>6924524</v>
      </c>
      <c r="HN26" s="329">
        <v>6924524</v>
      </c>
      <c r="HO26" s="333">
        <v>0</v>
      </c>
      <c r="HP26" s="327">
        <v>0</v>
      </c>
      <c r="HQ26" s="328">
        <v>0</v>
      </c>
      <c r="HR26" s="326">
        <v>0</v>
      </c>
      <c r="HS26" s="327">
        <v>0</v>
      </c>
      <c r="HT26" s="327">
        <v>0</v>
      </c>
      <c r="HU26" s="327">
        <v>0</v>
      </c>
      <c r="HV26" s="327">
        <v>0</v>
      </c>
      <c r="HW26" s="327">
        <v>0</v>
      </c>
      <c r="HX26" s="331">
        <v>0</v>
      </c>
      <c r="HY26" s="330">
        <v>0</v>
      </c>
      <c r="HZ26" s="358">
        <v>0</v>
      </c>
      <c r="IA26" s="356">
        <v>0</v>
      </c>
      <c r="IB26" s="358">
        <v>0</v>
      </c>
      <c r="IC26" s="355">
        <v>0</v>
      </c>
      <c r="ID26" s="356">
        <v>1223472</v>
      </c>
      <c r="IE26" s="357">
        <v>1130228</v>
      </c>
      <c r="IF26" s="358">
        <v>455956</v>
      </c>
      <c r="IG26" s="356">
        <v>104599</v>
      </c>
      <c r="IH26" s="358">
        <v>0</v>
      </c>
      <c r="II26" s="359">
        <v>2914255</v>
      </c>
      <c r="IJ26" s="358">
        <v>2914255</v>
      </c>
      <c r="IK26" s="342">
        <v>0</v>
      </c>
      <c r="IL26" s="343">
        <v>0</v>
      </c>
      <c r="IM26" s="344">
        <v>0</v>
      </c>
      <c r="IN26" s="404">
        <v>0</v>
      </c>
      <c r="IO26" s="345">
        <v>66380</v>
      </c>
      <c r="IP26" s="345">
        <v>0</v>
      </c>
      <c r="IQ26" s="345">
        <v>0</v>
      </c>
      <c r="IR26" s="345">
        <v>0</v>
      </c>
      <c r="IS26" s="345">
        <v>0</v>
      </c>
      <c r="IT26" s="346">
        <v>66380</v>
      </c>
      <c r="IU26" s="347">
        <v>66380</v>
      </c>
      <c r="IV26" s="348">
        <v>0</v>
      </c>
      <c r="IW26" s="345">
        <v>0</v>
      </c>
      <c r="IX26" s="349">
        <v>0</v>
      </c>
      <c r="IY26" s="404">
        <v>0</v>
      </c>
      <c r="IZ26" s="345">
        <v>0</v>
      </c>
      <c r="JA26" s="345">
        <v>0</v>
      </c>
      <c r="JB26" s="345">
        <v>0</v>
      </c>
      <c r="JC26" s="345">
        <v>0</v>
      </c>
      <c r="JD26" s="345">
        <v>0</v>
      </c>
      <c r="JE26" s="349">
        <v>0</v>
      </c>
      <c r="JF26" s="350">
        <v>0</v>
      </c>
      <c r="JG26" s="348">
        <v>0</v>
      </c>
      <c r="JH26" s="345">
        <v>0</v>
      </c>
      <c r="JI26" s="346">
        <v>0</v>
      </c>
      <c r="JJ26" s="351">
        <v>0</v>
      </c>
      <c r="JK26" s="345">
        <v>666897</v>
      </c>
      <c r="JL26" s="345">
        <v>364580</v>
      </c>
      <c r="JM26" s="345">
        <v>219189</v>
      </c>
      <c r="JN26" s="345">
        <v>87604</v>
      </c>
      <c r="JO26" s="345">
        <v>0</v>
      </c>
      <c r="JP26" s="349">
        <v>1338270</v>
      </c>
      <c r="JQ26" s="347">
        <v>1338270</v>
      </c>
      <c r="JR26" s="348">
        <v>0</v>
      </c>
      <c r="JS26" s="345">
        <v>0</v>
      </c>
      <c r="JT26" s="346">
        <v>0</v>
      </c>
      <c r="JU26" s="351">
        <v>0</v>
      </c>
      <c r="JV26" s="345">
        <v>0</v>
      </c>
      <c r="JW26" s="345">
        <v>0</v>
      </c>
      <c r="JX26" s="345">
        <v>0</v>
      </c>
      <c r="JY26" s="345">
        <v>0</v>
      </c>
      <c r="JZ26" s="345">
        <v>0</v>
      </c>
      <c r="KA26" s="349">
        <v>0</v>
      </c>
      <c r="KB26" s="347">
        <v>0</v>
      </c>
      <c r="KC26" s="352">
        <v>0</v>
      </c>
      <c r="KD26" s="353">
        <v>0</v>
      </c>
      <c r="KE26" s="349">
        <v>0</v>
      </c>
      <c r="KF26" s="351">
        <v>0</v>
      </c>
      <c r="KG26" s="345">
        <v>0</v>
      </c>
      <c r="KH26" s="345">
        <v>0</v>
      </c>
      <c r="KI26" s="345">
        <v>236767</v>
      </c>
      <c r="KJ26" s="345">
        <v>0</v>
      </c>
      <c r="KK26" s="345">
        <v>0</v>
      </c>
      <c r="KL26" s="349">
        <v>236767</v>
      </c>
      <c r="KM26" s="354">
        <v>236767</v>
      </c>
      <c r="KN26" s="342">
        <v>0</v>
      </c>
      <c r="KO26" s="343">
        <v>0</v>
      </c>
      <c r="KP26" s="344">
        <v>0</v>
      </c>
      <c r="KQ26" s="404">
        <v>0</v>
      </c>
      <c r="KR26" s="345">
        <v>490195</v>
      </c>
      <c r="KS26" s="345">
        <v>765648</v>
      </c>
      <c r="KT26" s="345">
        <v>0</v>
      </c>
      <c r="KU26" s="345">
        <v>16995</v>
      </c>
      <c r="KV26" s="345">
        <v>0</v>
      </c>
      <c r="KW26" s="349">
        <v>1272838</v>
      </c>
      <c r="KX26" s="347">
        <v>1272838</v>
      </c>
      <c r="KY26" s="348">
        <v>0</v>
      </c>
      <c r="KZ26" s="345">
        <v>0</v>
      </c>
      <c r="LA26" s="349">
        <v>0</v>
      </c>
      <c r="LB26" s="404">
        <v>0</v>
      </c>
      <c r="LC26" s="345">
        <v>0</v>
      </c>
      <c r="LD26" s="345">
        <v>0</v>
      </c>
      <c r="LE26" s="345">
        <v>0</v>
      </c>
      <c r="LF26" s="345">
        <v>0</v>
      </c>
      <c r="LG26" s="345">
        <v>0</v>
      </c>
      <c r="LH26" s="349">
        <v>0</v>
      </c>
      <c r="LI26" s="350">
        <v>0</v>
      </c>
      <c r="LJ26" s="348">
        <v>0</v>
      </c>
      <c r="LK26" s="345">
        <v>0</v>
      </c>
      <c r="LL26" s="349">
        <v>0</v>
      </c>
      <c r="LM26" s="404">
        <v>0</v>
      </c>
      <c r="LN26" s="345">
        <v>0</v>
      </c>
      <c r="LO26" s="345">
        <v>0</v>
      </c>
      <c r="LP26" s="345">
        <v>0</v>
      </c>
      <c r="LQ26" s="345">
        <v>0</v>
      </c>
      <c r="LR26" s="345">
        <v>0</v>
      </c>
      <c r="LS26" s="349">
        <v>0</v>
      </c>
      <c r="LT26" s="347">
        <v>0</v>
      </c>
      <c r="LU26" s="348">
        <v>0</v>
      </c>
      <c r="LV26" s="345">
        <v>0</v>
      </c>
      <c r="LW26" s="349">
        <v>0</v>
      </c>
      <c r="LX26" s="404">
        <v>0</v>
      </c>
      <c r="LY26" s="345">
        <v>0</v>
      </c>
      <c r="LZ26" s="345">
        <v>0</v>
      </c>
      <c r="MA26" s="345">
        <v>0</v>
      </c>
      <c r="MB26" s="345">
        <v>0</v>
      </c>
      <c r="MC26" s="345">
        <v>0</v>
      </c>
      <c r="MD26" s="349">
        <v>0</v>
      </c>
      <c r="ME26" s="350">
        <v>0</v>
      </c>
      <c r="MF26" s="348">
        <v>0</v>
      </c>
      <c r="MG26" s="345">
        <v>0</v>
      </c>
      <c r="MH26" s="349">
        <v>0</v>
      </c>
      <c r="MI26" s="404">
        <v>0</v>
      </c>
      <c r="MJ26" s="345">
        <v>531897</v>
      </c>
      <c r="MK26" s="345">
        <v>0</v>
      </c>
      <c r="ML26" s="345">
        <v>1615507</v>
      </c>
      <c r="MM26" s="345">
        <v>2354943</v>
      </c>
      <c r="MN26" s="345">
        <v>1641692</v>
      </c>
      <c r="MO26" s="349">
        <v>6144039</v>
      </c>
      <c r="MP26" s="354">
        <v>6144039</v>
      </c>
      <c r="MQ26" s="348">
        <v>0</v>
      </c>
      <c r="MR26" s="345">
        <v>0</v>
      </c>
      <c r="MS26" s="349">
        <v>0</v>
      </c>
      <c r="MT26" s="404">
        <v>0</v>
      </c>
      <c r="MU26" s="345">
        <v>0</v>
      </c>
      <c r="MV26" s="345">
        <v>0</v>
      </c>
      <c r="MW26" s="345">
        <v>828691</v>
      </c>
      <c r="MX26" s="345">
        <v>2018713</v>
      </c>
      <c r="MY26" s="345">
        <v>1256770</v>
      </c>
      <c r="MZ26" s="349">
        <v>4104174</v>
      </c>
      <c r="NA26" s="354">
        <v>4104174</v>
      </c>
      <c r="NB26" s="348">
        <v>0</v>
      </c>
      <c r="NC26" s="345">
        <v>0</v>
      </c>
      <c r="ND26" s="349">
        <v>0</v>
      </c>
      <c r="NE26" s="404">
        <v>0</v>
      </c>
      <c r="NF26" s="345">
        <v>531897</v>
      </c>
      <c r="NG26" s="345">
        <v>0</v>
      </c>
      <c r="NH26" s="345">
        <v>786816</v>
      </c>
      <c r="NI26" s="345">
        <v>336230</v>
      </c>
      <c r="NJ26" s="345">
        <v>0</v>
      </c>
      <c r="NK26" s="349">
        <v>1654943</v>
      </c>
      <c r="NL26" s="347">
        <v>1654943</v>
      </c>
      <c r="NM26" s="348">
        <v>0</v>
      </c>
      <c r="NN26" s="345">
        <v>0</v>
      </c>
      <c r="NO26" s="349">
        <v>0</v>
      </c>
      <c r="NP26" s="404">
        <v>0</v>
      </c>
      <c r="NQ26" s="345">
        <v>0</v>
      </c>
      <c r="NR26" s="345">
        <v>0</v>
      </c>
      <c r="NS26" s="345">
        <v>0</v>
      </c>
      <c r="NT26" s="345">
        <v>0</v>
      </c>
      <c r="NU26" s="345">
        <v>0</v>
      </c>
      <c r="NV26" s="349">
        <v>0</v>
      </c>
      <c r="NW26" s="350">
        <v>0</v>
      </c>
      <c r="NX26" s="348">
        <v>0</v>
      </c>
      <c r="NY26" s="345">
        <v>0</v>
      </c>
      <c r="NZ26" s="349">
        <v>0</v>
      </c>
      <c r="OA26" s="404">
        <v>0</v>
      </c>
      <c r="OB26" s="345">
        <v>0</v>
      </c>
      <c r="OC26" s="345">
        <v>0</v>
      </c>
      <c r="OD26" s="345">
        <v>0</v>
      </c>
      <c r="OE26" s="345">
        <v>0</v>
      </c>
      <c r="OF26" s="345">
        <v>384922</v>
      </c>
      <c r="OG26" s="349">
        <v>384922</v>
      </c>
      <c r="OH26" s="350">
        <v>384922</v>
      </c>
      <c r="OI26" s="348">
        <v>436056</v>
      </c>
      <c r="OJ26" s="345">
        <v>402217</v>
      </c>
      <c r="OK26" s="346">
        <v>838273</v>
      </c>
      <c r="OL26" s="351">
        <v>0</v>
      </c>
      <c r="OM26" s="345">
        <v>5255050</v>
      </c>
      <c r="ON26" s="345">
        <v>6829592</v>
      </c>
      <c r="OO26" s="345">
        <v>5337724</v>
      </c>
      <c r="OP26" s="345">
        <v>6602565</v>
      </c>
      <c r="OQ26" s="345">
        <v>3522824</v>
      </c>
      <c r="OR26" s="349">
        <v>27547755</v>
      </c>
      <c r="OS26" s="354">
        <v>28386028</v>
      </c>
    </row>
    <row r="27" spans="2:409" s="70" customFormat="1" ht="21" customHeight="1" x14ac:dyDescent="0.2">
      <c r="B27" s="410" t="s">
        <v>22</v>
      </c>
      <c r="C27" s="326">
        <v>106985</v>
      </c>
      <c r="D27" s="327">
        <v>71648</v>
      </c>
      <c r="E27" s="328">
        <v>178633</v>
      </c>
      <c r="F27" s="329">
        <v>0</v>
      </c>
      <c r="G27" s="327">
        <v>2364879</v>
      </c>
      <c r="H27" s="327">
        <v>1660803</v>
      </c>
      <c r="I27" s="327">
        <v>1975024</v>
      </c>
      <c r="J27" s="327">
        <v>1509167</v>
      </c>
      <c r="K27" s="327">
        <v>761990</v>
      </c>
      <c r="L27" s="367">
        <v>8271863</v>
      </c>
      <c r="M27" s="330">
        <v>8450496</v>
      </c>
      <c r="N27" s="326">
        <v>52384</v>
      </c>
      <c r="O27" s="327">
        <v>0</v>
      </c>
      <c r="P27" s="328">
        <v>52384</v>
      </c>
      <c r="Q27" s="326">
        <v>0</v>
      </c>
      <c r="R27" s="327">
        <v>724581</v>
      </c>
      <c r="S27" s="327">
        <v>781577</v>
      </c>
      <c r="T27" s="327">
        <v>355533</v>
      </c>
      <c r="U27" s="327">
        <v>443293</v>
      </c>
      <c r="V27" s="327">
        <v>290693</v>
      </c>
      <c r="W27" s="328">
        <v>2595677</v>
      </c>
      <c r="X27" s="330">
        <v>2648061</v>
      </c>
      <c r="Y27" s="326">
        <v>0</v>
      </c>
      <c r="Z27" s="327">
        <v>0</v>
      </c>
      <c r="AA27" s="328">
        <v>0</v>
      </c>
      <c r="AB27" s="326">
        <v>0</v>
      </c>
      <c r="AC27" s="327">
        <v>493065</v>
      </c>
      <c r="AD27" s="327">
        <v>433588</v>
      </c>
      <c r="AE27" s="327">
        <v>109481</v>
      </c>
      <c r="AF27" s="327">
        <v>226676</v>
      </c>
      <c r="AG27" s="327">
        <v>167257</v>
      </c>
      <c r="AH27" s="328">
        <v>1430067</v>
      </c>
      <c r="AI27" s="330">
        <v>1430067</v>
      </c>
      <c r="AJ27" s="326">
        <v>0</v>
      </c>
      <c r="AK27" s="327">
        <v>0</v>
      </c>
      <c r="AL27" s="328">
        <v>0</v>
      </c>
      <c r="AM27" s="326">
        <v>0</v>
      </c>
      <c r="AN27" s="327">
        <v>0</v>
      </c>
      <c r="AO27" s="327">
        <v>0</v>
      </c>
      <c r="AP27" s="327">
        <v>0</v>
      </c>
      <c r="AQ27" s="327">
        <v>0</v>
      </c>
      <c r="AR27" s="327">
        <v>0</v>
      </c>
      <c r="AS27" s="328">
        <v>0</v>
      </c>
      <c r="AT27" s="330">
        <v>0</v>
      </c>
      <c r="AU27" s="326">
        <v>0</v>
      </c>
      <c r="AV27" s="327">
        <v>0</v>
      </c>
      <c r="AW27" s="328">
        <v>0</v>
      </c>
      <c r="AX27" s="326">
        <v>0</v>
      </c>
      <c r="AY27" s="327">
        <v>114091</v>
      </c>
      <c r="AZ27" s="327">
        <v>240453</v>
      </c>
      <c r="BA27" s="327">
        <v>150676</v>
      </c>
      <c r="BB27" s="327">
        <v>70705</v>
      </c>
      <c r="BC27" s="327">
        <v>108332</v>
      </c>
      <c r="BD27" s="328">
        <v>684257</v>
      </c>
      <c r="BE27" s="330">
        <v>684257</v>
      </c>
      <c r="BF27" s="326">
        <v>29680</v>
      </c>
      <c r="BG27" s="327">
        <v>0</v>
      </c>
      <c r="BH27" s="331">
        <v>29680</v>
      </c>
      <c r="BI27" s="332">
        <v>0</v>
      </c>
      <c r="BJ27" s="327">
        <v>31209</v>
      </c>
      <c r="BK27" s="327">
        <v>0</v>
      </c>
      <c r="BL27" s="327">
        <v>0</v>
      </c>
      <c r="BM27" s="327">
        <v>0</v>
      </c>
      <c r="BN27" s="327">
        <v>0</v>
      </c>
      <c r="BO27" s="328">
        <v>31209</v>
      </c>
      <c r="BP27" s="330">
        <v>60889</v>
      </c>
      <c r="BQ27" s="326">
        <v>22704</v>
      </c>
      <c r="BR27" s="327">
        <v>0</v>
      </c>
      <c r="BS27" s="328">
        <v>22704</v>
      </c>
      <c r="BT27" s="326">
        <v>0</v>
      </c>
      <c r="BU27" s="327">
        <v>86216</v>
      </c>
      <c r="BV27" s="327">
        <v>107536</v>
      </c>
      <c r="BW27" s="327">
        <v>95376</v>
      </c>
      <c r="BX27" s="327">
        <v>145912</v>
      </c>
      <c r="BY27" s="327">
        <v>15104</v>
      </c>
      <c r="BZ27" s="328">
        <v>450144</v>
      </c>
      <c r="CA27" s="330">
        <v>472848</v>
      </c>
      <c r="CB27" s="326">
        <v>0</v>
      </c>
      <c r="CC27" s="327">
        <v>38608</v>
      </c>
      <c r="CD27" s="328">
        <v>38608</v>
      </c>
      <c r="CE27" s="326">
        <v>0</v>
      </c>
      <c r="CF27" s="327">
        <v>699673</v>
      </c>
      <c r="CG27" s="327">
        <v>589538</v>
      </c>
      <c r="CH27" s="327">
        <v>812966</v>
      </c>
      <c r="CI27" s="327">
        <v>0</v>
      </c>
      <c r="CJ27" s="327">
        <v>272765</v>
      </c>
      <c r="CK27" s="328">
        <v>2374942</v>
      </c>
      <c r="CL27" s="330">
        <v>2413550</v>
      </c>
      <c r="CM27" s="326">
        <v>0</v>
      </c>
      <c r="CN27" s="327">
        <v>0</v>
      </c>
      <c r="CO27" s="328">
        <v>0</v>
      </c>
      <c r="CP27" s="332">
        <v>0</v>
      </c>
      <c r="CQ27" s="327">
        <v>500693</v>
      </c>
      <c r="CR27" s="327">
        <v>631294</v>
      </c>
      <c r="CS27" s="327">
        <v>812966</v>
      </c>
      <c r="CT27" s="327">
        <v>0</v>
      </c>
      <c r="CU27" s="327">
        <v>186947</v>
      </c>
      <c r="CV27" s="328">
        <v>2131900</v>
      </c>
      <c r="CW27" s="330">
        <v>2131900</v>
      </c>
      <c r="CX27" s="326">
        <v>0</v>
      </c>
      <c r="CY27" s="327">
        <v>38608</v>
      </c>
      <c r="CZ27" s="328">
        <v>38608</v>
      </c>
      <c r="DA27" s="326">
        <v>0</v>
      </c>
      <c r="DB27" s="327">
        <v>198980</v>
      </c>
      <c r="DC27" s="327">
        <v>-41756</v>
      </c>
      <c r="DD27" s="327">
        <v>0</v>
      </c>
      <c r="DE27" s="327">
        <v>0</v>
      </c>
      <c r="DF27" s="327">
        <v>85818</v>
      </c>
      <c r="DG27" s="328">
        <v>243042</v>
      </c>
      <c r="DH27" s="330">
        <v>281650</v>
      </c>
      <c r="DI27" s="326">
        <v>0</v>
      </c>
      <c r="DJ27" s="327">
        <v>0</v>
      </c>
      <c r="DK27" s="331">
        <v>0</v>
      </c>
      <c r="DL27" s="332">
        <v>0</v>
      </c>
      <c r="DM27" s="327">
        <v>51697</v>
      </c>
      <c r="DN27" s="327">
        <v>0</v>
      </c>
      <c r="DO27" s="327">
        <v>139470</v>
      </c>
      <c r="DP27" s="327">
        <v>29948</v>
      </c>
      <c r="DQ27" s="327">
        <v>48948</v>
      </c>
      <c r="DR27" s="328">
        <v>270063</v>
      </c>
      <c r="DS27" s="330">
        <v>270063</v>
      </c>
      <c r="DT27" s="326">
        <v>0</v>
      </c>
      <c r="DU27" s="327">
        <v>0</v>
      </c>
      <c r="DV27" s="328">
        <v>0</v>
      </c>
      <c r="DW27" s="326">
        <v>0</v>
      </c>
      <c r="DX27" s="327">
        <v>0</v>
      </c>
      <c r="DY27" s="327">
        <v>0</v>
      </c>
      <c r="DZ27" s="327">
        <v>139470</v>
      </c>
      <c r="EA27" s="327">
        <v>29948</v>
      </c>
      <c r="EB27" s="327">
        <v>23226</v>
      </c>
      <c r="EC27" s="328">
        <v>192644</v>
      </c>
      <c r="ED27" s="330">
        <v>192644</v>
      </c>
      <c r="EE27" s="326">
        <v>0</v>
      </c>
      <c r="EF27" s="331">
        <v>0</v>
      </c>
      <c r="EG27" s="328">
        <v>0</v>
      </c>
      <c r="EH27" s="326">
        <v>0</v>
      </c>
      <c r="EI27" s="327">
        <v>51697</v>
      </c>
      <c r="EJ27" s="327">
        <v>0</v>
      </c>
      <c r="EK27" s="327">
        <v>0</v>
      </c>
      <c r="EL27" s="327">
        <v>0</v>
      </c>
      <c r="EM27" s="327">
        <v>25722</v>
      </c>
      <c r="EN27" s="331">
        <v>77419</v>
      </c>
      <c r="EO27" s="330">
        <v>77419</v>
      </c>
      <c r="EP27" s="326">
        <v>0</v>
      </c>
      <c r="EQ27" s="327">
        <v>0</v>
      </c>
      <c r="ER27" s="331">
        <v>0</v>
      </c>
      <c r="ES27" s="332">
        <v>0</v>
      </c>
      <c r="ET27" s="327">
        <v>0</v>
      </c>
      <c r="EU27" s="327">
        <v>0</v>
      </c>
      <c r="EV27" s="327">
        <v>0</v>
      </c>
      <c r="EW27" s="327">
        <v>0</v>
      </c>
      <c r="EX27" s="327">
        <v>0</v>
      </c>
      <c r="EY27" s="328">
        <v>0</v>
      </c>
      <c r="EZ27" s="330">
        <v>0</v>
      </c>
      <c r="FA27" s="326">
        <v>0</v>
      </c>
      <c r="FB27" s="327">
        <v>0</v>
      </c>
      <c r="FC27" s="331">
        <v>0</v>
      </c>
      <c r="FD27" s="332">
        <v>0</v>
      </c>
      <c r="FE27" s="327">
        <v>0</v>
      </c>
      <c r="FF27" s="327">
        <v>0</v>
      </c>
      <c r="FG27" s="327">
        <v>0</v>
      </c>
      <c r="FH27" s="327">
        <v>0</v>
      </c>
      <c r="FI27" s="327">
        <v>0</v>
      </c>
      <c r="FJ27" s="328">
        <v>0</v>
      </c>
      <c r="FK27" s="330">
        <v>0</v>
      </c>
      <c r="FL27" s="326">
        <v>0</v>
      </c>
      <c r="FM27" s="327">
        <v>33040</v>
      </c>
      <c r="FN27" s="328">
        <v>33040</v>
      </c>
      <c r="FO27" s="326">
        <v>0</v>
      </c>
      <c r="FP27" s="327">
        <v>129776</v>
      </c>
      <c r="FQ27" s="327">
        <v>112352</v>
      </c>
      <c r="FR27" s="327">
        <v>174192</v>
      </c>
      <c r="FS27" s="327">
        <v>64272</v>
      </c>
      <c r="FT27" s="327">
        <v>149584</v>
      </c>
      <c r="FU27" s="328">
        <v>630176</v>
      </c>
      <c r="FV27" s="330">
        <v>663216</v>
      </c>
      <c r="FW27" s="333">
        <v>0</v>
      </c>
      <c r="FX27" s="327">
        <v>33040</v>
      </c>
      <c r="FY27" s="331">
        <v>33040</v>
      </c>
      <c r="FZ27" s="332">
        <v>0</v>
      </c>
      <c r="GA27" s="327">
        <v>129776</v>
      </c>
      <c r="GB27" s="327">
        <v>47760</v>
      </c>
      <c r="GC27" s="327">
        <v>174192</v>
      </c>
      <c r="GD27" s="327">
        <v>64272</v>
      </c>
      <c r="GE27" s="327">
        <v>149584</v>
      </c>
      <c r="GF27" s="328">
        <v>565584</v>
      </c>
      <c r="GG27" s="334">
        <v>598624</v>
      </c>
      <c r="GH27" s="333">
        <v>0</v>
      </c>
      <c r="GI27" s="327">
        <v>0</v>
      </c>
      <c r="GJ27" s="331">
        <v>0</v>
      </c>
      <c r="GK27" s="332">
        <v>0</v>
      </c>
      <c r="GL27" s="327">
        <v>0</v>
      </c>
      <c r="GM27" s="327">
        <v>0</v>
      </c>
      <c r="GN27" s="327">
        <v>0</v>
      </c>
      <c r="GO27" s="327">
        <v>0</v>
      </c>
      <c r="GP27" s="327">
        <v>0</v>
      </c>
      <c r="GQ27" s="328">
        <v>0</v>
      </c>
      <c r="GR27" s="330">
        <v>0</v>
      </c>
      <c r="GS27" s="326">
        <v>0</v>
      </c>
      <c r="GT27" s="327">
        <v>0</v>
      </c>
      <c r="GU27" s="328">
        <v>0</v>
      </c>
      <c r="GV27" s="326">
        <v>0</v>
      </c>
      <c r="GW27" s="327">
        <v>0</v>
      </c>
      <c r="GX27" s="327">
        <v>64592</v>
      </c>
      <c r="GY27" s="327">
        <v>0</v>
      </c>
      <c r="GZ27" s="327">
        <v>0</v>
      </c>
      <c r="HA27" s="327">
        <v>0</v>
      </c>
      <c r="HB27" s="331">
        <v>64592</v>
      </c>
      <c r="HC27" s="330">
        <v>64592</v>
      </c>
      <c r="HD27" s="326">
        <v>54601</v>
      </c>
      <c r="HE27" s="327">
        <v>0</v>
      </c>
      <c r="HF27" s="331">
        <v>54601</v>
      </c>
      <c r="HG27" s="332">
        <v>0</v>
      </c>
      <c r="HH27" s="327">
        <v>759152</v>
      </c>
      <c r="HI27" s="327">
        <v>177336</v>
      </c>
      <c r="HJ27" s="327">
        <v>492863</v>
      </c>
      <c r="HK27" s="327">
        <v>971654</v>
      </c>
      <c r="HL27" s="327">
        <v>0</v>
      </c>
      <c r="HM27" s="328">
        <v>2401005</v>
      </c>
      <c r="HN27" s="329">
        <v>2455606</v>
      </c>
      <c r="HO27" s="333">
        <v>0</v>
      </c>
      <c r="HP27" s="327">
        <v>0</v>
      </c>
      <c r="HQ27" s="328">
        <v>0</v>
      </c>
      <c r="HR27" s="326">
        <v>0</v>
      </c>
      <c r="HS27" s="327">
        <v>0</v>
      </c>
      <c r="HT27" s="327">
        <v>0</v>
      </c>
      <c r="HU27" s="327">
        <v>0</v>
      </c>
      <c r="HV27" s="327">
        <v>0</v>
      </c>
      <c r="HW27" s="327">
        <v>0</v>
      </c>
      <c r="HX27" s="331">
        <v>0</v>
      </c>
      <c r="HY27" s="330">
        <v>0</v>
      </c>
      <c r="HZ27" s="335">
        <v>0</v>
      </c>
      <c r="IA27" s="336">
        <v>0</v>
      </c>
      <c r="IB27" s="337">
        <v>0</v>
      </c>
      <c r="IC27" s="338">
        <v>0</v>
      </c>
      <c r="ID27" s="336">
        <v>649999</v>
      </c>
      <c r="IE27" s="339">
        <v>1297138</v>
      </c>
      <c r="IF27" s="337">
        <v>1309363</v>
      </c>
      <c r="IG27" s="336">
        <v>1619409</v>
      </c>
      <c r="IH27" s="337">
        <v>247147</v>
      </c>
      <c r="II27" s="340">
        <v>5123056</v>
      </c>
      <c r="IJ27" s="341">
        <v>5123056</v>
      </c>
      <c r="IK27" s="342">
        <v>0</v>
      </c>
      <c r="IL27" s="343">
        <v>0</v>
      </c>
      <c r="IM27" s="344">
        <v>0</v>
      </c>
      <c r="IN27" s="404">
        <v>0</v>
      </c>
      <c r="IO27" s="345">
        <v>0</v>
      </c>
      <c r="IP27" s="345">
        <v>109160</v>
      </c>
      <c r="IQ27" s="345">
        <v>193056</v>
      </c>
      <c r="IR27" s="345">
        <v>0</v>
      </c>
      <c r="IS27" s="345">
        <v>0</v>
      </c>
      <c r="IT27" s="346">
        <v>302216</v>
      </c>
      <c r="IU27" s="347">
        <v>302216</v>
      </c>
      <c r="IV27" s="348">
        <v>0</v>
      </c>
      <c r="IW27" s="345">
        <v>0</v>
      </c>
      <c r="IX27" s="349">
        <v>0</v>
      </c>
      <c r="IY27" s="404">
        <v>0</v>
      </c>
      <c r="IZ27" s="345">
        <v>0</v>
      </c>
      <c r="JA27" s="345">
        <v>0</v>
      </c>
      <c r="JB27" s="345">
        <v>0</v>
      </c>
      <c r="JC27" s="345">
        <v>0</v>
      </c>
      <c r="JD27" s="345">
        <v>0</v>
      </c>
      <c r="JE27" s="349">
        <v>0</v>
      </c>
      <c r="JF27" s="350">
        <v>0</v>
      </c>
      <c r="JG27" s="348">
        <v>0</v>
      </c>
      <c r="JH27" s="345">
        <v>0</v>
      </c>
      <c r="JI27" s="346">
        <v>0</v>
      </c>
      <c r="JJ27" s="351">
        <v>0</v>
      </c>
      <c r="JK27" s="345">
        <v>291603</v>
      </c>
      <c r="JL27" s="345">
        <v>185087</v>
      </c>
      <c r="JM27" s="345">
        <v>181692</v>
      </c>
      <c r="JN27" s="345">
        <v>0</v>
      </c>
      <c r="JO27" s="345">
        <v>247147</v>
      </c>
      <c r="JP27" s="349">
        <v>905529</v>
      </c>
      <c r="JQ27" s="347">
        <v>905529</v>
      </c>
      <c r="JR27" s="348">
        <v>0</v>
      </c>
      <c r="JS27" s="345">
        <v>0</v>
      </c>
      <c r="JT27" s="346">
        <v>0</v>
      </c>
      <c r="JU27" s="351">
        <v>0</v>
      </c>
      <c r="JV27" s="345">
        <v>0</v>
      </c>
      <c r="JW27" s="345">
        <v>0</v>
      </c>
      <c r="JX27" s="345">
        <v>205742</v>
      </c>
      <c r="JY27" s="345">
        <v>0</v>
      </c>
      <c r="JZ27" s="345">
        <v>0</v>
      </c>
      <c r="KA27" s="349">
        <v>205742</v>
      </c>
      <c r="KB27" s="347">
        <v>205742</v>
      </c>
      <c r="KC27" s="352">
        <v>0</v>
      </c>
      <c r="KD27" s="353">
        <v>0</v>
      </c>
      <c r="KE27" s="349">
        <v>0</v>
      </c>
      <c r="KF27" s="351">
        <v>0</v>
      </c>
      <c r="KG27" s="345">
        <v>123992</v>
      </c>
      <c r="KH27" s="345">
        <v>0</v>
      </c>
      <c r="KI27" s="345">
        <v>476988</v>
      </c>
      <c r="KJ27" s="345">
        <v>0</v>
      </c>
      <c r="KK27" s="345">
        <v>0</v>
      </c>
      <c r="KL27" s="349">
        <v>600980</v>
      </c>
      <c r="KM27" s="354">
        <v>600980</v>
      </c>
      <c r="KN27" s="342">
        <v>0</v>
      </c>
      <c r="KO27" s="343">
        <v>0</v>
      </c>
      <c r="KP27" s="344">
        <v>0</v>
      </c>
      <c r="KQ27" s="404">
        <v>0</v>
      </c>
      <c r="KR27" s="345">
        <v>234404</v>
      </c>
      <c r="KS27" s="345">
        <v>763450</v>
      </c>
      <c r="KT27" s="345">
        <v>251885</v>
      </c>
      <c r="KU27" s="345">
        <v>259356</v>
      </c>
      <c r="KV27" s="345">
        <v>0</v>
      </c>
      <c r="KW27" s="349">
        <v>1509095</v>
      </c>
      <c r="KX27" s="347">
        <v>1509095</v>
      </c>
      <c r="KY27" s="348">
        <v>0</v>
      </c>
      <c r="KZ27" s="345">
        <v>0</v>
      </c>
      <c r="LA27" s="349">
        <v>0</v>
      </c>
      <c r="LB27" s="404">
        <v>0</v>
      </c>
      <c r="LC27" s="345">
        <v>0</v>
      </c>
      <c r="LD27" s="345">
        <v>0</v>
      </c>
      <c r="LE27" s="345">
        <v>0</v>
      </c>
      <c r="LF27" s="345">
        <v>0</v>
      </c>
      <c r="LG27" s="345">
        <v>0</v>
      </c>
      <c r="LH27" s="349">
        <v>0</v>
      </c>
      <c r="LI27" s="350">
        <v>0</v>
      </c>
      <c r="LJ27" s="348">
        <v>0</v>
      </c>
      <c r="LK27" s="345">
        <v>0</v>
      </c>
      <c r="LL27" s="349">
        <v>0</v>
      </c>
      <c r="LM27" s="404">
        <v>0</v>
      </c>
      <c r="LN27" s="345">
        <v>0</v>
      </c>
      <c r="LO27" s="345">
        <v>239441</v>
      </c>
      <c r="LP27" s="345">
        <v>0</v>
      </c>
      <c r="LQ27" s="345">
        <v>1360053</v>
      </c>
      <c r="LR27" s="345">
        <v>0</v>
      </c>
      <c r="LS27" s="349">
        <v>1599494</v>
      </c>
      <c r="LT27" s="347">
        <v>1599494</v>
      </c>
      <c r="LU27" s="348">
        <v>0</v>
      </c>
      <c r="LV27" s="345">
        <v>0</v>
      </c>
      <c r="LW27" s="349">
        <v>0</v>
      </c>
      <c r="LX27" s="404">
        <v>0</v>
      </c>
      <c r="LY27" s="345">
        <v>0</v>
      </c>
      <c r="LZ27" s="345">
        <v>0</v>
      </c>
      <c r="MA27" s="345">
        <v>0</v>
      </c>
      <c r="MB27" s="345">
        <v>0</v>
      </c>
      <c r="MC27" s="345">
        <v>0</v>
      </c>
      <c r="MD27" s="349">
        <v>0</v>
      </c>
      <c r="ME27" s="350">
        <v>0</v>
      </c>
      <c r="MF27" s="348">
        <v>0</v>
      </c>
      <c r="MG27" s="345">
        <v>0</v>
      </c>
      <c r="MH27" s="349">
        <v>0</v>
      </c>
      <c r="MI27" s="404">
        <v>0</v>
      </c>
      <c r="MJ27" s="345">
        <v>0</v>
      </c>
      <c r="MK27" s="345">
        <v>550932</v>
      </c>
      <c r="ML27" s="345">
        <v>1616041</v>
      </c>
      <c r="MM27" s="345">
        <v>1568178</v>
      </c>
      <c r="MN27" s="345">
        <v>226639</v>
      </c>
      <c r="MO27" s="349">
        <v>3961790</v>
      </c>
      <c r="MP27" s="354">
        <v>3961790</v>
      </c>
      <c r="MQ27" s="348">
        <v>0</v>
      </c>
      <c r="MR27" s="345">
        <v>0</v>
      </c>
      <c r="MS27" s="349">
        <v>0</v>
      </c>
      <c r="MT27" s="404">
        <v>0</v>
      </c>
      <c r="MU27" s="345">
        <v>0</v>
      </c>
      <c r="MV27" s="345">
        <v>0</v>
      </c>
      <c r="MW27" s="345">
        <v>1027010</v>
      </c>
      <c r="MX27" s="345">
        <v>820898</v>
      </c>
      <c r="MY27" s="345">
        <v>226639</v>
      </c>
      <c r="MZ27" s="349">
        <v>2074547</v>
      </c>
      <c r="NA27" s="354">
        <v>2074547</v>
      </c>
      <c r="NB27" s="348">
        <v>0</v>
      </c>
      <c r="NC27" s="345">
        <v>0</v>
      </c>
      <c r="ND27" s="349">
        <v>0</v>
      </c>
      <c r="NE27" s="404">
        <v>0</v>
      </c>
      <c r="NF27" s="345">
        <v>0</v>
      </c>
      <c r="NG27" s="345">
        <v>550932</v>
      </c>
      <c r="NH27" s="345">
        <v>589031</v>
      </c>
      <c r="NI27" s="345">
        <v>404949</v>
      </c>
      <c r="NJ27" s="345">
        <v>0</v>
      </c>
      <c r="NK27" s="349">
        <v>1544912</v>
      </c>
      <c r="NL27" s="347">
        <v>1544912</v>
      </c>
      <c r="NM27" s="348">
        <v>0</v>
      </c>
      <c r="NN27" s="345">
        <v>0</v>
      </c>
      <c r="NO27" s="349">
        <v>0</v>
      </c>
      <c r="NP27" s="404">
        <v>0</v>
      </c>
      <c r="NQ27" s="345">
        <v>0</v>
      </c>
      <c r="NR27" s="345">
        <v>0</v>
      </c>
      <c r="NS27" s="345">
        <v>0</v>
      </c>
      <c r="NT27" s="345">
        <v>0</v>
      </c>
      <c r="NU27" s="345">
        <v>0</v>
      </c>
      <c r="NV27" s="349">
        <v>0</v>
      </c>
      <c r="NW27" s="350">
        <v>0</v>
      </c>
      <c r="NX27" s="348">
        <v>0</v>
      </c>
      <c r="NY27" s="345">
        <v>0</v>
      </c>
      <c r="NZ27" s="349">
        <v>0</v>
      </c>
      <c r="OA27" s="404">
        <v>0</v>
      </c>
      <c r="OB27" s="345">
        <v>0</v>
      </c>
      <c r="OC27" s="345">
        <v>0</v>
      </c>
      <c r="OD27" s="345">
        <v>0</v>
      </c>
      <c r="OE27" s="345">
        <v>342331</v>
      </c>
      <c r="OF27" s="345">
        <v>0</v>
      </c>
      <c r="OG27" s="349">
        <v>342331</v>
      </c>
      <c r="OH27" s="350">
        <v>342331</v>
      </c>
      <c r="OI27" s="348">
        <v>106985</v>
      </c>
      <c r="OJ27" s="345">
        <v>71648</v>
      </c>
      <c r="OK27" s="346">
        <v>178633</v>
      </c>
      <c r="OL27" s="351">
        <v>0</v>
      </c>
      <c r="OM27" s="345">
        <v>3014878</v>
      </c>
      <c r="ON27" s="345">
        <v>3508873</v>
      </c>
      <c r="OO27" s="345">
        <v>4900428</v>
      </c>
      <c r="OP27" s="345">
        <v>4696754</v>
      </c>
      <c r="OQ27" s="345">
        <v>1235776</v>
      </c>
      <c r="OR27" s="349">
        <v>17356709</v>
      </c>
      <c r="OS27" s="354">
        <v>17535342</v>
      </c>
    </row>
    <row r="28" spans="2:409" s="70" customFormat="1" ht="21" customHeight="1" x14ac:dyDescent="0.2">
      <c r="B28" s="410" t="s">
        <v>23</v>
      </c>
      <c r="C28" s="326">
        <v>214792</v>
      </c>
      <c r="D28" s="327">
        <v>194440</v>
      </c>
      <c r="E28" s="328">
        <v>409232</v>
      </c>
      <c r="F28" s="329">
        <v>0</v>
      </c>
      <c r="G28" s="327">
        <v>2427619</v>
      </c>
      <c r="H28" s="327">
        <v>2874291</v>
      </c>
      <c r="I28" s="327">
        <v>1337720</v>
      </c>
      <c r="J28" s="327">
        <v>2669442</v>
      </c>
      <c r="K28" s="327">
        <v>1238893</v>
      </c>
      <c r="L28" s="367">
        <v>10547965</v>
      </c>
      <c r="M28" s="330">
        <v>10957197</v>
      </c>
      <c r="N28" s="326">
        <v>88728</v>
      </c>
      <c r="O28" s="327">
        <v>63448</v>
      </c>
      <c r="P28" s="328">
        <v>152176</v>
      </c>
      <c r="Q28" s="326">
        <v>0</v>
      </c>
      <c r="R28" s="327">
        <v>869079</v>
      </c>
      <c r="S28" s="327">
        <v>1039744</v>
      </c>
      <c r="T28" s="327">
        <v>225908</v>
      </c>
      <c r="U28" s="327">
        <v>454908</v>
      </c>
      <c r="V28" s="327">
        <v>392719</v>
      </c>
      <c r="W28" s="328">
        <v>2982358</v>
      </c>
      <c r="X28" s="330">
        <v>3134534</v>
      </c>
      <c r="Y28" s="326">
        <v>0</v>
      </c>
      <c r="Z28" s="327">
        <v>0</v>
      </c>
      <c r="AA28" s="328">
        <v>0</v>
      </c>
      <c r="AB28" s="326">
        <v>0</v>
      </c>
      <c r="AC28" s="327">
        <v>319593</v>
      </c>
      <c r="AD28" s="327">
        <v>248077</v>
      </c>
      <c r="AE28" s="327">
        <v>0</v>
      </c>
      <c r="AF28" s="327">
        <v>174254</v>
      </c>
      <c r="AG28" s="327">
        <v>279371</v>
      </c>
      <c r="AH28" s="328">
        <v>1021295</v>
      </c>
      <c r="AI28" s="330">
        <v>1021295</v>
      </c>
      <c r="AJ28" s="326">
        <v>0</v>
      </c>
      <c r="AK28" s="327">
        <v>0</v>
      </c>
      <c r="AL28" s="328">
        <v>0</v>
      </c>
      <c r="AM28" s="326">
        <v>0</v>
      </c>
      <c r="AN28" s="327">
        <v>0</v>
      </c>
      <c r="AO28" s="327">
        <v>0</v>
      </c>
      <c r="AP28" s="327">
        <v>0</v>
      </c>
      <c r="AQ28" s="327">
        <v>25585</v>
      </c>
      <c r="AR28" s="327">
        <v>0</v>
      </c>
      <c r="AS28" s="328">
        <v>25585</v>
      </c>
      <c r="AT28" s="330">
        <v>25585</v>
      </c>
      <c r="AU28" s="326">
        <v>63992</v>
      </c>
      <c r="AV28" s="327">
        <v>27555</v>
      </c>
      <c r="AW28" s="328">
        <v>91547</v>
      </c>
      <c r="AX28" s="326">
        <v>0</v>
      </c>
      <c r="AY28" s="327">
        <v>303463</v>
      </c>
      <c r="AZ28" s="327">
        <v>576545</v>
      </c>
      <c r="BA28" s="327">
        <v>101812</v>
      </c>
      <c r="BB28" s="327">
        <v>99205</v>
      </c>
      <c r="BC28" s="327">
        <v>18300</v>
      </c>
      <c r="BD28" s="328">
        <v>1099325</v>
      </c>
      <c r="BE28" s="330">
        <v>1190872</v>
      </c>
      <c r="BF28" s="326">
        <v>0</v>
      </c>
      <c r="BG28" s="327">
        <v>31109</v>
      </c>
      <c r="BH28" s="331">
        <v>31109</v>
      </c>
      <c r="BI28" s="332">
        <v>0</v>
      </c>
      <c r="BJ28" s="327">
        <v>31519</v>
      </c>
      <c r="BK28" s="327">
        <v>23890</v>
      </c>
      <c r="BL28" s="327">
        <v>0</v>
      </c>
      <c r="BM28" s="327">
        <v>0</v>
      </c>
      <c r="BN28" s="327">
        <v>0</v>
      </c>
      <c r="BO28" s="328">
        <v>55409</v>
      </c>
      <c r="BP28" s="330">
        <v>86518</v>
      </c>
      <c r="BQ28" s="326">
        <v>24736</v>
      </c>
      <c r="BR28" s="327">
        <v>4784</v>
      </c>
      <c r="BS28" s="328">
        <v>29520</v>
      </c>
      <c r="BT28" s="326">
        <v>0</v>
      </c>
      <c r="BU28" s="327">
        <v>214504</v>
      </c>
      <c r="BV28" s="327">
        <v>191232</v>
      </c>
      <c r="BW28" s="327">
        <v>124096</v>
      </c>
      <c r="BX28" s="327">
        <v>155864</v>
      </c>
      <c r="BY28" s="327">
        <v>95048</v>
      </c>
      <c r="BZ28" s="328">
        <v>780744</v>
      </c>
      <c r="CA28" s="330">
        <v>810264</v>
      </c>
      <c r="CB28" s="326">
        <v>0</v>
      </c>
      <c r="CC28" s="327">
        <v>0</v>
      </c>
      <c r="CD28" s="328">
        <v>0</v>
      </c>
      <c r="CE28" s="326">
        <v>0</v>
      </c>
      <c r="CF28" s="327">
        <v>731993</v>
      </c>
      <c r="CG28" s="327">
        <v>1423920</v>
      </c>
      <c r="CH28" s="327">
        <v>206816</v>
      </c>
      <c r="CI28" s="327">
        <v>487996</v>
      </c>
      <c r="CJ28" s="327">
        <v>257714</v>
      </c>
      <c r="CK28" s="328">
        <v>3108439</v>
      </c>
      <c r="CL28" s="330">
        <v>3108439</v>
      </c>
      <c r="CM28" s="326">
        <v>0</v>
      </c>
      <c r="CN28" s="327">
        <v>0</v>
      </c>
      <c r="CO28" s="328">
        <v>0</v>
      </c>
      <c r="CP28" s="332">
        <v>0</v>
      </c>
      <c r="CQ28" s="327">
        <v>557406</v>
      </c>
      <c r="CR28" s="327">
        <v>1181142</v>
      </c>
      <c r="CS28" s="327">
        <v>206816</v>
      </c>
      <c r="CT28" s="327">
        <v>487996</v>
      </c>
      <c r="CU28" s="327">
        <v>257714</v>
      </c>
      <c r="CV28" s="328">
        <v>2691074</v>
      </c>
      <c r="CW28" s="330">
        <v>2691074</v>
      </c>
      <c r="CX28" s="326">
        <v>0</v>
      </c>
      <c r="CY28" s="327">
        <v>0</v>
      </c>
      <c r="CZ28" s="328">
        <v>0</v>
      </c>
      <c r="DA28" s="326">
        <v>0</v>
      </c>
      <c r="DB28" s="327">
        <v>174587</v>
      </c>
      <c r="DC28" s="327">
        <v>242778</v>
      </c>
      <c r="DD28" s="327">
        <v>0</v>
      </c>
      <c r="DE28" s="327">
        <v>0</v>
      </c>
      <c r="DF28" s="327">
        <v>0</v>
      </c>
      <c r="DG28" s="328">
        <v>417365</v>
      </c>
      <c r="DH28" s="330">
        <v>417365</v>
      </c>
      <c r="DI28" s="326">
        <v>0</v>
      </c>
      <c r="DJ28" s="327">
        <v>0</v>
      </c>
      <c r="DK28" s="331">
        <v>0</v>
      </c>
      <c r="DL28" s="332">
        <v>0</v>
      </c>
      <c r="DM28" s="327">
        <v>95424</v>
      </c>
      <c r="DN28" s="327">
        <v>33707</v>
      </c>
      <c r="DO28" s="327">
        <v>211581</v>
      </c>
      <c r="DP28" s="327">
        <v>481213</v>
      </c>
      <c r="DQ28" s="327">
        <v>0</v>
      </c>
      <c r="DR28" s="328">
        <v>821925</v>
      </c>
      <c r="DS28" s="330">
        <v>821925</v>
      </c>
      <c r="DT28" s="326">
        <v>0</v>
      </c>
      <c r="DU28" s="327">
        <v>0</v>
      </c>
      <c r="DV28" s="328">
        <v>0</v>
      </c>
      <c r="DW28" s="326">
        <v>0</v>
      </c>
      <c r="DX28" s="327">
        <v>11950</v>
      </c>
      <c r="DY28" s="327">
        <v>0</v>
      </c>
      <c r="DZ28" s="327">
        <v>211581</v>
      </c>
      <c r="EA28" s="327">
        <v>481213</v>
      </c>
      <c r="EB28" s="327">
        <v>0</v>
      </c>
      <c r="EC28" s="328">
        <v>704744</v>
      </c>
      <c r="ED28" s="330">
        <v>704744</v>
      </c>
      <c r="EE28" s="326">
        <v>0</v>
      </c>
      <c r="EF28" s="331">
        <v>0</v>
      </c>
      <c r="EG28" s="328">
        <v>0</v>
      </c>
      <c r="EH28" s="326">
        <v>0</v>
      </c>
      <c r="EI28" s="327">
        <v>83474</v>
      </c>
      <c r="EJ28" s="327">
        <v>33707</v>
      </c>
      <c r="EK28" s="327">
        <v>0</v>
      </c>
      <c r="EL28" s="327">
        <v>0</v>
      </c>
      <c r="EM28" s="327">
        <v>0</v>
      </c>
      <c r="EN28" s="331">
        <v>117181</v>
      </c>
      <c r="EO28" s="330">
        <v>117181</v>
      </c>
      <c r="EP28" s="326">
        <v>0</v>
      </c>
      <c r="EQ28" s="327">
        <v>0</v>
      </c>
      <c r="ER28" s="331">
        <v>0</v>
      </c>
      <c r="ES28" s="332">
        <v>0</v>
      </c>
      <c r="ET28" s="327">
        <v>0</v>
      </c>
      <c r="EU28" s="327">
        <v>0</v>
      </c>
      <c r="EV28" s="327">
        <v>0</v>
      </c>
      <c r="EW28" s="327">
        <v>0</v>
      </c>
      <c r="EX28" s="327">
        <v>0</v>
      </c>
      <c r="EY28" s="328">
        <v>0</v>
      </c>
      <c r="EZ28" s="330">
        <v>0</v>
      </c>
      <c r="FA28" s="326">
        <v>0</v>
      </c>
      <c r="FB28" s="327">
        <v>0</v>
      </c>
      <c r="FC28" s="331">
        <v>0</v>
      </c>
      <c r="FD28" s="332">
        <v>0</v>
      </c>
      <c r="FE28" s="327">
        <v>0</v>
      </c>
      <c r="FF28" s="327">
        <v>0</v>
      </c>
      <c r="FG28" s="327">
        <v>0</v>
      </c>
      <c r="FH28" s="327">
        <v>0</v>
      </c>
      <c r="FI28" s="327">
        <v>0</v>
      </c>
      <c r="FJ28" s="328">
        <v>0</v>
      </c>
      <c r="FK28" s="330">
        <v>0</v>
      </c>
      <c r="FL28" s="326">
        <v>15632</v>
      </c>
      <c r="FM28" s="327">
        <v>130992</v>
      </c>
      <c r="FN28" s="328">
        <v>146624</v>
      </c>
      <c r="FO28" s="326">
        <v>0</v>
      </c>
      <c r="FP28" s="327">
        <v>84352</v>
      </c>
      <c r="FQ28" s="327">
        <v>376920</v>
      </c>
      <c r="FR28" s="327">
        <v>68072</v>
      </c>
      <c r="FS28" s="327">
        <v>76224</v>
      </c>
      <c r="FT28" s="327">
        <v>99480</v>
      </c>
      <c r="FU28" s="328">
        <v>705048</v>
      </c>
      <c r="FV28" s="330">
        <v>851672</v>
      </c>
      <c r="FW28" s="333">
        <v>15632</v>
      </c>
      <c r="FX28" s="327">
        <v>130992</v>
      </c>
      <c r="FY28" s="331">
        <v>146624</v>
      </c>
      <c r="FZ28" s="332">
        <v>0</v>
      </c>
      <c r="GA28" s="327">
        <v>84352</v>
      </c>
      <c r="GB28" s="327">
        <v>349240</v>
      </c>
      <c r="GC28" s="327">
        <v>68072</v>
      </c>
      <c r="GD28" s="327">
        <v>76224</v>
      </c>
      <c r="GE28" s="327">
        <v>99480</v>
      </c>
      <c r="GF28" s="328">
        <v>677368</v>
      </c>
      <c r="GG28" s="334">
        <v>823992</v>
      </c>
      <c r="GH28" s="333">
        <v>0</v>
      </c>
      <c r="GI28" s="327">
        <v>0</v>
      </c>
      <c r="GJ28" s="331">
        <v>0</v>
      </c>
      <c r="GK28" s="332">
        <v>0</v>
      </c>
      <c r="GL28" s="327">
        <v>0</v>
      </c>
      <c r="GM28" s="327">
        <v>27680</v>
      </c>
      <c r="GN28" s="327">
        <v>0</v>
      </c>
      <c r="GO28" s="327">
        <v>0</v>
      </c>
      <c r="GP28" s="327">
        <v>0</v>
      </c>
      <c r="GQ28" s="328">
        <v>27680</v>
      </c>
      <c r="GR28" s="330">
        <v>27680</v>
      </c>
      <c r="GS28" s="326">
        <v>0</v>
      </c>
      <c r="GT28" s="327">
        <v>0</v>
      </c>
      <c r="GU28" s="328">
        <v>0</v>
      </c>
      <c r="GV28" s="326">
        <v>0</v>
      </c>
      <c r="GW28" s="327">
        <v>0</v>
      </c>
      <c r="GX28" s="327">
        <v>0</v>
      </c>
      <c r="GY28" s="327">
        <v>0</v>
      </c>
      <c r="GZ28" s="327">
        <v>0</v>
      </c>
      <c r="HA28" s="327">
        <v>0</v>
      </c>
      <c r="HB28" s="331">
        <v>0</v>
      </c>
      <c r="HC28" s="330">
        <v>0</v>
      </c>
      <c r="HD28" s="326">
        <v>110432</v>
      </c>
      <c r="HE28" s="327">
        <v>0</v>
      </c>
      <c r="HF28" s="331">
        <v>110432</v>
      </c>
      <c r="HG28" s="332">
        <v>0</v>
      </c>
      <c r="HH28" s="327">
        <v>646771</v>
      </c>
      <c r="HI28" s="327">
        <v>0</v>
      </c>
      <c r="HJ28" s="327">
        <v>625343</v>
      </c>
      <c r="HK28" s="327">
        <v>1169101</v>
      </c>
      <c r="HL28" s="327">
        <v>488980</v>
      </c>
      <c r="HM28" s="328">
        <v>2930195</v>
      </c>
      <c r="HN28" s="329">
        <v>3040627</v>
      </c>
      <c r="HO28" s="333">
        <v>0</v>
      </c>
      <c r="HP28" s="327">
        <v>0</v>
      </c>
      <c r="HQ28" s="328">
        <v>0</v>
      </c>
      <c r="HR28" s="326">
        <v>0</v>
      </c>
      <c r="HS28" s="327">
        <v>0</v>
      </c>
      <c r="HT28" s="327">
        <v>0</v>
      </c>
      <c r="HU28" s="327">
        <v>0</v>
      </c>
      <c r="HV28" s="327">
        <v>0</v>
      </c>
      <c r="HW28" s="327">
        <v>0</v>
      </c>
      <c r="HX28" s="331">
        <v>0</v>
      </c>
      <c r="HY28" s="330">
        <v>0</v>
      </c>
      <c r="HZ28" s="358">
        <v>0</v>
      </c>
      <c r="IA28" s="356">
        <v>0</v>
      </c>
      <c r="IB28" s="358">
        <v>0</v>
      </c>
      <c r="IC28" s="355">
        <v>0</v>
      </c>
      <c r="ID28" s="356">
        <v>295801</v>
      </c>
      <c r="IE28" s="357">
        <v>905896</v>
      </c>
      <c r="IF28" s="358">
        <v>829157</v>
      </c>
      <c r="IG28" s="356">
        <v>601601</v>
      </c>
      <c r="IH28" s="358">
        <v>40570</v>
      </c>
      <c r="II28" s="359">
        <v>2673025</v>
      </c>
      <c r="IJ28" s="358">
        <v>2673025</v>
      </c>
      <c r="IK28" s="342">
        <v>0</v>
      </c>
      <c r="IL28" s="343">
        <v>0</v>
      </c>
      <c r="IM28" s="344">
        <v>0</v>
      </c>
      <c r="IN28" s="404">
        <v>0</v>
      </c>
      <c r="IO28" s="345">
        <v>0</v>
      </c>
      <c r="IP28" s="345">
        <v>0</v>
      </c>
      <c r="IQ28" s="345">
        <v>0</v>
      </c>
      <c r="IR28" s="345">
        <v>0</v>
      </c>
      <c r="IS28" s="345">
        <v>0</v>
      </c>
      <c r="IT28" s="346">
        <v>0</v>
      </c>
      <c r="IU28" s="347">
        <v>0</v>
      </c>
      <c r="IV28" s="348">
        <v>0</v>
      </c>
      <c r="IW28" s="345">
        <v>0</v>
      </c>
      <c r="IX28" s="349">
        <v>0</v>
      </c>
      <c r="IY28" s="404">
        <v>0</v>
      </c>
      <c r="IZ28" s="345">
        <v>0</v>
      </c>
      <c r="JA28" s="345">
        <v>0</v>
      </c>
      <c r="JB28" s="345">
        <v>0</v>
      </c>
      <c r="JC28" s="345">
        <v>0</v>
      </c>
      <c r="JD28" s="345">
        <v>0</v>
      </c>
      <c r="JE28" s="349">
        <v>0</v>
      </c>
      <c r="JF28" s="350">
        <v>0</v>
      </c>
      <c r="JG28" s="348">
        <v>0</v>
      </c>
      <c r="JH28" s="345">
        <v>0</v>
      </c>
      <c r="JI28" s="346">
        <v>0</v>
      </c>
      <c r="JJ28" s="351">
        <v>0</v>
      </c>
      <c r="JK28" s="345">
        <v>48756</v>
      </c>
      <c r="JL28" s="345">
        <v>50526</v>
      </c>
      <c r="JM28" s="345">
        <v>44248</v>
      </c>
      <c r="JN28" s="345">
        <v>334023</v>
      </c>
      <c r="JO28" s="345">
        <v>0</v>
      </c>
      <c r="JP28" s="349">
        <v>477553</v>
      </c>
      <c r="JQ28" s="347">
        <v>477553</v>
      </c>
      <c r="JR28" s="348">
        <v>0</v>
      </c>
      <c r="JS28" s="345">
        <v>0</v>
      </c>
      <c r="JT28" s="346">
        <v>0</v>
      </c>
      <c r="JU28" s="351">
        <v>0</v>
      </c>
      <c r="JV28" s="345">
        <v>0</v>
      </c>
      <c r="JW28" s="345">
        <v>0</v>
      </c>
      <c r="JX28" s="345">
        <v>0</v>
      </c>
      <c r="JY28" s="345">
        <v>0</v>
      </c>
      <c r="JZ28" s="345">
        <v>0</v>
      </c>
      <c r="KA28" s="349">
        <v>0</v>
      </c>
      <c r="KB28" s="347">
        <v>0</v>
      </c>
      <c r="KC28" s="352">
        <v>0</v>
      </c>
      <c r="KD28" s="353">
        <v>0</v>
      </c>
      <c r="KE28" s="349">
        <v>0</v>
      </c>
      <c r="KF28" s="351">
        <v>0</v>
      </c>
      <c r="KG28" s="345">
        <v>0</v>
      </c>
      <c r="KH28" s="345">
        <v>0</v>
      </c>
      <c r="KI28" s="345">
        <v>0</v>
      </c>
      <c r="KJ28" s="345">
        <v>0</v>
      </c>
      <c r="KK28" s="345">
        <v>0</v>
      </c>
      <c r="KL28" s="349">
        <v>0</v>
      </c>
      <c r="KM28" s="354">
        <v>0</v>
      </c>
      <c r="KN28" s="342">
        <v>0</v>
      </c>
      <c r="KO28" s="343">
        <v>0</v>
      </c>
      <c r="KP28" s="344">
        <v>0</v>
      </c>
      <c r="KQ28" s="404">
        <v>0</v>
      </c>
      <c r="KR28" s="345">
        <v>247045</v>
      </c>
      <c r="KS28" s="345">
        <v>772118</v>
      </c>
      <c r="KT28" s="345">
        <v>784909</v>
      </c>
      <c r="KU28" s="345">
        <v>267578</v>
      </c>
      <c r="KV28" s="345">
        <v>0</v>
      </c>
      <c r="KW28" s="349">
        <v>2071650</v>
      </c>
      <c r="KX28" s="347">
        <v>2071650</v>
      </c>
      <c r="KY28" s="348">
        <v>0</v>
      </c>
      <c r="KZ28" s="345">
        <v>0</v>
      </c>
      <c r="LA28" s="349">
        <v>0</v>
      </c>
      <c r="LB28" s="404">
        <v>0</v>
      </c>
      <c r="LC28" s="345">
        <v>0</v>
      </c>
      <c r="LD28" s="345">
        <v>0</v>
      </c>
      <c r="LE28" s="345">
        <v>0</v>
      </c>
      <c r="LF28" s="345">
        <v>0</v>
      </c>
      <c r="LG28" s="345">
        <v>0</v>
      </c>
      <c r="LH28" s="349">
        <v>0</v>
      </c>
      <c r="LI28" s="350">
        <v>0</v>
      </c>
      <c r="LJ28" s="348">
        <v>0</v>
      </c>
      <c r="LK28" s="345">
        <v>0</v>
      </c>
      <c r="LL28" s="349">
        <v>0</v>
      </c>
      <c r="LM28" s="404">
        <v>0</v>
      </c>
      <c r="LN28" s="345">
        <v>0</v>
      </c>
      <c r="LO28" s="345">
        <v>0</v>
      </c>
      <c r="LP28" s="345">
        <v>0</v>
      </c>
      <c r="LQ28" s="345">
        <v>0</v>
      </c>
      <c r="LR28" s="345">
        <v>0</v>
      </c>
      <c r="LS28" s="349">
        <v>0</v>
      </c>
      <c r="LT28" s="347">
        <v>0</v>
      </c>
      <c r="LU28" s="348">
        <v>0</v>
      </c>
      <c r="LV28" s="345">
        <v>0</v>
      </c>
      <c r="LW28" s="349">
        <v>0</v>
      </c>
      <c r="LX28" s="404">
        <v>0</v>
      </c>
      <c r="LY28" s="345">
        <v>0</v>
      </c>
      <c r="LZ28" s="345">
        <v>83252</v>
      </c>
      <c r="MA28" s="345">
        <v>0</v>
      </c>
      <c r="MB28" s="345">
        <v>0</v>
      </c>
      <c r="MC28" s="345">
        <v>40570</v>
      </c>
      <c r="MD28" s="349">
        <v>123822</v>
      </c>
      <c r="ME28" s="350">
        <v>123822</v>
      </c>
      <c r="MF28" s="348">
        <v>0</v>
      </c>
      <c r="MG28" s="345">
        <v>0</v>
      </c>
      <c r="MH28" s="349">
        <v>0</v>
      </c>
      <c r="MI28" s="404">
        <v>0</v>
      </c>
      <c r="MJ28" s="345">
        <v>0</v>
      </c>
      <c r="MK28" s="345">
        <v>0</v>
      </c>
      <c r="ML28" s="345">
        <v>1773104</v>
      </c>
      <c r="MM28" s="345">
        <v>2287237</v>
      </c>
      <c r="MN28" s="345">
        <v>1270815</v>
      </c>
      <c r="MO28" s="349">
        <v>5331156</v>
      </c>
      <c r="MP28" s="354">
        <v>5331156</v>
      </c>
      <c r="MQ28" s="348">
        <v>0</v>
      </c>
      <c r="MR28" s="345">
        <v>0</v>
      </c>
      <c r="MS28" s="349">
        <v>0</v>
      </c>
      <c r="MT28" s="404">
        <v>0</v>
      </c>
      <c r="MU28" s="345">
        <v>0</v>
      </c>
      <c r="MV28" s="345">
        <v>0</v>
      </c>
      <c r="MW28" s="345">
        <v>1478988</v>
      </c>
      <c r="MX28" s="345">
        <v>1952146</v>
      </c>
      <c r="MY28" s="345">
        <v>915863</v>
      </c>
      <c r="MZ28" s="349">
        <v>4346997</v>
      </c>
      <c r="NA28" s="354">
        <v>4346997</v>
      </c>
      <c r="NB28" s="348">
        <v>0</v>
      </c>
      <c r="NC28" s="345">
        <v>0</v>
      </c>
      <c r="ND28" s="349">
        <v>0</v>
      </c>
      <c r="NE28" s="404">
        <v>0</v>
      </c>
      <c r="NF28" s="345">
        <v>0</v>
      </c>
      <c r="NG28" s="345">
        <v>0</v>
      </c>
      <c r="NH28" s="345">
        <v>294116</v>
      </c>
      <c r="NI28" s="345">
        <v>335091</v>
      </c>
      <c r="NJ28" s="345">
        <v>354952</v>
      </c>
      <c r="NK28" s="349">
        <v>984159</v>
      </c>
      <c r="NL28" s="347">
        <v>984159</v>
      </c>
      <c r="NM28" s="348">
        <v>0</v>
      </c>
      <c r="NN28" s="345">
        <v>0</v>
      </c>
      <c r="NO28" s="349">
        <v>0</v>
      </c>
      <c r="NP28" s="404">
        <v>0</v>
      </c>
      <c r="NQ28" s="345">
        <v>0</v>
      </c>
      <c r="NR28" s="345">
        <v>0</v>
      </c>
      <c r="NS28" s="345">
        <v>0</v>
      </c>
      <c r="NT28" s="345">
        <v>0</v>
      </c>
      <c r="NU28" s="345">
        <v>0</v>
      </c>
      <c r="NV28" s="349">
        <v>0</v>
      </c>
      <c r="NW28" s="350">
        <v>0</v>
      </c>
      <c r="NX28" s="348">
        <v>0</v>
      </c>
      <c r="NY28" s="345">
        <v>0</v>
      </c>
      <c r="NZ28" s="349">
        <v>0</v>
      </c>
      <c r="OA28" s="404">
        <v>0</v>
      </c>
      <c r="OB28" s="345">
        <v>0</v>
      </c>
      <c r="OC28" s="345">
        <v>0</v>
      </c>
      <c r="OD28" s="345">
        <v>0</v>
      </c>
      <c r="OE28" s="345">
        <v>0</v>
      </c>
      <c r="OF28" s="345">
        <v>0</v>
      </c>
      <c r="OG28" s="349">
        <v>0</v>
      </c>
      <c r="OH28" s="350">
        <v>0</v>
      </c>
      <c r="OI28" s="348">
        <v>214792</v>
      </c>
      <c r="OJ28" s="345">
        <v>194440</v>
      </c>
      <c r="OK28" s="346">
        <v>409232</v>
      </c>
      <c r="OL28" s="351">
        <v>0</v>
      </c>
      <c r="OM28" s="345">
        <v>2723420</v>
      </c>
      <c r="ON28" s="345">
        <v>3780187</v>
      </c>
      <c r="OO28" s="345">
        <v>3939981</v>
      </c>
      <c r="OP28" s="345">
        <v>5558280</v>
      </c>
      <c r="OQ28" s="345">
        <v>2550278</v>
      </c>
      <c r="OR28" s="349">
        <v>18552146</v>
      </c>
      <c r="OS28" s="354">
        <v>18961378</v>
      </c>
    </row>
    <row r="29" spans="2:409" s="70" customFormat="1" ht="21" customHeight="1" x14ac:dyDescent="0.2">
      <c r="B29" s="410" t="s">
        <v>24</v>
      </c>
      <c r="C29" s="326">
        <v>90136</v>
      </c>
      <c r="D29" s="327">
        <v>104658</v>
      </c>
      <c r="E29" s="328">
        <v>194794</v>
      </c>
      <c r="F29" s="329">
        <v>0</v>
      </c>
      <c r="G29" s="327">
        <v>2700580</v>
      </c>
      <c r="H29" s="327">
        <v>2366894</v>
      </c>
      <c r="I29" s="327">
        <v>2352573</v>
      </c>
      <c r="J29" s="327">
        <v>2359196</v>
      </c>
      <c r="K29" s="327">
        <v>998484</v>
      </c>
      <c r="L29" s="367">
        <v>10777727</v>
      </c>
      <c r="M29" s="330">
        <v>10972521</v>
      </c>
      <c r="N29" s="326">
        <v>34711</v>
      </c>
      <c r="O29" s="327">
        <v>41455</v>
      </c>
      <c r="P29" s="328">
        <v>76166</v>
      </c>
      <c r="Q29" s="326">
        <v>0</v>
      </c>
      <c r="R29" s="327">
        <v>816531</v>
      </c>
      <c r="S29" s="327">
        <v>409973</v>
      </c>
      <c r="T29" s="327">
        <v>611353</v>
      </c>
      <c r="U29" s="327">
        <v>797838</v>
      </c>
      <c r="V29" s="327">
        <v>652507</v>
      </c>
      <c r="W29" s="328">
        <v>3288202</v>
      </c>
      <c r="X29" s="330">
        <v>3364368</v>
      </c>
      <c r="Y29" s="326">
        <v>0</v>
      </c>
      <c r="Z29" s="327">
        <v>0</v>
      </c>
      <c r="AA29" s="328">
        <v>0</v>
      </c>
      <c r="AB29" s="326">
        <v>0</v>
      </c>
      <c r="AC29" s="327">
        <v>279049</v>
      </c>
      <c r="AD29" s="327">
        <v>37706</v>
      </c>
      <c r="AE29" s="327">
        <v>110166</v>
      </c>
      <c r="AF29" s="327">
        <v>414451</v>
      </c>
      <c r="AG29" s="327">
        <v>529423</v>
      </c>
      <c r="AH29" s="328">
        <v>1370795</v>
      </c>
      <c r="AI29" s="330">
        <v>1370795</v>
      </c>
      <c r="AJ29" s="326">
        <v>0</v>
      </c>
      <c r="AK29" s="327">
        <v>0</v>
      </c>
      <c r="AL29" s="328">
        <v>0</v>
      </c>
      <c r="AM29" s="326">
        <v>0</v>
      </c>
      <c r="AN29" s="327">
        <v>0</v>
      </c>
      <c r="AO29" s="327">
        <v>0</v>
      </c>
      <c r="AP29" s="327">
        <v>0</v>
      </c>
      <c r="AQ29" s="327">
        <v>61216</v>
      </c>
      <c r="AR29" s="327">
        <v>60053</v>
      </c>
      <c r="AS29" s="328">
        <v>121269</v>
      </c>
      <c r="AT29" s="330">
        <v>121269</v>
      </c>
      <c r="AU29" s="326">
        <v>21639</v>
      </c>
      <c r="AV29" s="327">
        <v>41455</v>
      </c>
      <c r="AW29" s="328">
        <v>63094</v>
      </c>
      <c r="AX29" s="326">
        <v>0</v>
      </c>
      <c r="AY29" s="327">
        <v>324404</v>
      </c>
      <c r="AZ29" s="327">
        <v>192844</v>
      </c>
      <c r="BA29" s="327">
        <v>410347</v>
      </c>
      <c r="BB29" s="327">
        <v>228011</v>
      </c>
      <c r="BC29" s="327">
        <v>38023</v>
      </c>
      <c r="BD29" s="328">
        <v>1193629</v>
      </c>
      <c r="BE29" s="330">
        <v>1256723</v>
      </c>
      <c r="BF29" s="326">
        <v>0</v>
      </c>
      <c r="BG29" s="327">
        <v>0</v>
      </c>
      <c r="BH29" s="331">
        <v>0</v>
      </c>
      <c r="BI29" s="332">
        <v>0</v>
      </c>
      <c r="BJ29" s="327">
        <v>36550</v>
      </c>
      <c r="BK29" s="327">
        <v>69263</v>
      </c>
      <c r="BL29" s="327">
        <v>0</v>
      </c>
      <c r="BM29" s="327">
        <v>0</v>
      </c>
      <c r="BN29" s="327">
        <v>0</v>
      </c>
      <c r="BO29" s="328">
        <v>105813</v>
      </c>
      <c r="BP29" s="330">
        <v>105813</v>
      </c>
      <c r="BQ29" s="326">
        <v>13072</v>
      </c>
      <c r="BR29" s="327">
        <v>0</v>
      </c>
      <c r="BS29" s="328">
        <v>13072</v>
      </c>
      <c r="BT29" s="326">
        <v>0</v>
      </c>
      <c r="BU29" s="327">
        <v>176528</v>
      </c>
      <c r="BV29" s="327">
        <v>110160</v>
      </c>
      <c r="BW29" s="327">
        <v>90840</v>
      </c>
      <c r="BX29" s="327">
        <v>94160</v>
      </c>
      <c r="BY29" s="327">
        <v>25008</v>
      </c>
      <c r="BZ29" s="328">
        <v>496696</v>
      </c>
      <c r="CA29" s="330">
        <v>509768</v>
      </c>
      <c r="CB29" s="326">
        <v>20289</v>
      </c>
      <c r="CC29" s="327">
        <v>39963</v>
      </c>
      <c r="CD29" s="328">
        <v>60252</v>
      </c>
      <c r="CE29" s="326">
        <v>0</v>
      </c>
      <c r="CF29" s="327">
        <v>686385</v>
      </c>
      <c r="CG29" s="327">
        <v>958494</v>
      </c>
      <c r="CH29" s="327">
        <v>860436</v>
      </c>
      <c r="CI29" s="327">
        <v>692784</v>
      </c>
      <c r="CJ29" s="327">
        <v>281489</v>
      </c>
      <c r="CK29" s="328">
        <v>3479588</v>
      </c>
      <c r="CL29" s="330">
        <v>3539840</v>
      </c>
      <c r="CM29" s="326">
        <v>0</v>
      </c>
      <c r="CN29" s="327">
        <v>0</v>
      </c>
      <c r="CO29" s="328">
        <v>0</v>
      </c>
      <c r="CP29" s="332">
        <v>0</v>
      </c>
      <c r="CQ29" s="327">
        <v>660315</v>
      </c>
      <c r="CR29" s="327">
        <v>490480</v>
      </c>
      <c r="CS29" s="327">
        <v>391437</v>
      </c>
      <c r="CT29" s="327">
        <v>335295</v>
      </c>
      <c r="CU29" s="327">
        <v>91265</v>
      </c>
      <c r="CV29" s="328">
        <v>1968792</v>
      </c>
      <c r="CW29" s="330">
        <v>1968792</v>
      </c>
      <c r="CX29" s="326">
        <v>20289</v>
      </c>
      <c r="CY29" s="327">
        <v>39963</v>
      </c>
      <c r="CZ29" s="328">
        <v>60252</v>
      </c>
      <c r="DA29" s="326">
        <v>0</v>
      </c>
      <c r="DB29" s="327">
        <v>26070</v>
      </c>
      <c r="DC29" s="327">
        <v>468014</v>
      </c>
      <c r="DD29" s="327">
        <v>468999</v>
      </c>
      <c r="DE29" s="327">
        <v>357489</v>
      </c>
      <c r="DF29" s="327">
        <v>190224</v>
      </c>
      <c r="DG29" s="328">
        <v>1510796</v>
      </c>
      <c r="DH29" s="330">
        <v>1571048</v>
      </c>
      <c r="DI29" s="326">
        <v>0</v>
      </c>
      <c r="DJ29" s="327">
        <v>0</v>
      </c>
      <c r="DK29" s="331">
        <v>0</v>
      </c>
      <c r="DL29" s="332">
        <v>0</v>
      </c>
      <c r="DM29" s="327">
        <v>112107</v>
      </c>
      <c r="DN29" s="327">
        <v>262741</v>
      </c>
      <c r="DO29" s="327">
        <v>164146</v>
      </c>
      <c r="DP29" s="327">
        <v>482083</v>
      </c>
      <c r="DQ29" s="327">
        <v>0</v>
      </c>
      <c r="DR29" s="328">
        <v>1021077</v>
      </c>
      <c r="DS29" s="330">
        <v>1021077</v>
      </c>
      <c r="DT29" s="326">
        <v>0</v>
      </c>
      <c r="DU29" s="327">
        <v>0</v>
      </c>
      <c r="DV29" s="328">
        <v>0</v>
      </c>
      <c r="DW29" s="326">
        <v>0</v>
      </c>
      <c r="DX29" s="327">
        <v>112107</v>
      </c>
      <c r="DY29" s="327">
        <v>221260</v>
      </c>
      <c r="DZ29" s="327">
        <v>110798</v>
      </c>
      <c r="EA29" s="327">
        <v>482083</v>
      </c>
      <c r="EB29" s="327">
        <v>0</v>
      </c>
      <c r="EC29" s="328">
        <v>926248</v>
      </c>
      <c r="ED29" s="330">
        <v>926248</v>
      </c>
      <c r="EE29" s="326">
        <v>0</v>
      </c>
      <c r="EF29" s="331">
        <v>0</v>
      </c>
      <c r="EG29" s="328">
        <v>0</v>
      </c>
      <c r="EH29" s="326">
        <v>0</v>
      </c>
      <c r="EI29" s="327">
        <v>0</v>
      </c>
      <c r="EJ29" s="327">
        <v>41481</v>
      </c>
      <c r="EK29" s="327">
        <v>53348</v>
      </c>
      <c r="EL29" s="327">
        <v>0</v>
      </c>
      <c r="EM29" s="327">
        <v>0</v>
      </c>
      <c r="EN29" s="331">
        <v>94829</v>
      </c>
      <c r="EO29" s="330">
        <v>94829</v>
      </c>
      <c r="EP29" s="326">
        <v>0</v>
      </c>
      <c r="EQ29" s="327">
        <v>0</v>
      </c>
      <c r="ER29" s="331">
        <v>0</v>
      </c>
      <c r="ES29" s="332">
        <v>0</v>
      </c>
      <c r="ET29" s="327">
        <v>0</v>
      </c>
      <c r="EU29" s="327">
        <v>0</v>
      </c>
      <c r="EV29" s="327">
        <v>0</v>
      </c>
      <c r="EW29" s="327">
        <v>0</v>
      </c>
      <c r="EX29" s="327">
        <v>0</v>
      </c>
      <c r="EY29" s="328">
        <v>0</v>
      </c>
      <c r="EZ29" s="330">
        <v>0</v>
      </c>
      <c r="FA29" s="326">
        <v>0</v>
      </c>
      <c r="FB29" s="327">
        <v>0</v>
      </c>
      <c r="FC29" s="331">
        <v>0</v>
      </c>
      <c r="FD29" s="332">
        <v>0</v>
      </c>
      <c r="FE29" s="327">
        <v>0</v>
      </c>
      <c r="FF29" s="327">
        <v>0</v>
      </c>
      <c r="FG29" s="327">
        <v>0</v>
      </c>
      <c r="FH29" s="327">
        <v>0</v>
      </c>
      <c r="FI29" s="327">
        <v>0</v>
      </c>
      <c r="FJ29" s="328">
        <v>0</v>
      </c>
      <c r="FK29" s="330">
        <v>0</v>
      </c>
      <c r="FL29" s="326">
        <v>35136</v>
      </c>
      <c r="FM29" s="327">
        <v>23240</v>
      </c>
      <c r="FN29" s="328">
        <v>58376</v>
      </c>
      <c r="FO29" s="326">
        <v>0</v>
      </c>
      <c r="FP29" s="327">
        <v>58360</v>
      </c>
      <c r="FQ29" s="327">
        <v>186612</v>
      </c>
      <c r="FR29" s="327">
        <v>284960</v>
      </c>
      <c r="FS29" s="327">
        <v>167344</v>
      </c>
      <c r="FT29" s="327">
        <v>64488</v>
      </c>
      <c r="FU29" s="328">
        <v>761764</v>
      </c>
      <c r="FV29" s="330">
        <v>820140</v>
      </c>
      <c r="FW29" s="333">
        <v>35136</v>
      </c>
      <c r="FX29" s="327">
        <v>23240</v>
      </c>
      <c r="FY29" s="331">
        <v>58376</v>
      </c>
      <c r="FZ29" s="332">
        <v>0</v>
      </c>
      <c r="GA29" s="327">
        <v>58360</v>
      </c>
      <c r="GB29" s="327">
        <v>171520</v>
      </c>
      <c r="GC29" s="327">
        <v>156960</v>
      </c>
      <c r="GD29" s="327">
        <v>167344</v>
      </c>
      <c r="GE29" s="327">
        <v>64488</v>
      </c>
      <c r="GF29" s="328">
        <v>618672</v>
      </c>
      <c r="GG29" s="334">
        <v>677048</v>
      </c>
      <c r="GH29" s="333">
        <v>0</v>
      </c>
      <c r="GI29" s="327">
        <v>0</v>
      </c>
      <c r="GJ29" s="331">
        <v>0</v>
      </c>
      <c r="GK29" s="332">
        <v>0</v>
      </c>
      <c r="GL29" s="327">
        <v>0</v>
      </c>
      <c r="GM29" s="327">
        <v>15092</v>
      </c>
      <c r="GN29" s="327">
        <v>0</v>
      </c>
      <c r="GO29" s="327">
        <v>0</v>
      </c>
      <c r="GP29" s="327">
        <v>0</v>
      </c>
      <c r="GQ29" s="328">
        <v>15092</v>
      </c>
      <c r="GR29" s="330">
        <v>15092</v>
      </c>
      <c r="GS29" s="326">
        <v>0</v>
      </c>
      <c r="GT29" s="327">
        <v>0</v>
      </c>
      <c r="GU29" s="328">
        <v>0</v>
      </c>
      <c r="GV29" s="326">
        <v>0</v>
      </c>
      <c r="GW29" s="327">
        <v>0</v>
      </c>
      <c r="GX29" s="327">
        <v>0</v>
      </c>
      <c r="GY29" s="327">
        <v>128000</v>
      </c>
      <c r="GZ29" s="327">
        <v>0</v>
      </c>
      <c r="HA29" s="327">
        <v>0</v>
      </c>
      <c r="HB29" s="331">
        <v>128000</v>
      </c>
      <c r="HC29" s="330">
        <v>128000</v>
      </c>
      <c r="HD29" s="326">
        <v>0</v>
      </c>
      <c r="HE29" s="327">
        <v>0</v>
      </c>
      <c r="HF29" s="331">
        <v>0</v>
      </c>
      <c r="HG29" s="332">
        <v>0</v>
      </c>
      <c r="HH29" s="327">
        <v>1027197</v>
      </c>
      <c r="HI29" s="327">
        <v>549074</v>
      </c>
      <c r="HJ29" s="327">
        <v>431678</v>
      </c>
      <c r="HK29" s="327">
        <v>219147</v>
      </c>
      <c r="HL29" s="327">
        <v>0</v>
      </c>
      <c r="HM29" s="328">
        <v>2227096</v>
      </c>
      <c r="HN29" s="329">
        <v>2227096</v>
      </c>
      <c r="HO29" s="333">
        <v>0</v>
      </c>
      <c r="HP29" s="327">
        <v>0</v>
      </c>
      <c r="HQ29" s="328">
        <v>0</v>
      </c>
      <c r="HR29" s="326">
        <v>0</v>
      </c>
      <c r="HS29" s="327">
        <v>0</v>
      </c>
      <c r="HT29" s="327">
        <v>0</v>
      </c>
      <c r="HU29" s="327">
        <v>0</v>
      </c>
      <c r="HV29" s="327">
        <v>0</v>
      </c>
      <c r="HW29" s="327">
        <v>0</v>
      </c>
      <c r="HX29" s="331">
        <v>0</v>
      </c>
      <c r="HY29" s="330">
        <v>0</v>
      </c>
      <c r="HZ29" s="335">
        <v>45060</v>
      </c>
      <c r="IA29" s="336">
        <v>0</v>
      </c>
      <c r="IB29" s="337">
        <v>45060</v>
      </c>
      <c r="IC29" s="338">
        <v>0</v>
      </c>
      <c r="ID29" s="336">
        <v>194600</v>
      </c>
      <c r="IE29" s="339">
        <v>267114</v>
      </c>
      <c r="IF29" s="337">
        <v>834969</v>
      </c>
      <c r="IG29" s="336">
        <v>202768</v>
      </c>
      <c r="IH29" s="337">
        <v>97605</v>
      </c>
      <c r="II29" s="340">
        <v>1597056</v>
      </c>
      <c r="IJ29" s="341">
        <v>1642116</v>
      </c>
      <c r="IK29" s="342">
        <v>0</v>
      </c>
      <c r="IL29" s="343">
        <v>0</v>
      </c>
      <c r="IM29" s="344">
        <v>0</v>
      </c>
      <c r="IN29" s="404">
        <v>0</v>
      </c>
      <c r="IO29" s="345">
        <v>0</v>
      </c>
      <c r="IP29" s="345">
        <v>0</v>
      </c>
      <c r="IQ29" s="345">
        <v>0</v>
      </c>
      <c r="IR29" s="345">
        <v>202768</v>
      </c>
      <c r="IS29" s="345">
        <v>0</v>
      </c>
      <c r="IT29" s="346">
        <v>202768</v>
      </c>
      <c r="IU29" s="347">
        <v>202768</v>
      </c>
      <c r="IV29" s="348">
        <v>0</v>
      </c>
      <c r="IW29" s="345">
        <v>0</v>
      </c>
      <c r="IX29" s="349">
        <v>0</v>
      </c>
      <c r="IY29" s="404">
        <v>0</v>
      </c>
      <c r="IZ29" s="345">
        <v>0</v>
      </c>
      <c r="JA29" s="345">
        <v>0</v>
      </c>
      <c r="JB29" s="345">
        <v>0</v>
      </c>
      <c r="JC29" s="345">
        <v>0</v>
      </c>
      <c r="JD29" s="345">
        <v>0</v>
      </c>
      <c r="JE29" s="349">
        <v>0</v>
      </c>
      <c r="JF29" s="350">
        <v>0</v>
      </c>
      <c r="JG29" s="348">
        <v>0</v>
      </c>
      <c r="JH29" s="345">
        <v>0</v>
      </c>
      <c r="JI29" s="346">
        <v>0</v>
      </c>
      <c r="JJ29" s="351">
        <v>0</v>
      </c>
      <c r="JK29" s="345">
        <v>194600</v>
      </c>
      <c r="JL29" s="345">
        <v>92727</v>
      </c>
      <c r="JM29" s="345">
        <v>39074</v>
      </c>
      <c r="JN29" s="345">
        <v>0</v>
      </c>
      <c r="JO29" s="345">
        <v>47827</v>
      </c>
      <c r="JP29" s="349">
        <v>374228</v>
      </c>
      <c r="JQ29" s="347">
        <v>374228</v>
      </c>
      <c r="JR29" s="348">
        <v>0</v>
      </c>
      <c r="JS29" s="345">
        <v>0</v>
      </c>
      <c r="JT29" s="346">
        <v>0</v>
      </c>
      <c r="JU29" s="351">
        <v>0</v>
      </c>
      <c r="JV29" s="345">
        <v>0</v>
      </c>
      <c r="JW29" s="345">
        <v>0</v>
      </c>
      <c r="JX29" s="345">
        <v>147041</v>
      </c>
      <c r="JY29" s="345">
        <v>0</v>
      </c>
      <c r="JZ29" s="345">
        <v>49778</v>
      </c>
      <c r="KA29" s="349">
        <v>196819</v>
      </c>
      <c r="KB29" s="347">
        <v>196819</v>
      </c>
      <c r="KC29" s="352">
        <v>45060</v>
      </c>
      <c r="KD29" s="353">
        <v>0</v>
      </c>
      <c r="KE29" s="349">
        <v>45060</v>
      </c>
      <c r="KF29" s="351">
        <v>0</v>
      </c>
      <c r="KG29" s="345">
        <v>0</v>
      </c>
      <c r="KH29" s="345">
        <v>174387</v>
      </c>
      <c r="KI29" s="345">
        <v>0</v>
      </c>
      <c r="KJ29" s="345">
        <v>0</v>
      </c>
      <c r="KK29" s="345">
        <v>0</v>
      </c>
      <c r="KL29" s="349">
        <v>174387</v>
      </c>
      <c r="KM29" s="354">
        <v>219447</v>
      </c>
      <c r="KN29" s="342">
        <v>0</v>
      </c>
      <c r="KO29" s="343">
        <v>0</v>
      </c>
      <c r="KP29" s="344">
        <v>0</v>
      </c>
      <c r="KQ29" s="404">
        <v>0</v>
      </c>
      <c r="KR29" s="345">
        <v>0</v>
      </c>
      <c r="KS29" s="345">
        <v>0</v>
      </c>
      <c r="KT29" s="345">
        <v>648854</v>
      </c>
      <c r="KU29" s="345">
        <v>0</v>
      </c>
      <c r="KV29" s="345">
        <v>0</v>
      </c>
      <c r="KW29" s="349">
        <v>648854</v>
      </c>
      <c r="KX29" s="347">
        <v>648854</v>
      </c>
      <c r="KY29" s="348">
        <v>0</v>
      </c>
      <c r="KZ29" s="345">
        <v>0</v>
      </c>
      <c r="LA29" s="349">
        <v>0</v>
      </c>
      <c r="LB29" s="404">
        <v>0</v>
      </c>
      <c r="LC29" s="345">
        <v>0</v>
      </c>
      <c r="LD29" s="345">
        <v>0</v>
      </c>
      <c r="LE29" s="345">
        <v>0</v>
      </c>
      <c r="LF29" s="345">
        <v>0</v>
      </c>
      <c r="LG29" s="345">
        <v>0</v>
      </c>
      <c r="LH29" s="349">
        <v>0</v>
      </c>
      <c r="LI29" s="350">
        <v>0</v>
      </c>
      <c r="LJ29" s="348">
        <v>0</v>
      </c>
      <c r="LK29" s="345">
        <v>0</v>
      </c>
      <c r="LL29" s="349">
        <v>0</v>
      </c>
      <c r="LM29" s="404">
        <v>0</v>
      </c>
      <c r="LN29" s="345">
        <v>0</v>
      </c>
      <c r="LO29" s="345">
        <v>0</v>
      </c>
      <c r="LP29" s="345">
        <v>0</v>
      </c>
      <c r="LQ29" s="345">
        <v>0</v>
      </c>
      <c r="LR29" s="345">
        <v>0</v>
      </c>
      <c r="LS29" s="349">
        <v>0</v>
      </c>
      <c r="LT29" s="347">
        <v>0</v>
      </c>
      <c r="LU29" s="348">
        <v>0</v>
      </c>
      <c r="LV29" s="345">
        <v>0</v>
      </c>
      <c r="LW29" s="349">
        <v>0</v>
      </c>
      <c r="LX29" s="404">
        <v>0</v>
      </c>
      <c r="LY29" s="345">
        <v>0</v>
      </c>
      <c r="LZ29" s="345">
        <v>0</v>
      </c>
      <c r="MA29" s="345">
        <v>0</v>
      </c>
      <c r="MB29" s="345">
        <v>0</v>
      </c>
      <c r="MC29" s="345">
        <v>0</v>
      </c>
      <c r="MD29" s="349">
        <v>0</v>
      </c>
      <c r="ME29" s="350">
        <v>0</v>
      </c>
      <c r="MF29" s="348">
        <v>0</v>
      </c>
      <c r="MG29" s="345">
        <v>0</v>
      </c>
      <c r="MH29" s="349">
        <v>0</v>
      </c>
      <c r="MI29" s="404">
        <v>0</v>
      </c>
      <c r="MJ29" s="345">
        <v>523820</v>
      </c>
      <c r="MK29" s="345">
        <v>261884</v>
      </c>
      <c r="ML29" s="345">
        <v>2292086</v>
      </c>
      <c r="MM29" s="345">
        <v>2071779</v>
      </c>
      <c r="MN29" s="345">
        <v>997654</v>
      </c>
      <c r="MO29" s="349">
        <v>6147223</v>
      </c>
      <c r="MP29" s="354">
        <v>6147223</v>
      </c>
      <c r="MQ29" s="348">
        <v>0</v>
      </c>
      <c r="MR29" s="345">
        <v>0</v>
      </c>
      <c r="MS29" s="349">
        <v>0</v>
      </c>
      <c r="MT29" s="404">
        <v>0</v>
      </c>
      <c r="MU29" s="345">
        <v>0</v>
      </c>
      <c r="MV29" s="345">
        <v>0</v>
      </c>
      <c r="MW29" s="345">
        <v>755155</v>
      </c>
      <c r="MX29" s="345">
        <v>1103881</v>
      </c>
      <c r="MY29" s="345">
        <v>599969</v>
      </c>
      <c r="MZ29" s="349">
        <v>2459005</v>
      </c>
      <c r="NA29" s="354">
        <v>2459005</v>
      </c>
      <c r="NB29" s="348">
        <v>0</v>
      </c>
      <c r="NC29" s="345">
        <v>0</v>
      </c>
      <c r="ND29" s="349">
        <v>0</v>
      </c>
      <c r="NE29" s="404">
        <v>0</v>
      </c>
      <c r="NF29" s="345">
        <v>523820</v>
      </c>
      <c r="NG29" s="345">
        <v>261884</v>
      </c>
      <c r="NH29" s="345">
        <v>1536931</v>
      </c>
      <c r="NI29" s="345">
        <v>967898</v>
      </c>
      <c r="NJ29" s="345">
        <v>397685</v>
      </c>
      <c r="NK29" s="349">
        <v>3688218</v>
      </c>
      <c r="NL29" s="347">
        <v>3688218</v>
      </c>
      <c r="NM29" s="348">
        <v>0</v>
      </c>
      <c r="NN29" s="345">
        <v>0</v>
      </c>
      <c r="NO29" s="349">
        <v>0</v>
      </c>
      <c r="NP29" s="404">
        <v>0</v>
      </c>
      <c r="NQ29" s="345">
        <v>0</v>
      </c>
      <c r="NR29" s="345">
        <v>0</v>
      </c>
      <c r="NS29" s="345">
        <v>0</v>
      </c>
      <c r="NT29" s="345">
        <v>0</v>
      </c>
      <c r="NU29" s="345">
        <v>0</v>
      </c>
      <c r="NV29" s="349">
        <v>0</v>
      </c>
      <c r="NW29" s="350">
        <v>0</v>
      </c>
      <c r="NX29" s="348">
        <v>0</v>
      </c>
      <c r="NY29" s="345">
        <v>0</v>
      </c>
      <c r="NZ29" s="349">
        <v>0</v>
      </c>
      <c r="OA29" s="404">
        <v>0</v>
      </c>
      <c r="OB29" s="345">
        <v>0</v>
      </c>
      <c r="OC29" s="345">
        <v>0</v>
      </c>
      <c r="OD29" s="345">
        <v>0</v>
      </c>
      <c r="OE29" s="345">
        <v>0</v>
      </c>
      <c r="OF29" s="345">
        <v>0</v>
      </c>
      <c r="OG29" s="349">
        <v>0</v>
      </c>
      <c r="OH29" s="350">
        <v>0</v>
      </c>
      <c r="OI29" s="348">
        <v>135196</v>
      </c>
      <c r="OJ29" s="345">
        <v>104658</v>
      </c>
      <c r="OK29" s="346">
        <v>239854</v>
      </c>
      <c r="OL29" s="351">
        <v>0</v>
      </c>
      <c r="OM29" s="345">
        <v>3419000</v>
      </c>
      <c r="ON29" s="345">
        <v>2895892</v>
      </c>
      <c r="OO29" s="345">
        <v>5479628</v>
      </c>
      <c r="OP29" s="345">
        <v>4633743</v>
      </c>
      <c r="OQ29" s="345">
        <v>2093743</v>
      </c>
      <c r="OR29" s="349">
        <v>18522006</v>
      </c>
      <c r="OS29" s="354">
        <v>18761860</v>
      </c>
    </row>
    <row r="30" spans="2:409" s="70" customFormat="1" ht="21" customHeight="1" x14ac:dyDescent="0.2">
      <c r="B30" s="410" t="s">
        <v>25</v>
      </c>
      <c r="C30" s="326">
        <v>228739</v>
      </c>
      <c r="D30" s="327">
        <v>368200</v>
      </c>
      <c r="E30" s="328">
        <v>596939</v>
      </c>
      <c r="F30" s="329">
        <v>0</v>
      </c>
      <c r="G30" s="327">
        <v>1290523</v>
      </c>
      <c r="H30" s="327">
        <v>1575517</v>
      </c>
      <c r="I30" s="327">
        <v>1430270</v>
      </c>
      <c r="J30" s="327">
        <v>1638555</v>
      </c>
      <c r="K30" s="327">
        <v>0</v>
      </c>
      <c r="L30" s="367">
        <v>5934865</v>
      </c>
      <c r="M30" s="330">
        <v>6531804</v>
      </c>
      <c r="N30" s="326">
        <v>20051</v>
      </c>
      <c r="O30" s="327">
        <v>127051</v>
      </c>
      <c r="P30" s="328">
        <v>147102</v>
      </c>
      <c r="Q30" s="326">
        <v>0</v>
      </c>
      <c r="R30" s="327">
        <v>282137</v>
      </c>
      <c r="S30" s="327">
        <v>728395</v>
      </c>
      <c r="T30" s="327">
        <v>433762</v>
      </c>
      <c r="U30" s="327">
        <v>474130</v>
      </c>
      <c r="V30" s="327">
        <v>0</v>
      </c>
      <c r="W30" s="328">
        <v>1918424</v>
      </c>
      <c r="X30" s="330">
        <v>2065526</v>
      </c>
      <c r="Y30" s="326">
        <v>0</v>
      </c>
      <c r="Z30" s="327">
        <v>0</v>
      </c>
      <c r="AA30" s="328">
        <v>0</v>
      </c>
      <c r="AB30" s="326">
        <v>0</v>
      </c>
      <c r="AC30" s="327">
        <v>75839</v>
      </c>
      <c r="AD30" s="327">
        <v>298123</v>
      </c>
      <c r="AE30" s="327">
        <v>100151</v>
      </c>
      <c r="AF30" s="327">
        <v>302645</v>
      </c>
      <c r="AG30" s="327">
        <v>0</v>
      </c>
      <c r="AH30" s="328">
        <v>776758</v>
      </c>
      <c r="AI30" s="330">
        <v>776758</v>
      </c>
      <c r="AJ30" s="326">
        <v>0</v>
      </c>
      <c r="AK30" s="327">
        <v>0</v>
      </c>
      <c r="AL30" s="328">
        <v>0</v>
      </c>
      <c r="AM30" s="326">
        <v>0</v>
      </c>
      <c r="AN30" s="327">
        <v>0</v>
      </c>
      <c r="AO30" s="327">
        <v>49339</v>
      </c>
      <c r="AP30" s="327">
        <v>123313</v>
      </c>
      <c r="AQ30" s="327">
        <v>0</v>
      </c>
      <c r="AR30" s="327">
        <v>0</v>
      </c>
      <c r="AS30" s="328">
        <v>172652</v>
      </c>
      <c r="AT30" s="330">
        <v>172652</v>
      </c>
      <c r="AU30" s="326">
        <v>20051</v>
      </c>
      <c r="AV30" s="327">
        <v>12444</v>
      </c>
      <c r="AW30" s="328">
        <v>32495</v>
      </c>
      <c r="AX30" s="326">
        <v>0</v>
      </c>
      <c r="AY30" s="327">
        <v>134570</v>
      </c>
      <c r="AZ30" s="327">
        <v>300599</v>
      </c>
      <c r="BA30" s="327">
        <v>140978</v>
      </c>
      <c r="BB30" s="327">
        <v>82629</v>
      </c>
      <c r="BC30" s="327">
        <v>0</v>
      </c>
      <c r="BD30" s="328">
        <v>658776</v>
      </c>
      <c r="BE30" s="330">
        <v>691271</v>
      </c>
      <c r="BF30" s="326">
        <v>0</v>
      </c>
      <c r="BG30" s="327">
        <v>89495</v>
      </c>
      <c r="BH30" s="331">
        <v>89495</v>
      </c>
      <c r="BI30" s="332">
        <v>0</v>
      </c>
      <c r="BJ30" s="327">
        <v>0</v>
      </c>
      <c r="BK30" s="327">
        <v>54006</v>
      </c>
      <c r="BL30" s="327">
        <v>0</v>
      </c>
      <c r="BM30" s="327">
        <v>0</v>
      </c>
      <c r="BN30" s="327">
        <v>0</v>
      </c>
      <c r="BO30" s="328">
        <v>54006</v>
      </c>
      <c r="BP30" s="330">
        <v>143501</v>
      </c>
      <c r="BQ30" s="326">
        <v>0</v>
      </c>
      <c r="BR30" s="327">
        <v>25112</v>
      </c>
      <c r="BS30" s="328">
        <v>25112</v>
      </c>
      <c r="BT30" s="326">
        <v>0</v>
      </c>
      <c r="BU30" s="327">
        <v>71728</v>
      </c>
      <c r="BV30" s="327">
        <v>26328</v>
      </c>
      <c r="BW30" s="327">
        <v>69320</v>
      </c>
      <c r="BX30" s="327">
        <v>88856</v>
      </c>
      <c r="BY30" s="327">
        <v>0</v>
      </c>
      <c r="BZ30" s="328">
        <v>256232</v>
      </c>
      <c r="CA30" s="330">
        <v>281344</v>
      </c>
      <c r="CB30" s="326">
        <v>0</v>
      </c>
      <c r="CC30" s="327">
        <v>37819</v>
      </c>
      <c r="CD30" s="328">
        <v>37819</v>
      </c>
      <c r="CE30" s="326">
        <v>0</v>
      </c>
      <c r="CF30" s="327">
        <v>226901</v>
      </c>
      <c r="CG30" s="327">
        <v>394570</v>
      </c>
      <c r="CH30" s="327">
        <v>412506</v>
      </c>
      <c r="CI30" s="327">
        <v>175990</v>
      </c>
      <c r="CJ30" s="327">
        <v>0</v>
      </c>
      <c r="CK30" s="328">
        <v>1209967</v>
      </c>
      <c r="CL30" s="330">
        <v>1247786</v>
      </c>
      <c r="CM30" s="326">
        <v>0</v>
      </c>
      <c r="CN30" s="327">
        <v>0</v>
      </c>
      <c r="CO30" s="328">
        <v>0</v>
      </c>
      <c r="CP30" s="332">
        <v>0</v>
      </c>
      <c r="CQ30" s="327">
        <v>226901</v>
      </c>
      <c r="CR30" s="327">
        <v>223409</v>
      </c>
      <c r="CS30" s="327">
        <v>251877</v>
      </c>
      <c r="CT30" s="327">
        <v>70558</v>
      </c>
      <c r="CU30" s="327">
        <v>0</v>
      </c>
      <c r="CV30" s="328">
        <v>772745</v>
      </c>
      <c r="CW30" s="330">
        <v>772745</v>
      </c>
      <c r="CX30" s="326">
        <v>0</v>
      </c>
      <c r="CY30" s="327">
        <v>37819</v>
      </c>
      <c r="CZ30" s="328">
        <v>37819</v>
      </c>
      <c r="DA30" s="326">
        <v>0</v>
      </c>
      <c r="DB30" s="327">
        <v>0</v>
      </c>
      <c r="DC30" s="327">
        <v>171161</v>
      </c>
      <c r="DD30" s="327">
        <v>160629</v>
      </c>
      <c r="DE30" s="327">
        <v>105432</v>
      </c>
      <c r="DF30" s="327">
        <v>0</v>
      </c>
      <c r="DG30" s="328">
        <v>437222</v>
      </c>
      <c r="DH30" s="330">
        <v>475041</v>
      </c>
      <c r="DI30" s="326">
        <v>0</v>
      </c>
      <c r="DJ30" s="327">
        <v>0</v>
      </c>
      <c r="DK30" s="331">
        <v>0</v>
      </c>
      <c r="DL30" s="332">
        <v>0</v>
      </c>
      <c r="DM30" s="327">
        <v>120665</v>
      </c>
      <c r="DN30" s="327">
        <v>114176</v>
      </c>
      <c r="DO30" s="327">
        <v>0</v>
      </c>
      <c r="DP30" s="327">
        <v>50783</v>
      </c>
      <c r="DQ30" s="327">
        <v>0</v>
      </c>
      <c r="DR30" s="328">
        <v>285624</v>
      </c>
      <c r="DS30" s="330">
        <v>285624</v>
      </c>
      <c r="DT30" s="326">
        <v>0</v>
      </c>
      <c r="DU30" s="327">
        <v>0</v>
      </c>
      <c r="DV30" s="328">
        <v>0</v>
      </c>
      <c r="DW30" s="326">
        <v>0</v>
      </c>
      <c r="DX30" s="327">
        <v>120665</v>
      </c>
      <c r="DY30" s="327">
        <v>114176</v>
      </c>
      <c r="DZ30" s="327">
        <v>0</v>
      </c>
      <c r="EA30" s="327">
        <v>50783</v>
      </c>
      <c r="EB30" s="327">
        <v>0</v>
      </c>
      <c r="EC30" s="328">
        <v>285624</v>
      </c>
      <c r="ED30" s="330">
        <v>285624</v>
      </c>
      <c r="EE30" s="326">
        <v>0</v>
      </c>
      <c r="EF30" s="331">
        <v>0</v>
      </c>
      <c r="EG30" s="328">
        <v>0</v>
      </c>
      <c r="EH30" s="326">
        <v>0</v>
      </c>
      <c r="EI30" s="327">
        <v>0</v>
      </c>
      <c r="EJ30" s="327">
        <v>0</v>
      </c>
      <c r="EK30" s="327">
        <v>0</v>
      </c>
      <c r="EL30" s="327">
        <v>0</v>
      </c>
      <c r="EM30" s="327">
        <v>0</v>
      </c>
      <c r="EN30" s="331">
        <v>0</v>
      </c>
      <c r="EO30" s="330">
        <v>0</v>
      </c>
      <c r="EP30" s="326">
        <v>0</v>
      </c>
      <c r="EQ30" s="327">
        <v>0</v>
      </c>
      <c r="ER30" s="331">
        <v>0</v>
      </c>
      <c r="ES30" s="332">
        <v>0</v>
      </c>
      <c r="ET30" s="327">
        <v>0</v>
      </c>
      <c r="EU30" s="327">
        <v>0</v>
      </c>
      <c r="EV30" s="327">
        <v>0</v>
      </c>
      <c r="EW30" s="327">
        <v>0</v>
      </c>
      <c r="EX30" s="327">
        <v>0</v>
      </c>
      <c r="EY30" s="328">
        <v>0</v>
      </c>
      <c r="EZ30" s="330">
        <v>0</v>
      </c>
      <c r="FA30" s="326">
        <v>0</v>
      </c>
      <c r="FB30" s="327">
        <v>0</v>
      </c>
      <c r="FC30" s="331">
        <v>0</v>
      </c>
      <c r="FD30" s="332">
        <v>0</v>
      </c>
      <c r="FE30" s="327">
        <v>0</v>
      </c>
      <c r="FF30" s="327">
        <v>0</v>
      </c>
      <c r="FG30" s="327">
        <v>0</v>
      </c>
      <c r="FH30" s="327">
        <v>0</v>
      </c>
      <c r="FI30" s="327">
        <v>0</v>
      </c>
      <c r="FJ30" s="328">
        <v>0</v>
      </c>
      <c r="FK30" s="330">
        <v>0</v>
      </c>
      <c r="FL30" s="326">
        <v>208688</v>
      </c>
      <c r="FM30" s="327">
        <v>109632</v>
      </c>
      <c r="FN30" s="328">
        <v>318320</v>
      </c>
      <c r="FO30" s="326">
        <v>0</v>
      </c>
      <c r="FP30" s="327">
        <v>10608</v>
      </c>
      <c r="FQ30" s="327">
        <v>338376</v>
      </c>
      <c r="FR30" s="327">
        <v>118080</v>
      </c>
      <c r="FS30" s="327">
        <v>48640</v>
      </c>
      <c r="FT30" s="327">
        <v>0</v>
      </c>
      <c r="FU30" s="328">
        <v>515704</v>
      </c>
      <c r="FV30" s="330">
        <v>834024</v>
      </c>
      <c r="FW30" s="333">
        <v>59760</v>
      </c>
      <c r="FX30" s="327">
        <v>109632</v>
      </c>
      <c r="FY30" s="331">
        <v>169392</v>
      </c>
      <c r="FZ30" s="332">
        <v>0</v>
      </c>
      <c r="GA30" s="327">
        <v>10608</v>
      </c>
      <c r="GB30" s="327">
        <v>178376</v>
      </c>
      <c r="GC30" s="327">
        <v>118080</v>
      </c>
      <c r="GD30" s="327">
        <v>48640</v>
      </c>
      <c r="GE30" s="327">
        <v>0</v>
      </c>
      <c r="GF30" s="328">
        <v>355704</v>
      </c>
      <c r="GG30" s="334">
        <v>525096</v>
      </c>
      <c r="GH30" s="333">
        <v>4928</v>
      </c>
      <c r="GI30" s="327">
        <v>0</v>
      </c>
      <c r="GJ30" s="331">
        <v>4928</v>
      </c>
      <c r="GK30" s="332">
        <v>0</v>
      </c>
      <c r="GL30" s="327">
        <v>0</v>
      </c>
      <c r="GM30" s="327">
        <v>0</v>
      </c>
      <c r="GN30" s="327">
        <v>0</v>
      </c>
      <c r="GO30" s="327">
        <v>0</v>
      </c>
      <c r="GP30" s="327">
        <v>0</v>
      </c>
      <c r="GQ30" s="328">
        <v>0</v>
      </c>
      <c r="GR30" s="330">
        <v>4928</v>
      </c>
      <c r="GS30" s="326">
        <v>144000</v>
      </c>
      <c r="GT30" s="327">
        <v>0</v>
      </c>
      <c r="GU30" s="328">
        <v>144000</v>
      </c>
      <c r="GV30" s="326">
        <v>0</v>
      </c>
      <c r="GW30" s="327">
        <v>0</v>
      </c>
      <c r="GX30" s="327">
        <v>160000</v>
      </c>
      <c r="GY30" s="327">
        <v>0</v>
      </c>
      <c r="GZ30" s="327">
        <v>0</v>
      </c>
      <c r="HA30" s="327">
        <v>0</v>
      </c>
      <c r="HB30" s="331">
        <v>160000</v>
      </c>
      <c r="HC30" s="330">
        <v>304000</v>
      </c>
      <c r="HD30" s="326">
        <v>0</v>
      </c>
      <c r="HE30" s="327">
        <v>93698</v>
      </c>
      <c r="HF30" s="331">
        <v>93698</v>
      </c>
      <c r="HG30" s="332">
        <v>0</v>
      </c>
      <c r="HH30" s="327">
        <v>650212</v>
      </c>
      <c r="HI30" s="327">
        <v>0</v>
      </c>
      <c r="HJ30" s="327">
        <v>465922</v>
      </c>
      <c r="HK30" s="327">
        <v>889012</v>
      </c>
      <c r="HL30" s="327">
        <v>0</v>
      </c>
      <c r="HM30" s="328">
        <v>2005146</v>
      </c>
      <c r="HN30" s="329">
        <v>2098844</v>
      </c>
      <c r="HO30" s="333">
        <v>0</v>
      </c>
      <c r="HP30" s="327">
        <v>0</v>
      </c>
      <c r="HQ30" s="328">
        <v>0</v>
      </c>
      <c r="HR30" s="326">
        <v>0</v>
      </c>
      <c r="HS30" s="327">
        <v>0</v>
      </c>
      <c r="HT30" s="327">
        <v>0</v>
      </c>
      <c r="HU30" s="327">
        <v>0</v>
      </c>
      <c r="HV30" s="327">
        <v>0</v>
      </c>
      <c r="HW30" s="327">
        <v>0</v>
      </c>
      <c r="HX30" s="331">
        <v>0</v>
      </c>
      <c r="HY30" s="330">
        <v>0</v>
      </c>
      <c r="HZ30" s="358">
        <v>0</v>
      </c>
      <c r="IA30" s="356">
        <v>76567</v>
      </c>
      <c r="IB30" s="358">
        <v>76567</v>
      </c>
      <c r="IC30" s="355">
        <v>0</v>
      </c>
      <c r="ID30" s="356">
        <v>110307</v>
      </c>
      <c r="IE30" s="357">
        <v>104046</v>
      </c>
      <c r="IF30" s="358">
        <v>81132</v>
      </c>
      <c r="IG30" s="356">
        <v>33188</v>
      </c>
      <c r="IH30" s="358">
        <v>0</v>
      </c>
      <c r="II30" s="359">
        <v>328673</v>
      </c>
      <c r="IJ30" s="358">
        <v>405240</v>
      </c>
      <c r="IK30" s="342">
        <v>0</v>
      </c>
      <c r="IL30" s="343">
        <v>0</v>
      </c>
      <c r="IM30" s="344">
        <v>0</v>
      </c>
      <c r="IN30" s="404">
        <v>0</v>
      </c>
      <c r="IO30" s="345">
        <v>0</v>
      </c>
      <c r="IP30" s="345">
        <v>0</v>
      </c>
      <c r="IQ30" s="345">
        <v>0</v>
      </c>
      <c r="IR30" s="345">
        <v>0</v>
      </c>
      <c r="IS30" s="345">
        <v>0</v>
      </c>
      <c r="IT30" s="346">
        <v>0</v>
      </c>
      <c r="IU30" s="347">
        <v>0</v>
      </c>
      <c r="IV30" s="348">
        <v>0</v>
      </c>
      <c r="IW30" s="345">
        <v>0</v>
      </c>
      <c r="IX30" s="349">
        <v>0</v>
      </c>
      <c r="IY30" s="404">
        <v>0</v>
      </c>
      <c r="IZ30" s="345">
        <v>0</v>
      </c>
      <c r="JA30" s="345">
        <v>0</v>
      </c>
      <c r="JB30" s="345">
        <v>0</v>
      </c>
      <c r="JC30" s="345">
        <v>0</v>
      </c>
      <c r="JD30" s="345">
        <v>0</v>
      </c>
      <c r="JE30" s="349">
        <v>0</v>
      </c>
      <c r="JF30" s="350">
        <v>0</v>
      </c>
      <c r="JG30" s="348">
        <v>0</v>
      </c>
      <c r="JH30" s="345">
        <v>0</v>
      </c>
      <c r="JI30" s="346">
        <v>0</v>
      </c>
      <c r="JJ30" s="351">
        <v>0</v>
      </c>
      <c r="JK30" s="345">
        <v>110307</v>
      </c>
      <c r="JL30" s="345">
        <v>104046</v>
      </c>
      <c r="JM30" s="345">
        <v>81132</v>
      </c>
      <c r="JN30" s="345">
        <v>33188</v>
      </c>
      <c r="JO30" s="345">
        <v>0</v>
      </c>
      <c r="JP30" s="349">
        <v>328673</v>
      </c>
      <c r="JQ30" s="347">
        <v>328673</v>
      </c>
      <c r="JR30" s="348">
        <v>0</v>
      </c>
      <c r="JS30" s="345">
        <v>0</v>
      </c>
      <c r="JT30" s="346">
        <v>0</v>
      </c>
      <c r="JU30" s="351">
        <v>0</v>
      </c>
      <c r="JV30" s="345">
        <v>0</v>
      </c>
      <c r="JW30" s="345">
        <v>0</v>
      </c>
      <c r="JX30" s="345">
        <v>0</v>
      </c>
      <c r="JY30" s="345">
        <v>0</v>
      </c>
      <c r="JZ30" s="345">
        <v>0</v>
      </c>
      <c r="KA30" s="349">
        <v>0</v>
      </c>
      <c r="KB30" s="347">
        <v>0</v>
      </c>
      <c r="KC30" s="352">
        <v>0</v>
      </c>
      <c r="KD30" s="353">
        <v>76567</v>
      </c>
      <c r="KE30" s="349">
        <v>76567</v>
      </c>
      <c r="KF30" s="351">
        <v>0</v>
      </c>
      <c r="KG30" s="345">
        <v>0</v>
      </c>
      <c r="KH30" s="345">
        <v>0</v>
      </c>
      <c r="KI30" s="345">
        <v>0</v>
      </c>
      <c r="KJ30" s="345">
        <v>0</v>
      </c>
      <c r="KK30" s="345">
        <v>0</v>
      </c>
      <c r="KL30" s="349">
        <v>0</v>
      </c>
      <c r="KM30" s="354">
        <v>76567</v>
      </c>
      <c r="KN30" s="342">
        <v>0</v>
      </c>
      <c r="KO30" s="343">
        <v>0</v>
      </c>
      <c r="KP30" s="344">
        <v>0</v>
      </c>
      <c r="KQ30" s="404">
        <v>0</v>
      </c>
      <c r="KR30" s="345">
        <v>0</v>
      </c>
      <c r="KS30" s="345">
        <v>0</v>
      </c>
      <c r="KT30" s="345">
        <v>0</v>
      </c>
      <c r="KU30" s="345">
        <v>0</v>
      </c>
      <c r="KV30" s="345">
        <v>0</v>
      </c>
      <c r="KW30" s="349">
        <v>0</v>
      </c>
      <c r="KX30" s="347">
        <v>0</v>
      </c>
      <c r="KY30" s="348">
        <v>0</v>
      </c>
      <c r="KZ30" s="345">
        <v>0</v>
      </c>
      <c r="LA30" s="349">
        <v>0</v>
      </c>
      <c r="LB30" s="404">
        <v>0</v>
      </c>
      <c r="LC30" s="345">
        <v>0</v>
      </c>
      <c r="LD30" s="345">
        <v>0</v>
      </c>
      <c r="LE30" s="345">
        <v>0</v>
      </c>
      <c r="LF30" s="345">
        <v>0</v>
      </c>
      <c r="LG30" s="345">
        <v>0</v>
      </c>
      <c r="LH30" s="349">
        <v>0</v>
      </c>
      <c r="LI30" s="350">
        <v>0</v>
      </c>
      <c r="LJ30" s="348">
        <v>0</v>
      </c>
      <c r="LK30" s="345">
        <v>0</v>
      </c>
      <c r="LL30" s="349">
        <v>0</v>
      </c>
      <c r="LM30" s="404">
        <v>0</v>
      </c>
      <c r="LN30" s="345">
        <v>0</v>
      </c>
      <c r="LO30" s="345">
        <v>0</v>
      </c>
      <c r="LP30" s="345">
        <v>0</v>
      </c>
      <c r="LQ30" s="345">
        <v>0</v>
      </c>
      <c r="LR30" s="345">
        <v>0</v>
      </c>
      <c r="LS30" s="349">
        <v>0</v>
      </c>
      <c r="LT30" s="347">
        <v>0</v>
      </c>
      <c r="LU30" s="348">
        <v>0</v>
      </c>
      <c r="LV30" s="345">
        <v>0</v>
      </c>
      <c r="LW30" s="349">
        <v>0</v>
      </c>
      <c r="LX30" s="404">
        <v>0</v>
      </c>
      <c r="LY30" s="345">
        <v>0</v>
      </c>
      <c r="LZ30" s="345">
        <v>0</v>
      </c>
      <c r="MA30" s="345">
        <v>0</v>
      </c>
      <c r="MB30" s="345">
        <v>0</v>
      </c>
      <c r="MC30" s="345">
        <v>0</v>
      </c>
      <c r="MD30" s="349">
        <v>0</v>
      </c>
      <c r="ME30" s="350">
        <v>0</v>
      </c>
      <c r="MF30" s="348">
        <v>0</v>
      </c>
      <c r="MG30" s="345">
        <v>0</v>
      </c>
      <c r="MH30" s="349">
        <v>0</v>
      </c>
      <c r="MI30" s="404">
        <v>0</v>
      </c>
      <c r="MJ30" s="345">
        <v>322219</v>
      </c>
      <c r="MK30" s="345">
        <v>247212</v>
      </c>
      <c r="ML30" s="345">
        <v>377761</v>
      </c>
      <c r="MM30" s="345">
        <v>341497</v>
      </c>
      <c r="MN30" s="345">
        <v>637365</v>
      </c>
      <c r="MO30" s="349">
        <v>1926054</v>
      </c>
      <c r="MP30" s="354">
        <v>1926054</v>
      </c>
      <c r="MQ30" s="348">
        <v>0</v>
      </c>
      <c r="MR30" s="345">
        <v>0</v>
      </c>
      <c r="MS30" s="349">
        <v>0</v>
      </c>
      <c r="MT30" s="404">
        <v>0</v>
      </c>
      <c r="MU30" s="345">
        <v>0</v>
      </c>
      <c r="MV30" s="345">
        <v>0</v>
      </c>
      <c r="MW30" s="345">
        <v>0</v>
      </c>
      <c r="MX30" s="345">
        <v>0</v>
      </c>
      <c r="MY30" s="345">
        <v>275896</v>
      </c>
      <c r="MZ30" s="349">
        <v>275896</v>
      </c>
      <c r="NA30" s="354">
        <v>275896</v>
      </c>
      <c r="NB30" s="348">
        <v>0</v>
      </c>
      <c r="NC30" s="345">
        <v>0</v>
      </c>
      <c r="ND30" s="349">
        <v>0</v>
      </c>
      <c r="NE30" s="404">
        <v>0</v>
      </c>
      <c r="NF30" s="345">
        <v>322219</v>
      </c>
      <c r="NG30" s="345">
        <v>247212</v>
      </c>
      <c r="NH30" s="345">
        <v>377761</v>
      </c>
      <c r="NI30" s="345">
        <v>341497</v>
      </c>
      <c r="NJ30" s="345">
        <v>361469</v>
      </c>
      <c r="NK30" s="349">
        <v>1650158</v>
      </c>
      <c r="NL30" s="347">
        <v>1650158</v>
      </c>
      <c r="NM30" s="348">
        <v>0</v>
      </c>
      <c r="NN30" s="345">
        <v>0</v>
      </c>
      <c r="NO30" s="349">
        <v>0</v>
      </c>
      <c r="NP30" s="404">
        <v>0</v>
      </c>
      <c r="NQ30" s="345">
        <v>0</v>
      </c>
      <c r="NR30" s="345">
        <v>0</v>
      </c>
      <c r="NS30" s="345">
        <v>0</v>
      </c>
      <c r="NT30" s="345">
        <v>0</v>
      </c>
      <c r="NU30" s="345">
        <v>0</v>
      </c>
      <c r="NV30" s="349">
        <v>0</v>
      </c>
      <c r="NW30" s="350">
        <v>0</v>
      </c>
      <c r="NX30" s="348">
        <v>0</v>
      </c>
      <c r="NY30" s="345">
        <v>0</v>
      </c>
      <c r="NZ30" s="349">
        <v>0</v>
      </c>
      <c r="OA30" s="404">
        <v>0</v>
      </c>
      <c r="OB30" s="345">
        <v>0</v>
      </c>
      <c r="OC30" s="345">
        <v>0</v>
      </c>
      <c r="OD30" s="345">
        <v>0</v>
      </c>
      <c r="OE30" s="345">
        <v>0</v>
      </c>
      <c r="OF30" s="345">
        <v>0</v>
      </c>
      <c r="OG30" s="349">
        <v>0</v>
      </c>
      <c r="OH30" s="350">
        <v>0</v>
      </c>
      <c r="OI30" s="348">
        <v>228739</v>
      </c>
      <c r="OJ30" s="345">
        <v>444767</v>
      </c>
      <c r="OK30" s="346">
        <v>673506</v>
      </c>
      <c r="OL30" s="351">
        <v>0</v>
      </c>
      <c r="OM30" s="345">
        <v>1723049</v>
      </c>
      <c r="ON30" s="345">
        <v>1926775</v>
      </c>
      <c r="OO30" s="345">
        <v>1889163</v>
      </c>
      <c r="OP30" s="345">
        <v>2013240</v>
      </c>
      <c r="OQ30" s="345">
        <v>637365</v>
      </c>
      <c r="OR30" s="349">
        <v>8189592</v>
      </c>
      <c r="OS30" s="354">
        <v>8863098</v>
      </c>
    </row>
    <row r="31" spans="2:409" s="70" customFormat="1" ht="21" customHeight="1" x14ac:dyDescent="0.2">
      <c r="B31" s="410" t="s">
        <v>26</v>
      </c>
      <c r="C31" s="326">
        <v>257568</v>
      </c>
      <c r="D31" s="327">
        <v>273674</v>
      </c>
      <c r="E31" s="328">
        <v>531242</v>
      </c>
      <c r="F31" s="329">
        <v>0</v>
      </c>
      <c r="G31" s="327">
        <v>1605254</v>
      </c>
      <c r="H31" s="327">
        <v>1763369</v>
      </c>
      <c r="I31" s="327">
        <v>1272950</v>
      </c>
      <c r="J31" s="327">
        <v>1605022</v>
      </c>
      <c r="K31" s="327">
        <v>1116248</v>
      </c>
      <c r="L31" s="367">
        <v>7362843</v>
      </c>
      <c r="M31" s="330">
        <v>7894085</v>
      </c>
      <c r="N31" s="326">
        <v>45444</v>
      </c>
      <c r="O31" s="327">
        <v>45702</v>
      </c>
      <c r="P31" s="328">
        <v>91146</v>
      </c>
      <c r="Q31" s="326">
        <v>0</v>
      </c>
      <c r="R31" s="327">
        <v>708123</v>
      </c>
      <c r="S31" s="327">
        <v>603242</v>
      </c>
      <c r="T31" s="327">
        <v>444088</v>
      </c>
      <c r="U31" s="327">
        <v>867355</v>
      </c>
      <c r="V31" s="327">
        <v>638128</v>
      </c>
      <c r="W31" s="328">
        <v>3260936</v>
      </c>
      <c r="X31" s="330">
        <v>3352082</v>
      </c>
      <c r="Y31" s="326">
        <v>0</v>
      </c>
      <c r="Z31" s="327">
        <v>0</v>
      </c>
      <c r="AA31" s="328">
        <v>0</v>
      </c>
      <c r="AB31" s="326">
        <v>0</v>
      </c>
      <c r="AC31" s="327">
        <v>376116</v>
      </c>
      <c r="AD31" s="327">
        <v>224934</v>
      </c>
      <c r="AE31" s="327">
        <v>270052</v>
      </c>
      <c r="AF31" s="327">
        <v>361681</v>
      </c>
      <c r="AG31" s="327">
        <v>364342</v>
      </c>
      <c r="AH31" s="328">
        <v>1597125</v>
      </c>
      <c r="AI31" s="330">
        <v>1597125</v>
      </c>
      <c r="AJ31" s="326">
        <v>0</v>
      </c>
      <c r="AK31" s="327">
        <v>0</v>
      </c>
      <c r="AL31" s="328">
        <v>0</v>
      </c>
      <c r="AM31" s="326">
        <v>0</v>
      </c>
      <c r="AN31" s="327">
        <v>0</v>
      </c>
      <c r="AO31" s="327">
        <v>0</v>
      </c>
      <c r="AP31" s="327">
        <v>0</v>
      </c>
      <c r="AQ31" s="327">
        <v>94844</v>
      </c>
      <c r="AR31" s="327">
        <v>35566</v>
      </c>
      <c r="AS31" s="328">
        <v>130410</v>
      </c>
      <c r="AT31" s="330">
        <v>130410</v>
      </c>
      <c r="AU31" s="326">
        <v>27532</v>
      </c>
      <c r="AV31" s="327">
        <v>42966</v>
      </c>
      <c r="AW31" s="328">
        <v>70498</v>
      </c>
      <c r="AX31" s="326">
        <v>0</v>
      </c>
      <c r="AY31" s="327">
        <v>275647</v>
      </c>
      <c r="AZ31" s="327">
        <v>341860</v>
      </c>
      <c r="BA31" s="327">
        <v>102156</v>
      </c>
      <c r="BB31" s="327">
        <v>339675</v>
      </c>
      <c r="BC31" s="327">
        <v>213068</v>
      </c>
      <c r="BD31" s="328">
        <v>1272406</v>
      </c>
      <c r="BE31" s="330">
        <v>1342904</v>
      </c>
      <c r="BF31" s="326">
        <v>0</v>
      </c>
      <c r="BG31" s="327">
        <v>0</v>
      </c>
      <c r="BH31" s="331">
        <v>0</v>
      </c>
      <c r="BI31" s="332">
        <v>0</v>
      </c>
      <c r="BJ31" s="327">
        <v>0</v>
      </c>
      <c r="BK31" s="327">
        <v>0</v>
      </c>
      <c r="BL31" s="327">
        <v>0</v>
      </c>
      <c r="BM31" s="327">
        <v>0</v>
      </c>
      <c r="BN31" s="327">
        <v>0</v>
      </c>
      <c r="BO31" s="328">
        <v>0</v>
      </c>
      <c r="BP31" s="330">
        <v>0</v>
      </c>
      <c r="BQ31" s="326">
        <v>17912</v>
      </c>
      <c r="BR31" s="327">
        <v>2736</v>
      </c>
      <c r="BS31" s="328">
        <v>20648</v>
      </c>
      <c r="BT31" s="326">
        <v>0</v>
      </c>
      <c r="BU31" s="327">
        <v>56360</v>
      </c>
      <c r="BV31" s="327">
        <v>36448</v>
      </c>
      <c r="BW31" s="327">
        <v>71880</v>
      </c>
      <c r="BX31" s="327">
        <v>71155</v>
      </c>
      <c r="BY31" s="327">
        <v>25152</v>
      </c>
      <c r="BZ31" s="328">
        <v>260995</v>
      </c>
      <c r="CA31" s="330">
        <v>281643</v>
      </c>
      <c r="CB31" s="326">
        <v>0</v>
      </c>
      <c r="CC31" s="327">
        <v>0</v>
      </c>
      <c r="CD31" s="328">
        <v>0</v>
      </c>
      <c r="CE31" s="326">
        <v>0</v>
      </c>
      <c r="CF31" s="327">
        <v>313220</v>
      </c>
      <c r="CG31" s="327">
        <v>594350</v>
      </c>
      <c r="CH31" s="327">
        <v>318047</v>
      </c>
      <c r="CI31" s="327">
        <v>227140</v>
      </c>
      <c r="CJ31" s="327">
        <v>0</v>
      </c>
      <c r="CK31" s="328">
        <v>1452757</v>
      </c>
      <c r="CL31" s="330">
        <v>1452757</v>
      </c>
      <c r="CM31" s="326">
        <v>0</v>
      </c>
      <c r="CN31" s="327">
        <v>0</v>
      </c>
      <c r="CO31" s="328">
        <v>0</v>
      </c>
      <c r="CP31" s="332">
        <v>0</v>
      </c>
      <c r="CQ31" s="327">
        <v>230102</v>
      </c>
      <c r="CR31" s="327">
        <v>390520</v>
      </c>
      <c r="CS31" s="327">
        <v>318047</v>
      </c>
      <c r="CT31" s="327">
        <v>157316</v>
      </c>
      <c r="CU31" s="327">
        <v>0</v>
      </c>
      <c r="CV31" s="328">
        <v>1095985</v>
      </c>
      <c r="CW31" s="330">
        <v>1095985</v>
      </c>
      <c r="CX31" s="326">
        <v>0</v>
      </c>
      <c r="CY31" s="327">
        <v>0</v>
      </c>
      <c r="CZ31" s="328">
        <v>0</v>
      </c>
      <c r="DA31" s="326">
        <v>0</v>
      </c>
      <c r="DB31" s="327">
        <v>83118</v>
      </c>
      <c r="DC31" s="327">
        <v>203830</v>
      </c>
      <c r="DD31" s="327">
        <v>0</v>
      </c>
      <c r="DE31" s="327">
        <v>69824</v>
      </c>
      <c r="DF31" s="327">
        <v>0</v>
      </c>
      <c r="DG31" s="328">
        <v>356772</v>
      </c>
      <c r="DH31" s="330">
        <v>356772</v>
      </c>
      <c r="DI31" s="326">
        <v>0</v>
      </c>
      <c r="DJ31" s="327">
        <v>0</v>
      </c>
      <c r="DK31" s="331">
        <v>0</v>
      </c>
      <c r="DL31" s="332">
        <v>0</v>
      </c>
      <c r="DM31" s="327">
        <v>142786</v>
      </c>
      <c r="DN31" s="327">
        <v>25268</v>
      </c>
      <c r="DO31" s="327">
        <v>38890</v>
      </c>
      <c r="DP31" s="327">
        <v>108699</v>
      </c>
      <c r="DQ31" s="327">
        <v>0</v>
      </c>
      <c r="DR31" s="328">
        <v>315643</v>
      </c>
      <c r="DS31" s="330">
        <v>315643</v>
      </c>
      <c r="DT31" s="326">
        <v>0</v>
      </c>
      <c r="DU31" s="327">
        <v>0</v>
      </c>
      <c r="DV31" s="328">
        <v>0</v>
      </c>
      <c r="DW31" s="326">
        <v>0</v>
      </c>
      <c r="DX31" s="327">
        <v>142786</v>
      </c>
      <c r="DY31" s="327">
        <v>25268</v>
      </c>
      <c r="DZ31" s="327">
        <v>38890</v>
      </c>
      <c r="EA31" s="327">
        <v>53078</v>
      </c>
      <c r="EB31" s="327">
        <v>0</v>
      </c>
      <c r="EC31" s="328">
        <v>260022</v>
      </c>
      <c r="ED31" s="330">
        <v>260022</v>
      </c>
      <c r="EE31" s="326">
        <v>0</v>
      </c>
      <c r="EF31" s="331">
        <v>0</v>
      </c>
      <c r="EG31" s="328">
        <v>0</v>
      </c>
      <c r="EH31" s="326">
        <v>0</v>
      </c>
      <c r="EI31" s="327">
        <v>0</v>
      </c>
      <c r="EJ31" s="327">
        <v>0</v>
      </c>
      <c r="EK31" s="327">
        <v>0</v>
      </c>
      <c r="EL31" s="327">
        <v>55621</v>
      </c>
      <c r="EM31" s="327">
        <v>0</v>
      </c>
      <c r="EN31" s="331">
        <v>55621</v>
      </c>
      <c r="EO31" s="330">
        <v>55621</v>
      </c>
      <c r="EP31" s="326">
        <v>0</v>
      </c>
      <c r="EQ31" s="327">
        <v>0</v>
      </c>
      <c r="ER31" s="331">
        <v>0</v>
      </c>
      <c r="ES31" s="332">
        <v>0</v>
      </c>
      <c r="ET31" s="327">
        <v>0</v>
      </c>
      <c r="EU31" s="327">
        <v>0</v>
      </c>
      <c r="EV31" s="327">
        <v>0</v>
      </c>
      <c r="EW31" s="327">
        <v>0</v>
      </c>
      <c r="EX31" s="327">
        <v>0</v>
      </c>
      <c r="EY31" s="328">
        <v>0</v>
      </c>
      <c r="EZ31" s="330">
        <v>0</v>
      </c>
      <c r="FA31" s="326">
        <v>0</v>
      </c>
      <c r="FB31" s="327">
        <v>0</v>
      </c>
      <c r="FC31" s="331">
        <v>0</v>
      </c>
      <c r="FD31" s="332">
        <v>0</v>
      </c>
      <c r="FE31" s="327">
        <v>0</v>
      </c>
      <c r="FF31" s="327">
        <v>0</v>
      </c>
      <c r="FG31" s="327">
        <v>0</v>
      </c>
      <c r="FH31" s="327">
        <v>0</v>
      </c>
      <c r="FI31" s="327">
        <v>0</v>
      </c>
      <c r="FJ31" s="328">
        <v>0</v>
      </c>
      <c r="FK31" s="330">
        <v>0</v>
      </c>
      <c r="FL31" s="326">
        <v>157760</v>
      </c>
      <c r="FM31" s="327">
        <v>171952</v>
      </c>
      <c r="FN31" s="328">
        <v>329712</v>
      </c>
      <c r="FO31" s="326">
        <v>0</v>
      </c>
      <c r="FP31" s="327">
        <v>114600</v>
      </c>
      <c r="FQ31" s="327">
        <v>181200</v>
      </c>
      <c r="FR31" s="327">
        <v>69480</v>
      </c>
      <c r="FS31" s="327">
        <v>181844</v>
      </c>
      <c r="FT31" s="327">
        <v>77368</v>
      </c>
      <c r="FU31" s="328">
        <v>624492</v>
      </c>
      <c r="FV31" s="330">
        <v>954204</v>
      </c>
      <c r="FW31" s="333">
        <v>36320</v>
      </c>
      <c r="FX31" s="327">
        <v>43968</v>
      </c>
      <c r="FY31" s="331">
        <v>80288</v>
      </c>
      <c r="FZ31" s="332">
        <v>0</v>
      </c>
      <c r="GA31" s="327">
        <v>114600</v>
      </c>
      <c r="GB31" s="327">
        <v>153480</v>
      </c>
      <c r="GC31" s="327">
        <v>69480</v>
      </c>
      <c r="GD31" s="327">
        <v>181844</v>
      </c>
      <c r="GE31" s="327">
        <v>77368</v>
      </c>
      <c r="GF31" s="328">
        <v>596772</v>
      </c>
      <c r="GG31" s="334">
        <v>677060</v>
      </c>
      <c r="GH31" s="333">
        <v>0</v>
      </c>
      <c r="GI31" s="327">
        <v>24144</v>
      </c>
      <c r="GJ31" s="331">
        <v>24144</v>
      </c>
      <c r="GK31" s="332">
        <v>0</v>
      </c>
      <c r="GL31" s="327">
        <v>0</v>
      </c>
      <c r="GM31" s="327">
        <v>27720</v>
      </c>
      <c r="GN31" s="327">
        <v>0</v>
      </c>
      <c r="GO31" s="327">
        <v>0</v>
      </c>
      <c r="GP31" s="327">
        <v>0</v>
      </c>
      <c r="GQ31" s="328">
        <v>27720</v>
      </c>
      <c r="GR31" s="330">
        <v>51864</v>
      </c>
      <c r="GS31" s="326">
        <v>121440</v>
      </c>
      <c r="GT31" s="327">
        <v>103840</v>
      </c>
      <c r="GU31" s="328">
        <v>225280</v>
      </c>
      <c r="GV31" s="326">
        <v>0</v>
      </c>
      <c r="GW31" s="327">
        <v>0</v>
      </c>
      <c r="GX31" s="327">
        <v>0</v>
      </c>
      <c r="GY31" s="327">
        <v>0</v>
      </c>
      <c r="GZ31" s="327">
        <v>0</v>
      </c>
      <c r="HA31" s="327">
        <v>0</v>
      </c>
      <c r="HB31" s="331">
        <v>0</v>
      </c>
      <c r="HC31" s="330">
        <v>225280</v>
      </c>
      <c r="HD31" s="326">
        <v>54364</v>
      </c>
      <c r="HE31" s="327">
        <v>56020</v>
      </c>
      <c r="HF31" s="331">
        <v>110384</v>
      </c>
      <c r="HG31" s="332">
        <v>0</v>
      </c>
      <c r="HH31" s="327">
        <v>326525</v>
      </c>
      <c r="HI31" s="327">
        <v>359309</v>
      </c>
      <c r="HJ31" s="327">
        <v>402445</v>
      </c>
      <c r="HK31" s="327">
        <v>219984</v>
      </c>
      <c r="HL31" s="327">
        <v>400752</v>
      </c>
      <c r="HM31" s="328">
        <v>1709015</v>
      </c>
      <c r="HN31" s="329">
        <v>1819399</v>
      </c>
      <c r="HO31" s="333">
        <v>0</v>
      </c>
      <c r="HP31" s="327">
        <v>0</v>
      </c>
      <c r="HQ31" s="328">
        <v>0</v>
      </c>
      <c r="HR31" s="326">
        <v>0</v>
      </c>
      <c r="HS31" s="327">
        <v>0</v>
      </c>
      <c r="HT31" s="327">
        <v>0</v>
      </c>
      <c r="HU31" s="327">
        <v>0</v>
      </c>
      <c r="HV31" s="327">
        <v>0</v>
      </c>
      <c r="HW31" s="327">
        <v>0</v>
      </c>
      <c r="HX31" s="331">
        <v>0</v>
      </c>
      <c r="HY31" s="330">
        <v>0</v>
      </c>
      <c r="HZ31" s="335">
        <v>0</v>
      </c>
      <c r="IA31" s="336">
        <v>0</v>
      </c>
      <c r="IB31" s="337">
        <v>0</v>
      </c>
      <c r="IC31" s="338">
        <v>0</v>
      </c>
      <c r="ID31" s="336">
        <v>259835</v>
      </c>
      <c r="IE31" s="339">
        <v>152602</v>
      </c>
      <c r="IF31" s="337">
        <v>601276</v>
      </c>
      <c r="IG31" s="336">
        <v>320126</v>
      </c>
      <c r="IH31" s="337">
        <v>337631</v>
      </c>
      <c r="II31" s="340">
        <v>1671470</v>
      </c>
      <c r="IJ31" s="341">
        <v>1671470</v>
      </c>
      <c r="IK31" s="342">
        <v>0</v>
      </c>
      <c r="IL31" s="343">
        <v>0</v>
      </c>
      <c r="IM31" s="344">
        <v>0</v>
      </c>
      <c r="IN31" s="404">
        <v>0</v>
      </c>
      <c r="IO31" s="345">
        <v>0</v>
      </c>
      <c r="IP31" s="345">
        <v>0</v>
      </c>
      <c r="IQ31" s="345">
        <v>0</v>
      </c>
      <c r="IR31" s="345">
        <v>0</v>
      </c>
      <c r="IS31" s="345">
        <v>0</v>
      </c>
      <c r="IT31" s="346">
        <v>0</v>
      </c>
      <c r="IU31" s="347">
        <v>0</v>
      </c>
      <c r="IV31" s="348">
        <v>0</v>
      </c>
      <c r="IW31" s="345">
        <v>0</v>
      </c>
      <c r="IX31" s="349">
        <v>0</v>
      </c>
      <c r="IY31" s="404">
        <v>0</v>
      </c>
      <c r="IZ31" s="345">
        <v>0</v>
      </c>
      <c r="JA31" s="345">
        <v>0</v>
      </c>
      <c r="JB31" s="345">
        <v>0</v>
      </c>
      <c r="JC31" s="345">
        <v>0</v>
      </c>
      <c r="JD31" s="345">
        <v>0</v>
      </c>
      <c r="JE31" s="349">
        <v>0</v>
      </c>
      <c r="JF31" s="350">
        <v>0</v>
      </c>
      <c r="JG31" s="348">
        <v>0</v>
      </c>
      <c r="JH31" s="345">
        <v>0</v>
      </c>
      <c r="JI31" s="346">
        <v>0</v>
      </c>
      <c r="JJ31" s="351">
        <v>0</v>
      </c>
      <c r="JK31" s="345">
        <v>259835</v>
      </c>
      <c r="JL31" s="345">
        <v>152602</v>
      </c>
      <c r="JM31" s="345">
        <v>92674</v>
      </c>
      <c r="JN31" s="345">
        <v>52425</v>
      </c>
      <c r="JO31" s="345">
        <v>0</v>
      </c>
      <c r="JP31" s="349">
        <v>557536</v>
      </c>
      <c r="JQ31" s="347">
        <v>557536</v>
      </c>
      <c r="JR31" s="348">
        <v>0</v>
      </c>
      <c r="JS31" s="345">
        <v>0</v>
      </c>
      <c r="JT31" s="346">
        <v>0</v>
      </c>
      <c r="JU31" s="351">
        <v>0</v>
      </c>
      <c r="JV31" s="345">
        <v>0</v>
      </c>
      <c r="JW31" s="345">
        <v>0</v>
      </c>
      <c r="JX31" s="345">
        <v>0</v>
      </c>
      <c r="JY31" s="345">
        <v>0</v>
      </c>
      <c r="JZ31" s="345">
        <v>0</v>
      </c>
      <c r="KA31" s="349">
        <v>0</v>
      </c>
      <c r="KB31" s="347">
        <v>0</v>
      </c>
      <c r="KC31" s="352">
        <v>0</v>
      </c>
      <c r="KD31" s="353">
        <v>0</v>
      </c>
      <c r="KE31" s="349">
        <v>0</v>
      </c>
      <c r="KF31" s="351">
        <v>0</v>
      </c>
      <c r="KG31" s="345">
        <v>0</v>
      </c>
      <c r="KH31" s="345">
        <v>0</v>
      </c>
      <c r="KI31" s="345">
        <v>0</v>
      </c>
      <c r="KJ31" s="345">
        <v>0</v>
      </c>
      <c r="KK31" s="345">
        <v>302131</v>
      </c>
      <c r="KL31" s="349">
        <v>302131</v>
      </c>
      <c r="KM31" s="354">
        <v>302131</v>
      </c>
      <c r="KN31" s="342">
        <v>0</v>
      </c>
      <c r="KO31" s="343">
        <v>0</v>
      </c>
      <c r="KP31" s="344">
        <v>0</v>
      </c>
      <c r="KQ31" s="404">
        <v>0</v>
      </c>
      <c r="KR31" s="345">
        <v>0</v>
      </c>
      <c r="KS31" s="345">
        <v>0</v>
      </c>
      <c r="KT31" s="345">
        <v>508602</v>
      </c>
      <c r="KU31" s="345">
        <v>267701</v>
      </c>
      <c r="KV31" s="345">
        <v>35500</v>
      </c>
      <c r="KW31" s="349">
        <v>811803</v>
      </c>
      <c r="KX31" s="347">
        <v>811803</v>
      </c>
      <c r="KY31" s="348">
        <v>0</v>
      </c>
      <c r="KZ31" s="345">
        <v>0</v>
      </c>
      <c r="LA31" s="349">
        <v>0</v>
      </c>
      <c r="LB31" s="404">
        <v>0</v>
      </c>
      <c r="LC31" s="345">
        <v>0</v>
      </c>
      <c r="LD31" s="345">
        <v>0</v>
      </c>
      <c r="LE31" s="345">
        <v>0</v>
      </c>
      <c r="LF31" s="345">
        <v>0</v>
      </c>
      <c r="LG31" s="345">
        <v>0</v>
      </c>
      <c r="LH31" s="349">
        <v>0</v>
      </c>
      <c r="LI31" s="350">
        <v>0</v>
      </c>
      <c r="LJ31" s="348">
        <v>0</v>
      </c>
      <c r="LK31" s="345">
        <v>0</v>
      </c>
      <c r="LL31" s="349">
        <v>0</v>
      </c>
      <c r="LM31" s="404">
        <v>0</v>
      </c>
      <c r="LN31" s="345">
        <v>0</v>
      </c>
      <c r="LO31" s="345">
        <v>0</v>
      </c>
      <c r="LP31" s="345">
        <v>0</v>
      </c>
      <c r="LQ31" s="345">
        <v>0</v>
      </c>
      <c r="LR31" s="345">
        <v>0</v>
      </c>
      <c r="LS31" s="349">
        <v>0</v>
      </c>
      <c r="LT31" s="347">
        <v>0</v>
      </c>
      <c r="LU31" s="348">
        <v>0</v>
      </c>
      <c r="LV31" s="345">
        <v>0</v>
      </c>
      <c r="LW31" s="349">
        <v>0</v>
      </c>
      <c r="LX31" s="404">
        <v>0</v>
      </c>
      <c r="LY31" s="345">
        <v>0</v>
      </c>
      <c r="LZ31" s="345">
        <v>0</v>
      </c>
      <c r="MA31" s="345">
        <v>0</v>
      </c>
      <c r="MB31" s="345">
        <v>0</v>
      </c>
      <c r="MC31" s="345">
        <v>0</v>
      </c>
      <c r="MD31" s="349">
        <v>0</v>
      </c>
      <c r="ME31" s="350">
        <v>0</v>
      </c>
      <c r="MF31" s="348">
        <v>0</v>
      </c>
      <c r="MG31" s="345">
        <v>0</v>
      </c>
      <c r="MH31" s="349">
        <v>0</v>
      </c>
      <c r="MI31" s="404">
        <v>0</v>
      </c>
      <c r="MJ31" s="345">
        <v>0</v>
      </c>
      <c r="MK31" s="345">
        <v>0</v>
      </c>
      <c r="ML31" s="345">
        <v>995754</v>
      </c>
      <c r="MM31" s="345">
        <v>1136846</v>
      </c>
      <c r="MN31" s="345">
        <v>1196673</v>
      </c>
      <c r="MO31" s="349">
        <v>3329273</v>
      </c>
      <c r="MP31" s="354">
        <v>3329273</v>
      </c>
      <c r="MQ31" s="348">
        <v>0</v>
      </c>
      <c r="MR31" s="345">
        <v>0</v>
      </c>
      <c r="MS31" s="349">
        <v>0</v>
      </c>
      <c r="MT31" s="404">
        <v>0</v>
      </c>
      <c r="MU31" s="345">
        <v>0</v>
      </c>
      <c r="MV31" s="345">
        <v>0</v>
      </c>
      <c r="MW31" s="345">
        <v>445744</v>
      </c>
      <c r="MX31" s="345">
        <v>784465</v>
      </c>
      <c r="MY31" s="345">
        <v>847560</v>
      </c>
      <c r="MZ31" s="349">
        <v>2077769</v>
      </c>
      <c r="NA31" s="354">
        <v>2077769</v>
      </c>
      <c r="NB31" s="348">
        <v>0</v>
      </c>
      <c r="NC31" s="345">
        <v>0</v>
      </c>
      <c r="ND31" s="349">
        <v>0</v>
      </c>
      <c r="NE31" s="404">
        <v>0</v>
      </c>
      <c r="NF31" s="345">
        <v>0</v>
      </c>
      <c r="NG31" s="345">
        <v>0</v>
      </c>
      <c r="NH31" s="345">
        <v>550010</v>
      </c>
      <c r="NI31" s="345">
        <v>352381</v>
      </c>
      <c r="NJ31" s="345">
        <v>349113</v>
      </c>
      <c r="NK31" s="349">
        <v>1251504</v>
      </c>
      <c r="NL31" s="347">
        <v>1251504</v>
      </c>
      <c r="NM31" s="348">
        <v>0</v>
      </c>
      <c r="NN31" s="345">
        <v>0</v>
      </c>
      <c r="NO31" s="349">
        <v>0</v>
      </c>
      <c r="NP31" s="404">
        <v>0</v>
      </c>
      <c r="NQ31" s="345">
        <v>0</v>
      </c>
      <c r="NR31" s="345">
        <v>0</v>
      </c>
      <c r="NS31" s="345">
        <v>0</v>
      </c>
      <c r="NT31" s="345">
        <v>0</v>
      </c>
      <c r="NU31" s="345">
        <v>0</v>
      </c>
      <c r="NV31" s="349">
        <v>0</v>
      </c>
      <c r="NW31" s="350">
        <v>0</v>
      </c>
      <c r="NX31" s="348">
        <v>0</v>
      </c>
      <c r="NY31" s="345">
        <v>0</v>
      </c>
      <c r="NZ31" s="349">
        <v>0</v>
      </c>
      <c r="OA31" s="404">
        <v>0</v>
      </c>
      <c r="OB31" s="345">
        <v>0</v>
      </c>
      <c r="OC31" s="345">
        <v>0</v>
      </c>
      <c r="OD31" s="345">
        <v>0</v>
      </c>
      <c r="OE31" s="345">
        <v>0</v>
      </c>
      <c r="OF31" s="345">
        <v>0</v>
      </c>
      <c r="OG31" s="349">
        <v>0</v>
      </c>
      <c r="OH31" s="350">
        <v>0</v>
      </c>
      <c r="OI31" s="348">
        <v>257568</v>
      </c>
      <c r="OJ31" s="345">
        <v>273674</v>
      </c>
      <c r="OK31" s="346">
        <v>531242</v>
      </c>
      <c r="OL31" s="351">
        <v>0</v>
      </c>
      <c r="OM31" s="345">
        <v>1865089</v>
      </c>
      <c r="ON31" s="345">
        <v>1915971</v>
      </c>
      <c r="OO31" s="345">
        <v>2869980</v>
      </c>
      <c r="OP31" s="345">
        <v>3061994</v>
      </c>
      <c r="OQ31" s="345">
        <v>2650552</v>
      </c>
      <c r="OR31" s="349">
        <v>12363586</v>
      </c>
      <c r="OS31" s="354">
        <v>12894828</v>
      </c>
    </row>
    <row r="32" spans="2:409" s="70" customFormat="1" ht="21" customHeight="1" x14ac:dyDescent="0.2">
      <c r="B32" s="410" t="s">
        <v>27</v>
      </c>
      <c r="C32" s="326">
        <v>417494</v>
      </c>
      <c r="D32" s="327">
        <v>350029</v>
      </c>
      <c r="E32" s="328">
        <v>767523</v>
      </c>
      <c r="F32" s="329">
        <v>0</v>
      </c>
      <c r="G32" s="327">
        <v>1693646</v>
      </c>
      <c r="H32" s="327">
        <v>1335180</v>
      </c>
      <c r="I32" s="327">
        <v>1078721</v>
      </c>
      <c r="J32" s="327">
        <v>1195569</v>
      </c>
      <c r="K32" s="327">
        <v>881573</v>
      </c>
      <c r="L32" s="367">
        <v>6184689</v>
      </c>
      <c r="M32" s="330">
        <v>6952212</v>
      </c>
      <c r="N32" s="326">
        <v>83087</v>
      </c>
      <c r="O32" s="327">
        <v>192011</v>
      </c>
      <c r="P32" s="328">
        <v>275098</v>
      </c>
      <c r="Q32" s="326">
        <v>0</v>
      </c>
      <c r="R32" s="327">
        <v>613495</v>
      </c>
      <c r="S32" s="327">
        <v>395217</v>
      </c>
      <c r="T32" s="327">
        <v>732019</v>
      </c>
      <c r="U32" s="327">
        <v>502493</v>
      </c>
      <c r="V32" s="327">
        <v>821680</v>
      </c>
      <c r="W32" s="328">
        <v>3064904</v>
      </c>
      <c r="X32" s="330">
        <v>3340002</v>
      </c>
      <c r="Y32" s="326">
        <v>0</v>
      </c>
      <c r="Z32" s="327">
        <v>0</v>
      </c>
      <c r="AA32" s="328">
        <v>0</v>
      </c>
      <c r="AB32" s="326">
        <v>0</v>
      </c>
      <c r="AC32" s="327">
        <v>401593</v>
      </c>
      <c r="AD32" s="327">
        <v>193032</v>
      </c>
      <c r="AE32" s="327">
        <v>377035</v>
      </c>
      <c r="AF32" s="327">
        <v>282064</v>
      </c>
      <c r="AG32" s="327">
        <v>611289</v>
      </c>
      <c r="AH32" s="328">
        <v>1865013</v>
      </c>
      <c r="AI32" s="330">
        <v>1865013</v>
      </c>
      <c r="AJ32" s="326">
        <v>0</v>
      </c>
      <c r="AK32" s="327">
        <v>0</v>
      </c>
      <c r="AL32" s="328">
        <v>0</v>
      </c>
      <c r="AM32" s="326">
        <v>0</v>
      </c>
      <c r="AN32" s="327">
        <v>0</v>
      </c>
      <c r="AO32" s="327">
        <v>0</v>
      </c>
      <c r="AP32" s="327">
        <v>24914</v>
      </c>
      <c r="AQ32" s="327">
        <v>69270</v>
      </c>
      <c r="AR32" s="327">
        <v>0</v>
      </c>
      <c r="AS32" s="328">
        <v>94184</v>
      </c>
      <c r="AT32" s="330">
        <v>94184</v>
      </c>
      <c r="AU32" s="326">
        <v>56207</v>
      </c>
      <c r="AV32" s="327">
        <v>178939</v>
      </c>
      <c r="AW32" s="328">
        <v>235146</v>
      </c>
      <c r="AX32" s="326">
        <v>0</v>
      </c>
      <c r="AY32" s="327">
        <v>96694</v>
      </c>
      <c r="AZ32" s="327">
        <v>124329</v>
      </c>
      <c r="BA32" s="327">
        <v>285430</v>
      </c>
      <c r="BB32" s="327">
        <v>110951</v>
      </c>
      <c r="BC32" s="327">
        <v>143255</v>
      </c>
      <c r="BD32" s="328">
        <v>760659</v>
      </c>
      <c r="BE32" s="330">
        <v>995805</v>
      </c>
      <c r="BF32" s="326">
        <v>0</v>
      </c>
      <c r="BG32" s="327">
        <v>0</v>
      </c>
      <c r="BH32" s="331">
        <v>0</v>
      </c>
      <c r="BI32" s="332">
        <v>0</v>
      </c>
      <c r="BJ32" s="327">
        <v>0</v>
      </c>
      <c r="BK32" s="327">
        <v>0</v>
      </c>
      <c r="BL32" s="327">
        <v>0</v>
      </c>
      <c r="BM32" s="327">
        <v>0</v>
      </c>
      <c r="BN32" s="327">
        <v>0</v>
      </c>
      <c r="BO32" s="328">
        <v>0</v>
      </c>
      <c r="BP32" s="330">
        <v>0</v>
      </c>
      <c r="BQ32" s="326">
        <v>26880</v>
      </c>
      <c r="BR32" s="327">
        <v>13072</v>
      </c>
      <c r="BS32" s="328">
        <v>39952</v>
      </c>
      <c r="BT32" s="326">
        <v>0</v>
      </c>
      <c r="BU32" s="327">
        <v>115208</v>
      </c>
      <c r="BV32" s="327">
        <v>77856</v>
      </c>
      <c r="BW32" s="327">
        <v>44640</v>
      </c>
      <c r="BX32" s="327">
        <v>40208</v>
      </c>
      <c r="BY32" s="327">
        <v>67136</v>
      </c>
      <c r="BZ32" s="328">
        <v>345048</v>
      </c>
      <c r="CA32" s="330">
        <v>385000</v>
      </c>
      <c r="CB32" s="326">
        <v>84852</v>
      </c>
      <c r="CC32" s="327">
        <v>74738</v>
      </c>
      <c r="CD32" s="328">
        <v>159590</v>
      </c>
      <c r="CE32" s="326">
        <v>0</v>
      </c>
      <c r="CF32" s="327">
        <v>340203</v>
      </c>
      <c r="CG32" s="327">
        <v>540657</v>
      </c>
      <c r="CH32" s="327">
        <v>31302</v>
      </c>
      <c r="CI32" s="327">
        <v>211033</v>
      </c>
      <c r="CJ32" s="327">
        <v>16717</v>
      </c>
      <c r="CK32" s="328">
        <v>1139912</v>
      </c>
      <c r="CL32" s="330">
        <v>1299502</v>
      </c>
      <c r="CM32" s="326">
        <v>0</v>
      </c>
      <c r="CN32" s="327">
        <v>0</v>
      </c>
      <c r="CO32" s="328">
        <v>0</v>
      </c>
      <c r="CP32" s="332">
        <v>0</v>
      </c>
      <c r="CQ32" s="327">
        <v>281967</v>
      </c>
      <c r="CR32" s="327">
        <v>440863</v>
      </c>
      <c r="CS32" s="327">
        <v>31302</v>
      </c>
      <c r="CT32" s="327">
        <v>211033</v>
      </c>
      <c r="CU32" s="327">
        <v>0</v>
      </c>
      <c r="CV32" s="328">
        <v>965165</v>
      </c>
      <c r="CW32" s="330">
        <v>965165</v>
      </c>
      <c r="CX32" s="326">
        <v>84852</v>
      </c>
      <c r="CY32" s="327">
        <v>74738</v>
      </c>
      <c r="CZ32" s="328">
        <v>159590</v>
      </c>
      <c r="DA32" s="326">
        <v>0</v>
      </c>
      <c r="DB32" s="327">
        <v>58236</v>
      </c>
      <c r="DC32" s="327">
        <v>99794</v>
      </c>
      <c r="DD32" s="327">
        <v>0</v>
      </c>
      <c r="DE32" s="327">
        <v>0</v>
      </c>
      <c r="DF32" s="327">
        <v>16717</v>
      </c>
      <c r="DG32" s="328">
        <v>174747</v>
      </c>
      <c r="DH32" s="330">
        <v>334337</v>
      </c>
      <c r="DI32" s="326">
        <v>0</v>
      </c>
      <c r="DJ32" s="327">
        <v>0</v>
      </c>
      <c r="DK32" s="331">
        <v>0</v>
      </c>
      <c r="DL32" s="332">
        <v>0</v>
      </c>
      <c r="DM32" s="327">
        <v>0</v>
      </c>
      <c r="DN32" s="327">
        <v>45389</v>
      </c>
      <c r="DO32" s="327">
        <v>0</v>
      </c>
      <c r="DP32" s="327">
        <v>0</v>
      </c>
      <c r="DQ32" s="327">
        <v>0</v>
      </c>
      <c r="DR32" s="328">
        <v>45389</v>
      </c>
      <c r="DS32" s="330">
        <v>45389</v>
      </c>
      <c r="DT32" s="326">
        <v>0</v>
      </c>
      <c r="DU32" s="327">
        <v>0</v>
      </c>
      <c r="DV32" s="328">
        <v>0</v>
      </c>
      <c r="DW32" s="326">
        <v>0</v>
      </c>
      <c r="DX32" s="327">
        <v>0</v>
      </c>
      <c r="DY32" s="327">
        <v>45389</v>
      </c>
      <c r="DZ32" s="327">
        <v>0</v>
      </c>
      <c r="EA32" s="327">
        <v>0</v>
      </c>
      <c r="EB32" s="327">
        <v>0</v>
      </c>
      <c r="EC32" s="328">
        <v>45389</v>
      </c>
      <c r="ED32" s="330">
        <v>45389</v>
      </c>
      <c r="EE32" s="326">
        <v>0</v>
      </c>
      <c r="EF32" s="331">
        <v>0</v>
      </c>
      <c r="EG32" s="328">
        <v>0</v>
      </c>
      <c r="EH32" s="326">
        <v>0</v>
      </c>
      <c r="EI32" s="327">
        <v>0</v>
      </c>
      <c r="EJ32" s="327">
        <v>0</v>
      </c>
      <c r="EK32" s="327">
        <v>0</v>
      </c>
      <c r="EL32" s="327">
        <v>0</v>
      </c>
      <c r="EM32" s="327">
        <v>0</v>
      </c>
      <c r="EN32" s="331">
        <v>0</v>
      </c>
      <c r="EO32" s="330">
        <v>0</v>
      </c>
      <c r="EP32" s="326">
        <v>0</v>
      </c>
      <c r="EQ32" s="327">
        <v>0</v>
      </c>
      <c r="ER32" s="331">
        <v>0</v>
      </c>
      <c r="ES32" s="332">
        <v>0</v>
      </c>
      <c r="ET32" s="327">
        <v>0</v>
      </c>
      <c r="EU32" s="327">
        <v>0</v>
      </c>
      <c r="EV32" s="327">
        <v>0</v>
      </c>
      <c r="EW32" s="327">
        <v>0</v>
      </c>
      <c r="EX32" s="327">
        <v>0</v>
      </c>
      <c r="EY32" s="328">
        <v>0</v>
      </c>
      <c r="EZ32" s="330">
        <v>0</v>
      </c>
      <c r="FA32" s="326">
        <v>0</v>
      </c>
      <c r="FB32" s="327">
        <v>0</v>
      </c>
      <c r="FC32" s="331">
        <v>0</v>
      </c>
      <c r="FD32" s="332">
        <v>0</v>
      </c>
      <c r="FE32" s="327">
        <v>0</v>
      </c>
      <c r="FF32" s="327">
        <v>0</v>
      </c>
      <c r="FG32" s="327">
        <v>0</v>
      </c>
      <c r="FH32" s="327">
        <v>0</v>
      </c>
      <c r="FI32" s="327">
        <v>0</v>
      </c>
      <c r="FJ32" s="328">
        <v>0</v>
      </c>
      <c r="FK32" s="330">
        <v>0</v>
      </c>
      <c r="FL32" s="326">
        <v>141040</v>
      </c>
      <c r="FM32" s="327">
        <v>83280</v>
      </c>
      <c r="FN32" s="328">
        <v>224320</v>
      </c>
      <c r="FO32" s="326">
        <v>0</v>
      </c>
      <c r="FP32" s="327">
        <v>12160</v>
      </c>
      <c r="FQ32" s="327">
        <v>171720</v>
      </c>
      <c r="FR32" s="327">
        <v>107544</v>
      </c>
      <c r="FS32" s="327">
        <v>57624</v>
      </c>
      <c r="FT32" s="327">
        <v>43176</v>
      </c>
      <c r="FU32" s="328">
        <v>392224</v>
      </c>
      <c r="FV32" s="330">
        <v>616544</v>
      </c>
      <c r="FW32" s="333">
        <v>50240</v>
      </c>
      <c r="FX32" s="327">
        <v>83280</v>
      </c>
      <c r="FY32" s="331">
        <v>133520</v>
      </c>
      <c r="FZ32" s="332">
        <v>0</v>
      </c>
      <c r="GA32" s="327">
        <v>12160</v>
      </c>
      <c r="GB32" s="327">
        <v>171720</v>
      </c>
      <c r="GC32" s="327">
        <v>107544</v>
      </c>
      <c r="GD32" s="327">
        <v>57624</v>
      </c>
      <c r="GE32" s="327">
        <v>43176</v>
      </c>
      <c r="GF32" s="328">
        <v>392224</v>
      </c>
      <c r="GG32" s="334">
        <v>525744</v>
      </c>
      <c r="GH32" s="333">
        <v>0</v>
      </c>
      <c r="GI32" s="327">
        <v>0</v>
      </c>
      <c r="GJ32" s="331">
        <v>0</v>
      </c>
      <c r="GK32" s="332">
        <v>0</v>
      </c>
      <c r="GL32" s="327">
        <v>0</v>
      </c>
      <c r="GM32" s="327">
        <v>0</v>
      </c>
      <c r="GN32" s="327">
        <v>0</v>
      </c>
      <c r="GO32" s="327">
        <v>0</v>
      </c>
      <c r="GP32" s="327">
        <v>0</v>
      </c>
      <c r="GQ32" s="328">
        <v>0</v>
      </c>
      <c r="GR32" s="330">
        <v>0</v>
      </c>
      <c r="GS32" s="326">
        <v>90800</v>
      </c>
      <c r="GT32" s="327">
        <v>0</v>
      </c>
      <c r="GU32" s="328">
        <v>90800</v>
      </c>
      <c r="GV32" s="326">
        <v>0</v>
      </c>
      <c r="GW32" s="327">
        <v>0</v>
      </c>
      <c r="GX32" s="327">
        <v>0</v>
      </c>
      <c r="GY32" s="327">
        <v>0</v>
      </c>
      <c r="GZ32" s="327">
        <v>0</v>
      </c>
      <c r="HA32" s="327">
        <v>0</v>
      </c>
      <c r="HB32" s="331">
        <v>0</v>
      </c>
      <c r="HC32" s="330">
        <v>90800</v>
      </c>
      <c r="HD32" s="326">
        <v>108515</v>
      </c>
      <c r="HE32" s="327">
        <v>0</v>
      </c>
      <c r="HF32" s="331">
        <v>108515</v>
      </c>
      <c r="HG32" s="332">
        <v>0</v>
      </c>
      <c r="HH32" s="327">
        <v>727788</v>
      </c>
      <c r="HI32" s="327">
        <v>182197</v>
      </c>
      <c r="HJ32" s="327">
        <v>207856</v>
      </c>
      <c r="HK32" s="327">
        <v>424419</v>
      </c>
      <c r="HL32" s="327">
        <v>0</v>
      </c>
      <c r="HM32" s="328">
        <v>1542260</v>
      </c>
      <c r="HN32" s="329">
        <v>1650775</v>
      </c>
      <c r="HO32" s="333">
        <v>0</v>
      </c>
      <c r="HP32" s="327">
        <v>0</v>
      </c>
      <c r="HQ32" s="328">
        <v>0</v>
      </c>
      <c r="HR32" s="326">
        <v>0</v>
      </c>
      <c r="HS32" s="327">
        <v>0</v>
      </c>
      <c r="HT32" s="327">
        <v>0</v>
      </c>
      <c r="HU32" s="327">
        <v>0</v>
      </c>
      <c r="HV32" s="327">
        <v>0</v>
      </c>
      <c r="HW32" s="327">
        <v>0</v>
      </c>
      <c r="HX32" s="331">
        <v>0</v>
      </c>
      <c r="HY32" s="330">
        <v>0</v>
      </c>
      <c r="HZ32" s="358">
        <v>0</v>
      </c>
      <c r="IA32" s="356">
        <v>0</v>
      </c>
      <c r="IB32" s="358">
        <v>0</v>
      </c>
      <c r="IC32" s="355">
        <v>0</v>
      </c>
      <c r="ID32" s="356">
        <v>335163</v>
      </c>
      <c r="IE32" s="357">
        <v>282835</v>
      </c>
      <c r="IF32" s="358">
        <v>263534</v>
      </c>
      <c r="IG32" s="356">
        <v>1035937</v>
      </c>
      <c r="IH32" s="358">
        <v>266428</v>
      </c>
      <c r="II32" s="359">
        <v>2183897</v>
      </c>
      <c r="IJ32" s="358">
        <v>2183897</v>
      </c>
      <c r="IK32" s="342">
        <v>0</v>
      </c>
      <c r="IL32" s="343">
        <v>0</v>
      </c>
      <c r="IM32" s="344">
        <v>0</v>
      </c>
      <c r="IN32" s="404">
        <v>0</v>
      </c>
      <c r="IO32" s="345">
        <v>0</v>
      </c>
      <c r="IP32" s="345">
        <v>0</v>
      </c>
      <c r="IQ32" s="345">
        <v>173104</v>
      </c>
      <c r="IR32" s="345">
        <v>0</v>
      </c>
      <c r="IS32" s="345">
        <v>0</v>
      </c>
      <c r="IT32" s="346">
        <v>173104</v>
      </c>
      <c r="IU32" s="347">
        <v>173104</v>
      </c>
      <c r="IV32" s="348">
        <v>0</v>
      </c>
      <c r="IW32" s="345">
        <v>0</v>
      </c>
      <c r="IX32" s="349">
        <v>0</v>
      </c>
      <c r="IY32" s="404">
        <v>0</v>
      </c>
      <c r="IZ32" s="345">
        <v>0</v>
      </c>
      <c r="JA32" s="345">
        <v>0</v>
      </c>
      <c r="JB32" s="345">
        <v>0</v>
      </c>
      <c r="JC32" s="345">
        <v>0</v>
      </c>
      <c r="JD32" s="345">
        <v>0</v>
      </c>
      <c r="JE32" s="349">
        <v>0</v>
      </c>
      <c r="JF32" s="350">
        <v>0</v>
      </c>
      <c r="JG32" s="348">
        <v>0</v>
      </c>
      <c r="JH32" s="345">
        <v>0</v>
      </c>
      <c r="JI32" s="346">
        <v>0</v>
      </c>
      <c r="JJ32" s="351">
        <v>0</v>
      </c>
      <c r="JK32" s="345">
        <v>0</v>
      </c>
      <c r="JL32" s="345">
        <v>60033</v>
      </c>
      <c r="JM32" s="345">
        <v>0</v>
      </c>
      <c r="JN32" s="345">
        <v>0</v>
      </c>
      <c r="JO32" s="345">
        <v>0</v>
      </c>
      <c r="JP32" s="349">
        <v>60033</v>
      </c>
      <c r="JQ32" s="347">
        <v>60033</v>
      </c>
      <c r="JR32" s="348">
        <v>0</v>
      </c>
      <c r="JS32" s="345">
        <v>0</v>
      </c>
      <c r="JT32" s="346">
        <v>0</v>
      </c>
      <c r="JU32" s="351">
        <v>0</v>
      </c>
      <c r="JV32" s="345">
        <v>0</v>
      </c>
      <c r="JW32" s="345">
        <v>79588</v>
      </c>
      <c r="JX32" s="345">
        <v>74483</v>
      </c>
      <c r="JY32" s="345">
        <v>263200</v>
      </c>
      <c r="JZ32" s="345">
        <v>0</v>
      </c>
      <c r="KA32" s="349">
        <v>417271</v>
      </c>
      <c r="KB32" s="347">
        <v>417271</v>
      </c>
      <c r="KC32" s="352">
        <v>0</v>
      </c>
      <c r="KD32" s="353">
        <v>0</v>
      </c>
      <c r="KE32" s="349">
        <v>0</v>
      </c>
      <c r="KF32" s="351">
        <v>0</v>
      </c>
      <c r="KG32" s="345">
        <v>96341</v>
      </c>
      <c r="KH32" s="345">
        <v>143214</v>
      </c>
      <c r="KI32" s="345">
        <v>0</v>
      </c>
      <c r="KJ32" s="345">
        <v>0</v>
      </c>
      <c r="KK32" s="345">
        <v>0</v>
      </c>
      <c r="KL32" s="349">
        <v>239555</v>
      </c>
      <c r="KM32" s="354">
        <v>239555</v>
      </c>
      <c r="KN32" s="342">
        <v>0</v>
      </c>
      <c r="KO32" s="343">
        <v>0</v>
      </c>
      <c r="KP32" s="344">
        <v>0</v>
      </c>
      <c r="KQ32" s="404">
        <v>0</v>
      </c>
      <c r="KR32" s="345">
        <v>238822</v>
      </c>
      <c r="KS32" s="345">
        <v>0</v>
      </c>
      <c r="KT32" s="345">
        <v>0</v>
      </c>
      <c r="KU32" s="345">
        <v>0</v>
      </c>
      <c r="KV32" s="345">
        <v>266428</v>
      </c>
      <c r="KW32" s="349">
        <v>505250</v>
      </c>
      <c r="KX32" s="347">
        <v>505250</v>
      </c>
      <c r="KY32" s="348">
        <v>0</v>
      </c>
      <c r="KZ32" s="345">
        <v>0</v>
      </c>
      <c r="LA32" s="349">
        <v>0</v>
      </c>
      <c r="LB32" s="404">
        <v>0</v>
      </c>
      <c r="LC32" s="345">
        <v>0</v>
      </c>
      <c r="LD32" s="345">
        <v>0</v>
      </c>
      <c r="LE32" s="345">
        <v>0</v>
      </c>
      <c r="LF32" s="345">
        <v>0</v>
      </c>
      <c r="LG32" s="345">
        <v>0</v>
      </c>
      <c r="LH32" s="349">
        <v>0</v>
      </c>
      <c r="LI32" s="350">
        <v>0</v>
      </c>
      <c r="LJ32" s="348">
        <v>0</v>
      </c>
      <c r="LK32" s="345">
        <v>0</v>
      </c>
      <c r="LL32" s="349">
        <v>0</v>
      </c>
      <c r="LM32" s="404">
        <v>0</v>
      </c>
      <c r="LN32" s="345">
        <v>0</v>
      </c>
      <c r="LO32" s="345">
        <v>0</v>
      </c>
      <c r="LP32" s="345">
        <v>15947</v>
      </c>
      <c r="LQ32" s="345">
        <v>522372</v>
      </c>
      <c r="LR32" s="345">
        <v>0</v>
      </c>
      <c r="LS32" s="349">
        <v>538319</v>
      </c>
      <c r="LT32" s="347">
        <v>538319</v>
      </c>
      <c r="LU32" s="348">
        <v>0</v>
      </c>
      <c r="LV32" s="345">
        <v>0</v>
      </c>
      <c r="LW32" s="349">
        <v>0</v>
      </c>
      <c r="LX32" s="404">
        <v>0</v>
      </c>
      <c r="LY32" s="345">
        <v>0</v>
      </c>
      <c r="LZ32" s="345">
        <v>0</v>
      </c>
      <c r="MA32" s="345">
        <v>0</v>
      </c>
      <c r="MB32" s="345">
        <v>250365</v>
      </c>
      <c r="MC32" s="345">
        <v>0</v>
      </c>
      <c r="MD32" s="349">
        <v>250365</v>
      </c>
      <c r="ME32" s="350">
        <v>250365</v>
      </c>
      <c r="MF32" s="348">
        <v>0</v>
      </c>
      <c r="MG32" s="345">
        <v>0</v>
      </c>
      <c r="MH32" s="349">
        <v>0</v>
      </c>
      <c r="MI32" s="404">
        <v>0</v>
      </c>
      <c r="MJ32" s="345">
        <v>0</v>
      </c>
      <c r="MK32" s="345">
        <v>758579</v>
      </c>
      <c r="ML32" s="345">
        <v>237849</v>
      </c>
      <c r="MM32" s="345">
        <v>1706818</v>
      </c>
      <c r="MN32" s="345">
        <v>601864</v>
      </c>
      <c r="MO32" s="349">
        <v>3305110</v>
      </c>
      <c r="MP32" s="354">
        <v>3305110</v>
      </c>
      <c r="MQ32" s="348">
        <v>0</v>
      </c>
      <c r="MR32" s="345">
        <v>0</v>
      </c>
      <c r="MS32" s="349">
        <v>0</v>
      </c>
      <c r="MT32" s="404">
        <v>0</v>
      </c>
      <c r="MU32" s="345">
        <v>0</v>
      </c>
      <c r="MV32" s="345">
        <v>244161</v>
      </c>
      <c r="MW32" s="345">
        <v>237849</v>
      </c>
      <c r="MX32" s="345">
        <v>502398</v>
      </c>
      <c r="MY32" s="345">
        <v>601864</v>
      </c>
      <c r="MZ32" s="349">
        <v>1586272</v>
      </c>
      <c r="NA32" s="354">
        <v>1586272</v>
      </c>
      <c r="NB32" s="348">
        <v>0</v>
      </c>
      <c r="NC32" s="345">
        <v>0</v>
      </c>
      <c r="ND32" s="349">
        <v>0</v>
      </c>
      <c r="NE32" s="404">
        <v>0</v>
      </c>
      <c r="NF32" s="345">
        <v>0</v>
      </c>
      <c r="NG32" s="345">
        <v>514418</v>
      </c>
      <c r="NH32" s="345">
        <v>0</v>
      </c>
      <c r="NI32" s="345">
        <v>1204420</v>
      </c>
      <c r="NJ32" s="345">
        <v>0</v>
      </c>
      <c r="NK32" s="349">
        <v>1718838</v>
      </c>
      <c r="NL32" s="347">
        <v>1718838</v>
      </c>
      <c r="NM32" s="348">
        <v>0</v>
      </c>
      <c r="NN32" s="345">
        <v>0</v>
      </c>
      <c r="NO32" s="349">
        <v>0</v>
      </c>
      <c r="NP32" s="404">
        <v>0</v>
      </c>
      <c r="NQ32" s="345">
        <v>0</v>
      </c>
      <c r="NR32" s="345">
        <v>0</v>
      </c>
      <c r="NS32" s="345">
        <v>0</v>
      </c>
      <c r="NT32" s="345">
        <v>0</v>
      </c>
      <c r="NU32" s="345">
        <v>0</v>
      </c>
      <c r="NV32" s="349">
        <v>0</v>
      </c>
      <c r="NW32" s="350">
        <v>0</v>
      </c>
      <c r="NX32" s="348">
        <v>0</v>
      </c>
      <c r="NY32" s="345">
        <v>0</v>
      </c>
      <c r="NZ32" s="349">
        <v>0</v>
      </c>
      <c r="OA32" s="404">
        <v>0</v>
      </c>
      <c r="OB32" s="345">
        <v>0</v>
      </c>
      <c r="OC32" s="345">
        <v>0</v>
      </c>
      <c r="OD32" s="345">
        <v>0</v>
      </c>
      <c r="OE32" s="345">
        <v>0</v>
      </c>
      <c r="OF32" s="345">
        <v>0</v>
      </c>
      <c r="OG32" s="349">
        <v>0</v>
      </c>
      <c r="OH32" s="350">
        <v>0</v>
      </c>
      <c r="OI32" s="348">
        <v>417494</v>
      </c>
      <c r="OJ32" s="345">
        <v>350029</v>
      </c>
      <c r="OK32" s="346">
        <v>767523</v>
      </c>
      <c r="OL32" s="351">
        <v>0</v>
      </c>
      <c r="OM32" s="345">
        <v>2028809</v>
      </c>
      <c r="ON32" s="345">
        <v>2376594</v>
      </c>
      <c r="OO32" s="345">
        <v>1580104</v>
      </c>
      <c r="OP32" s="345">
        <v>3938324</v>
      </c>
      <c r="OQ32" s="345">
        <v>1749865</v>
      </c>
      <c r="OR32" s="349">
        <v>11673696</v>
      </c>
      <c r="OS32" s="354">
        <v>12441219</v>
      </c>
    </row>
    <row r="33" spans="2:409" s="70" customFormat="1" ht="21" customHeight="1" x14ac:dyDescent="0.2">
      <c r="B33" s="410" t="s">
        <v>28</v>
      </c>
      <c r="C33" s="326">
        <v>0</v>
      </c>
      <c r="D33" s="327">
        <v>800</v>
      </c>
      <c r="E33" s="328">
        <v>800</v>
      </c>
      <c r="F33" s="329">
        <v>0</v>
      </c>
      <c r="G33" s="327">
        <v>666868</v>
      </c>
      <c r="H33" s="327">
        <v>192323</v>
      </c>
      <c r="I33" s="327">
        <v>485259</v>
      </c>
      <c r="J33" s="327">
        <v>28645</v>
      </c>
      <c r="K33" s="327">
        <v>92465</v>
      </c>
      <c r="L33" s="367">
        <v>1465560</v>
      </c>
      <c r="M33" s="330">
        <v>1466360</v>
      </c>
      <c r="N33" s="326">
        <v>0</v>
      </c>
      <c r="O33" s="327">
        <v>0</v>
      </c>
      <c r="P33" s="328">
        <v>0</v>
      </c>
      <c r="Q33" s="326">
        <v>0</v>
      </c>
      <c r="R33" s="327">
        <v>78406</v>
      </c>
      <c r="S33" s="327">
        <v>21128</v>
      </c>
      <c r="T33" s="327">
        <v>226398</v>
      </c>
      <c r="U33" s="327">
        <v>19605</v>
      </c>
      <c r="V33" s="327">
        <v>9632</v>
      </c>
      <c r="W33" s="328">
        <v>355169</v>
      </c>
      <c r="X33" s="330">
        <v>355169</v>
      </c>
      <c r="Y33" s="326">
        <v>0</v>
      </c>
      <c r="Z33" s="327">
        <v>0</v>
      </c>
      <c r="AA33" s="328">
        <v>0</v>
      </c>
      <c r="AB33" s="326">
        <v>0</v>
      </c>
      <c r="AC33" s="327">
        <v>0</v>
      </c>
      <c r="AD33" s="327">
        <v>0</v>
      </c>
      <c r="AE33" s="327">
        <v>142095</v>
      </c>
      <c r="AF33" s="327">
        <v>0</v>
      </c>
      <c r="AG33" s="327">
        <v>0</v>
      </c>
      <c r="AH33" s="328">
        <v>142095</v>
      </c>
      <c r="AI33" s="330">
        <v>142095</v>
      </c>
      <c r="AJ33" s="326">
        <v>0</v>
      </c>
      <c r="AK33" s="327">
        <v>0</v>
      </c>
      <c r="AL33" s="328">
        <v>0</v>
      </c>
      <c r="AM33" s="326">
        <v>0</v>
      </c>
      <c r="AN33" s="327">
        <v>0</v>
      </c>
      <c r="AO33" s="327">
        <v>0</v>
      </c>
      <c r="AP33" s="327">
        <v>0</v>
      </c>
      <c r="AQ33" s="327">
        <v>0</v>
      </c>
      <c r="AR33" s="327">
        <v>0</v>
      </c>
      <c r="AS33" s="328">
        <v>0</v>
      </c>
      <c r="AT33" s="330">
        <v>0</v>
      </c>
      <c r="AU33" s="326">
        <v>0</v>
      </c>
      <c r="AV33" s="327">
        <v>0</v>
      </c>
      <c r="AW33" s="328">
        <v>0</v>
      </c>
      <c r="AX33" s="326">
        <v>0</v>
      </c>
      <c r="AY33" s="327">
        <v>44038</v>
      </c>
      <c r="AZ33" s="327">
        <v>0</v>
      </c>
      <c r="BA33" s="327">
        <v>72623</v>
      </c>
      <c r="BB33" s="327">
        <v>19605</v>
      </c>
      <c r="BC33" s="327">
        <v>0</v>
      </c>
      <c r="BD33" s="328">
        <v>136266</v>
      </c>
      <c r="BE33" s="330">
        <v>136266</v>
      </c>
      <c r="BF33" s="326">
        <v>0</v>
      </c>
      <c r="BG33" s="327">
        <v>0</v>
      </c>
      <c r="BH33" s="331">
        <v>0</v>
      </c>
      <c r="BI33" s="332">
        <v>0</v>
      </c>
      <c r="BJ33" s="327">
        <v>0</v>
      </c>
      <c r="BK33" s="327">
        <v>0</v>
      </c>
      <c r="BL33" s="327">
        <v>0</v>
      </c>
      <c r="BM33" s="327">
        <v>0</v>
      </c>
      <c r="BN33" s="327">
        <v>0</v>
      </c>
      <c r="BO33" s="328">
        <v>0</v>
      </c>
      <c r="BP33" s="330">
        <v>0</v>
      </c>
      <c r="BQ33" s="326">
        <v>0</v>
      </c>
      <c r="BR33" s="327">
        <v>0</v>
      </c>
      <c r="BS33" s="328">
        <v>0</v>
      </c>
      <c r="BT33" s="326">
        <v>0</v>
      </c>
      <c r="BU33" s="327">
        <v>34368</v>
      </c>
      <c r="BV33" s="327">
        <v>21128</v>
      </c>
      <c r="BW33" s="327">
        <v>11680</v>
      </c>
      <c r="BX33" s="327">
        <v>0</v>
      </c>
      <c r="BY33" s="327">
        <v>9632</v>
      </c>
      <c r="BZ33" s="328">
        <v>76808</v>
      </c>
      <c r="CA33" s="330">
        <v>76808</v>
      </c>
      <c r="CB33" s="326">
        <v>0</v>
      </c>
      <c r="CC33" s="327">
        <v>0</v>
      </c>
      <c r="CD33" s="328">
        <v>0</v>
      </c>
      <c r="CE33" s="326">
        <v>0</v>
      </c>
      <c r="CF33" s="327">
        <v>70616</v>
      </c>
      <c r="CG33" s="327">
        <v>97259</v>
      </c>
      <c r="CH33" s="327">
        <v>76145</v>
      </c>
      <c r="CI33" s="327">
        <v>0</v>
      </c>
      <c r="CJ33" s="327">
        <v>0</v>
      </c>
      <c r="CK33" s="328">
        <v>244020</v>
      </c>
      <c r="CL33" s="330">
        <v>244020</v>
      </c>
      <c r="CM33" s="326">
        <v>0</v>
      </c>
      <c r="CN33" s="327">
        <v>0</v>
      </c>
      <c r="CO33" s="328">
        <v>0</v>
      </c>
      <c r="CP33" s="332">
        <v>0</v>
      </c>
      <c r="CQ33" s="327">
        <v>30578</v>
      </c>
      <c r="CR33" s="327">
        <v>97259</v>
      </c>
      <c r="CS33" s="327">
        <v>76145</v>
      </c>
      <c r="CT33" s="327">
        <v>0</v>
      </c>
      <c r="CU33" s="327">
        <v>0</v>
      </c>
      <c r="CV33" s="328">
        <v>203982</v>
      </c>
      <c r="CW33" s="330">
        <v>203982</v>
      </c>
      <c r="CX33" s="326">
        <v>0</v>
      </c>
      <c r="CY33" s="327">
        <v>0</v>
      </c>
      <c r="CZ33" s="328">
        <v>0</v>
      </c>
      <c r="DA33" s="326">
        <v>0</v>
      </c>
      <c r="DB33" s="327">
        <v>40038</v>
      </c>
      <c r="DC33" s="327">
        <v>0</v>
      </c>
      <c r="DD33" s="327">
        <v>0</v>
      </c>
      <c r="DE33" s="327">
        <v>0</v>
      </c>
      <c r="DF33" s="327">
        <v>0</v>
      </c>
      <c r="DG33" s="328">
        <v>40038</v>
      </c>
      <c r="DH33" s="330">
        <v>40038</v>
      </c>
      <c r="DI33" s="326">
        <v>0</v>
      </c>
      <c r="DJ33" s="327">
        <v>0</v>
      </c>
      <c r="DK33" s="331">
        <v>0</v>
      </c>
      <c r="DL33" s="332">
        <v>0</v>
      </c>
      <c r="DM33" s="327">
        <v>0</v>
      </c>
      <c r="DN33" s="327">
        <v>24576</v>
      </c>
      <c r="DO33" s="327">
        <v>59992</v>
      </c>
      <c r="DP33" s="327">
        <v>0</v>
      </c>
      <c r="DQ33" s="327">
        <v>82833</v>
      </c>
      <c r="DR33" s="328">
        <v>167401</v>
      </c>
      <c r="DS33" s="330">
        <v>167401</v>
      </c>
      <c r="DT33" s="326">
        <v>0</v>
      </c>
      <c r="DU33" s="327">
        <v>0</v>
      </c>
      <c r="DV33" s="328">
        <v>0</v>
      </c>
      <c r="DW33" s="326">
        <v>0</v>
      </c>
      <c r="DX33" s="327">
        <v>0</v>
      </c>
      <c r="DY33" s="327">
        <v>24576</v>
      </c>
      <c r="DZ33" s="327">
        <v>0</v>
      </c>
      <c r="EA33" s="327">
        <v>0</v>
      </c>
      <c r="EB33" s="327">
        <v>0</v>
      </c>
      <c r="EC33" s="328">
        <v>24576</v>
      </c>
      <c r="ED33" s="330">
        <v>24576</v>
      </c>
      <c r="EE33" s="326">
        <v>0</v>
      </c>
      <c r="EF33" s="331">
        <v>0</v>
      </c>
      <c r="EG33" s="328">
        <v>0</v>
      </c>
      <c r="EH33" s="326">
        <v>0</v>
      </c>
      <c r="EI33" s="327">
        <v>0</v>
      </c>
      <c r="EJ33" s="327">
        <v>0</v>
      </c>
      <c r="EK33" s="327">
        <v>59992</v>
      </c>
      <c r="EL33" s="327">
        <v>0</v>
      </c>
      <c r="EM33" s="327">
        <v>82833</v>
      </c>
      <c r="EN33" s="331">
        <v>142825</v>
      </c>
      <c r="EO33" s="330">
        <v>142825</v>
      </c>
      <c r="EP33" s="326">
        <v>0</v>
      </c>
      <c r="EQ33" s="327">
        <v>0</v>
      </c>
      <c r="ER33" s="331">
        <v>0</v>
      </c>
      <c r="ES33" s="332">
        <v>0</v>
      </c>
      <c r="ET33" s="327">
        <v>0</v>
      </c>
      <c r="EU33" s="327">
        <v>0</v>
      </c>
      <c r="EV33" s="327">
        <v>0</v>
      </c>
      <c r="EW33" s="327">
        <v>0</v>
      </c>
      <c r="EX33" s="327">
        <v>0</v>
      </c>
      <c r="EY33" s="328">
        <v>0</v>
      </c>
      <c r="EZ33" s="330">
        <v>0</v>
      </c>
      <c r="FA33" s="326">
        <v>0</v>
      </c>
      <c r="FB33" s="327">
        <v>0</v>
      </c>
      <c r="FC33" s="331">
        <v>0</v>
      </c>
      <c r="FD33" s="332">
        <v>0</v>
      </c>
      <c r="FE33" s="327">
        <v>0</v>
      </c>
      <c r="FF33" s="327">
        <v>0</v>
      </c>
      <c r="FG33" s="327">
        <v>0</v>
      </c>
      <c r="FH33" s="327">
        <v>0</v>
      </c>
      <c r="FI33" s="327">
        <v>0</v>
      </c>
      <c r="FJ33" s="328">
        <v>0</v>
      </c>
      <c r="FK33" s="330">
        <v>0</v>
      </c>
      <c r="FL33" s="326">
        <v>0</v>
      </c>
      <c r="FM33" s="327">
        <v>800</v>
      </c>
      <c r="FN33" s="328">
        <v>800</v>
      </c>
      <c r="FO33" s="326">
        <v>0</v>
      </c>
      <c r="FP33" s="327">
        <v>22112</v>
      </c>
      <c r="FQ33" s="327">
        <v>49360</v>
      </c>
      <c r="FR33" s="327">
        <v>48880</v>
      </c>
      <c r="FS33" s="327">
        <v>9040</v>
      </c>
      <c r="FT33" s="327">
        <v>0</v>
      </c>
      <c r="FU33" s="328">
        <v>129392</v>
      </c>
      <c r="FV33" s="330">
        <v>130192</v>
      </c>
      <c r="FW33" s="333">
        <v>0</v>
      </c>
      <c r="FX33" s="327">
        <v>800</v>
      </c>
      <c r="FY33" s="331">
        <v>800</v>
      </c>
      <c r="FZ33" s="332">
        <v>0</v>
      </c>
      <c r="GA33" s="327">
        <v>22112</v>
      </c>
      <c r="GB33" s="327">
        <v>49360</v>
      </c>
      <c r="GC33" s="327">
        <v>48880</v>
      </c>
      <c r="GD33" s="327">
        <v>9040</v>
      </c>
      <c r="GE33" s="327">
        <v>0</v>
      </c>
      <c r="GF33" s="328">
        <v>129392</v>
      </c>
      <c r="GG33" s="334">
        <v>130192</v>
      </c>
      <c r="GH33" s="333">
        <v>0</v>
      </c>
      <c r="GI33" s="327">
        <v>0</v>
      </c>
      <c r="GJ33" s="331">
        <v>0</v>
      </c>
      <c r="GK33" s="332">
        <v>0</v>
      </c>
      <c r="GL33" s="327">
        <v>0</v>
      </c>
      <c r="GM33" s="327">
        <v>0</v>
      </c>
      <c r="GN33" s="327">
        <v>0</v>
      </c>
      <c r="GO33" s="327">
        <v>0</v>
      </c>
      <c r="GP33" s="327">
        <v>0</v>
      </c>
      <c r="GQ33" s="328">
        <v>0</v>
      </c>
      <c r="GR33" s="330">
        <v>0</v>
      </c>
      <c r="GS33" s="326">
        <v>0</v>
      </c>
      <c r="GT33" s="327">
        <v>0</v>
      </c>
      <c r="GU33" s="328">
        <v>0</v>
      </c>
      <c r="GV33" s="326">
        <v>0</v>
      </c>
      <c r="GW33" s="327">
        <v>0</v>
      </c>
      <c r="GX33" s="327">
        <v>0</v>
      </c>
      <c r="GY33" s="327">
        <v>0</v>
      </c>
      <c r="GZ33" s="327">
        <v>0</v>
      </c>
      <c r="HA33" s="327">
        <v>0</v>
      </c>
      <c r="HB33" s="331">
        <v>0</v>
      </c>
      <c r="HC33" s="330">
        <v>0</v>
      </c>
      <c r="HD33" s="326">
        <v>0</v>
      </c>
      <c r="HE33" s="327">
        <v>0</v>
      </c>
      <c r="HF33" s="331">
        <v>0</v>
      </c>
      <c r="HG33" s="332">
        <v>0</v>
      </c>
      <c r="HH33" s="327">
        <v>495734</v>
      </c>
      <c r="HI33" s="327">
        <v>0</v>
      </c>
      <c r="HJ33" s="327">
        <v>73844</v>
      </c>
      <c r="HK33" s="327">
        <v>0</v>
      </c>
      <c r="HL33" s="327">
        <v>0</v>
      </c>
      <c r="HM33" s="328">
        <v>569578</v>
      </c>
      <c r="HN33" s="329">
        <v>569578</v>
      </c>
      <c r="HO33" s="333">
        <v>0</v>
      </c>
      <c r="HP33" s="327">
        <v>0</v>
      </c>
      <c r="HQ33" s="328">
        <v>0</v>
      </c>
      <c r="HR33" s="326">
        <v>0</v>
      </c>
      <c r="HS33" s="327">
        <v>0</v>
      </c>
      <c r="HT33" s="327">
        <v>0</v>
      </c>
      <c r="HU33" s="327">
        <v>0</v>
      </c>
      <c r="HV33" s="327">
        <v>0</v>
      </c>
      <c r="HW33" s="327">
        <v>0</v>
      </c>
      <c r="HX33" s="331">
        <v>0</v>
      </c>
      <c r="HY33" s="330">
        <v>0</v>
      </c>
      <c r="HZ33" s="335">
        <v>0</v>
      </c>
      <c r="IA33" s="336">
        <v>0</v>
      </c>
      <c r="IB33" s="337">
        <v>0</v>
      </c>
      <c r="IC33" s="338">
        <v>0</v>
      </c>
      <c r="ID33" s="336">
        <v>127943</v>
      </c>
      <c r="IE33" s="339">
        <v>270330</v>
      </c>
      <c r="IF33" s="337">
        <v>0</v>
      </c>
      <c r="IG33" s="336">
        <v>0</v>
      </c>
      <c r="IH33" s="337">
        <v>273066</v>
      </c>
      <c r="II33" s="340">
        <v>671339</v>
      </c>
      <c r="IJ33" s="341">
        <v>671339</v>
      </c>
      <c r="IK33" s="342">
        <v>0</v>
      </c>
      <c r="IL33" s="343">
        <v>0</v>
      </c>
      <c r="IM33" s="344">
        <v>0</v>
      </c>
      <c r="IN33" s="404">
        <v>0</v>
      </c>
      <c r="IO33" s="345">
        <v>0</v>
      </c>
      <c r="IP33" s="345">
        <v>0</v>
      </c>
      <c r="IQ33" s="345">
        <v>0</v>
      </c>
      <c r="IR33" s="345">
        <v>0</v>
      </c>
      <c r="IS33" s="345">
        <v>0</v>
      </c>
      <c r="IT33" s="346">
        <v>0</v>
      </c>
      <c r="IU33" s="347">
        <v>0</v>
      </c>
      <c r="IV33" s="348">
        <v>0</v>
      </c>
      <c r="IW33" s="345">
        <v>0</v>
      </c>
      <c r="IX33" s="349">
        <v>0</v>
      </c>
      <c r="IY33" s="404">
        <v>0</v>
      </c>
      <c r="IZ33" s="345">
        <v>0</v>
      </c>
      <c r="JA33" s="345">
        <v>0</v>
      </c>
      <c r="JB33" s="345">
        <v>0</v>
      </c>
      <c r="JC33" s="345">
        <v>0</v>
      </c>
      <c r="JD33" s="345">
        <v>0</v>
      </c>
      <c r="JE33" s="349">
        <v>0</v>
      </c>
      <c r="JF33" s="350">
        <v>0</v>
      </c>
      <c r="JG33" s="348">
        <v>0</v>
      </c>
      <c r="JH33" s="345">
        <v>0</v>
      </c>
      <c r="JI33" s="346">
        <v>0</v>
      </c>
      <c r="JJ33" s="351">
        <v>0</v>
      </c>
      <c r="JK33" s="345">
        <v>127943</v>
      </c>
      <c r="JL33" s="345">
        <v>8922</v>
      </c>
      <c r="JM33" s="345">
        <v>0</v>
      </c>
      <c r="JN33" s="345">
        <v>0</v>
      </c>
      <c r="JO33" s="345">
        <v>0</v>
      </c>
      <c r="JP33" s="349">
        <v>136865</v>
      </c>
      <c r="JQ33" s="347">
        <v>136865</v>
      </c>
      <c r="JR33" s="348">
        <v>0</v>
      </c>
      <c r="JS33" s="345">
        <v>0</v>
      </c>
      <c r="JT33" s="346">
        <v>0</v>
      </c>
      <c r="JU33" s="351">
        <v>0</v>
      </c>
      <c r="JV33" s="345">
        <v>0</v>
      </c>
      <c r="JW33" s="345">
        <v>0</v>
      </c>
      <c r="JX33" s="345">
        <v>0</v>
      </c>
      <c r="JY33" s="345">
        <v>0</v>
      </c>
      <c r="JZ33" s="345">
        <v>0</v>
      </c>
      <c r="KA33" s="349">
        <v>0</v>
      </c>
      <c r="KB33" s="347">
        <v>0</v>
      </c>
      <c r="KC33" s="352">
        <v>0</v>
      </c>
      <c r="KD33" s="353">
        <v>0</v>
      </c>
      <c r="KE33" s="349">
        <v>0</v>
      </c>
      <c r="KF33" s="351">
        <v>0</v>
      </c>
      <c r="KG33" s="345">
        <v>0</v>
      </c>
      <c r="KH33" s="345">
        <v>0</v>
      </c>
      <c r="KI33" s="345">
        <v>0</v>
      </c>
      <c r="KJ33" s="345">
        <v>0</v>
      </c>
      <c r="KK33" s="345">
        <v>0</v>
      </c>
      <c r="KL33" s="349">
        <v>0</v>
      </c>
      <c r="KM33" s="354">
        <v>0</v>
      </c>
      <c r="KN33" s="342">
        <v>0</v>
      </c>
      <c r="KO33" s="343">
        <v>0</v>
      </c>
      <c r="KP33" s="344">
        <v>0</v>
      </c>
      <c r="KQ33" s="404">
        <v>0</v>
      </c>
      <c r="KR33" s="345">
        <v>0</v>
      </c>
      <c r="KS33" s="345">
        <v>261408</v>
      </c>
      <c r="KT33" s="345">
        <v>0</v>
      </c>
      <c r="KU33" s="345">
        <v>0</v>
      </c>
      <c r="KV33" s="345">
        <v>273066</v>
      </c>
      <c r="KW33" s="349">
        <v>534474</v>
      </c>
      <c r="KX33" s="347">
        <v>534474</v>
      </c>
      <c r="KY33" s="348">
        <v>0</v>
      </c>
      <c r="KZ33" s="345">
        <v>0</v>
      </c>
      <c r="LA33" s="349">
        <v>0</v>
      </c>
      <c r="LB33" s="404">
        <v>0</v>
      </c>
      <c r="LC33" s="345">
        <v>0</v>
      </c>
      <c r="LD33" s="345">
        <v>0</v>
      </c>
      <c r="LE33" s="345">
        <v>0</v>
      </c>
      <c r="LF33" s="345">
        <v>0</v>
      </c>
      <c r="LG33" s="345">
        <v>0</v>
      </c>
      <c r="LH33" s="349">
        <v>0</v>
      </c>
      <c r="LI33" s="350">
        <v>0</v>
      </c>
      <c r="LJ33" s="348">
        <v>0</v>
      </c>
      <c r="LK33" s="345">
        <v>0</v>
      </c>
      <c r="LL33" s="349">
        <v>0</v>
      </c>
      <c r="LM33" s="404">
        <v>0</v>
      </c>
      <c r="LN33" s="345">
        <v>0</v>
      </c>
      <c r="LO33" s="345">
        <v>0</v>
      </c>
      <c r="LP33" s="345">
        <v>0</v>
      </c>
      <c r="LQ33" s="345">
        <v>0</v>
      </c>
      <c r="LR33" s="345">
        <v>0</v>
      </c>
      <c r="LS33" s="349">
        <v>0</v>
      </c>
      <c r="LT33" s="347">
        <v>0</v>
      </c>
      <c r="LU33" s="348">
        <v>0</v>
      </c>
      <c r="LV33" s="345">
        <v>0</v>
      </c>
      <c r="LW33" s="349">
        <v>0</v>
      </c>
      <c r="LX33" s="404">
        <v>0</v>
      </c>
      <c r="LY33" s="345">
        <v>0</v>
      </c>
      <c r="LZ33" s="345">
        <v>0</v>
      </c>
      <c r="MA33" s="345">
        <v>0</v>
      </c>
      <c r="MB33" s="345">
        <v>0</v>
      </c>
      <c r="MC33" s="345">
        <v>0</v>
      </c>
      <c r="MD33" s="349">
        <v>0</v>
      </c>
      <c r="ME33" s="350">
        <v>0</v>
      </c>
      <c r="MF33" s="348">
        <v>0</v>
      </c>
      <c r="MG33" s="345">
        <v>0</v>
      </c>
      <c r="MH33" s="349">
        <v>0</v>
      </c>
      <c r="MI33" s="404">
        <v>0</v>
      </c>
      <c r="MJ33" s="345">
        <v>0</v>
      </c>
      <c r="MK33" s="345">
        <v>0</v>
      </c>
      <c r="ML33" s="345">
        <v>0</v>
      </c>
      <c r="MM33" s="345">
        <v>555219</v>
      </c>
      <c r="MN33" s="345">
        <v>266551</v>
      </c>
      <c r="MO33" s="349">
        <v>821770</v>
      </c>
      <c r="MP33" s="354">
        <v>821770</v>
      </c>
      <c r="MQ33" s="348">
        <v>0</v>
      </c>
      <c r="MR33" s="345">
        <v>0</v>
      </c>
      <c r="MS33" s="349">
        <v>0</v>
      </c>
      <c r="MT33" s="404">
        <v>0</v>
      </c>
      <c r="MU33" s="345">
        <v>0</v>
      </c>
      <c r="MV33" s="345">
        <v>0</v>
      </c>
      <c r="MW33" s="345">
        <v>0</v>
      </c>
      <c r="MX33" s="345">
        <v>246586</v>
      </c>
      <c r="MY33" s="345">
        <v>266551</v>
      </c>
      <c r="MZ33" s="349">
        <v>513137</v>
      </c>
      <c r="NA33" s="354">
        <v>513137</v>
      </c>
      <c r="NB33" s="348">
        <v>0</v>
      </c>
      <c r="NC33" s="345">
        <v>0</v>
      </c>
      <c r="ND33" s="349">
        <v>0</v>
      </c>
      <c r="NE33" s="404">
        <v>0</v>
      </c>
      <c r="NF33" s="345">
        <v>0</v>
      </c>
      <c r="NG33" s="345">
        <v>0</v>
      </c>
      <c r="NH33" s="345">
        <v>0</v>
      </c>
      <c r="NI33" s="345">
        <v>308633</v>
      </c>
      <c r="NJ33" s="345">
        <v>0</v>
      </c>
      <c r="NK33" s="349">
        <v>308633</v>
      </c>
      <c r="NL33" s="347">
        <v>308633</v>
      </c>
      <c r="NM33" s="348">
        <v>0</v>
      </c>
      <c r="NN33" s="345">
        <v>0</v>
      </c>
      <c r="NO33" s="349">
        <v>0</v>
      </c>
      <c r="NP33" s="404">
        <v>0</v>
      </c>
      <c r="NQ33" s="345">
        <v>0</v>
      </c>
      <c r="NR33" s="345">
        <v>0</v>
      </c>
      <c r="NS33" s="345">
        <v>0</v>
      </c>
      <c r="NT33" s="345">
        <v>0</v>
      </c>
      <c r="NU33" s="345">
        <v>0</v>
      </c>
      <c r="NV33" s="349">
        <v>0</v>
      </c>
      <c r="NW33" s="350">
        <v>0</v>
      </c>
      <c r="NX33" s="348">
        <v>0</v>
      </c>
      <c r="NY33" s="345">
        <v>0</v>
      </c>
      <c r="NZ33" s="349">
        <v>0</v>
      </c>
      <c r="OA33" s="404">
        <v>0</v>
      </c>
      <c r="OB33" s="345">
        <v>0</v>
      </c>
      <c r="OC33" s="345">
        <v>0</v>
      </c>
      <c r="OD33" s="345">
        <v>0</v>
      </c>
      <c r="OE33" s="345">
        <v>0</v>
      </c>
      <c r="OF33" s="345">
        <v>0</v>
      </c>
      <c r="OG33" s="349">
        <v>0</v>
      </c>
      <c r="OH33" s="350">
        <v>0</v>
      </c>
      <c r="OI33" s="348">
        <v>0</v>
      </c>
      <c r="OJ33" s="345">
        <v>800</v>
      </c>
      <c r="OK33" s="346">
        <v>800</v>
      </c>
      <c r="OL33" s="351">
        <v>0</v>
      </c>
      <c r="OM33" s="345">
        <v>794811</v>
      </c>
      <c r="ON33" s="345">
        <v>462653</v>
      </c>
      <c r="OO33" s="345">
        <v>485259</v>
      </c>
      <c r="OP33" s="345">
        <v>583864</v>
      </c>
      <c r="OQ33" s="345">
        <v>632082</v>
      </c>
      <c r="OR33" s="349">
        <v>2958669</v>
      </c>
      <c r="OS33" s="354">
        <v>2959469</v>
      </c>
    </row>
    <row r="34" spans="2:409" s="70" customFormat="1" ht="21" customHeight="1" x14ac:dyDescent="0.2">
      <c r="B34" s="410" t="s">
        <v>29</v>
      </c>
      <c r="C34" s="326">
        <v>98089</v>
      </c>
      <c r="D34" s="327">
        <v>58512</v>
      </c>
      <c r="E34" s="328">
        <v>156601</v>
      </c>
      <c r="F34" s="329">
        <v>0</v>
      </c>
      <c r="G34" s="327">
        <v>370622</v>
      </c>
      <c r="H34" s="327">
        <v>307813</v>
      </c>
      <c r="I34" s="327">
        <v>493335</v>
      </c>
      <c r="J34" s="327">
        <v>350309</v>
      </c>
      <c r="K34" s="327">
        <v>0</v>
      </c>
      <c r="L34" s="367">
        <v>1522079</v>
      </c>
      <c r="M34" s="330">
        <v>1678680</v>
      </c>
      <c r="N34" s="326">
        <v>37065</v>
      </c>
      <c r="O34" s="327">
        <v>35472</v>
      </c>
      <c r="P34" s="328">
        <v>72537</v>
      </c>
      <c r="Q34" s="326">
        <v>0</v>
      </c>
      <c r="R34" s="327">
        <v>29584</v>
      </c>
      <c r="S34" s="327">
        <v>147957</v>
      </c>
      <c r="T34" s="327">
        <v>177640</v>
      </c>
      <c r="U34" s="327">
        <v>212343</v>
      </c>
      <c r="V34" s="327">
        <v>0</v>
      </c>
      <c r="W34" s="328">
        <v>567524</v>
      </c>
      <c r="X34" s="330">
        <v>640061</v>
      </c>
      <c r="Y34" s="326">
        <v>0</v>
      </c>
      <c r="Z34" s="327">
        <v>0</v>
      </c>
      <c r="AA34" s="328">
        <v>0</v>
      </c>
      <c r="AB34" s="326">
        <v>0</v>
      </c>
      <c r="AC34" s="327">
        <v>0</v>
      </c>
      <c r="AD34" s="327">
        <v>96684</v>
      </c>
      <c r="AE34" s="327">
        <v>36968</v>
      </c>
      <c r="AF34" s="327">
        <v>197239</v>
      </c>
      <c r="AG34" s="327">
        <v>0</v>
      </c>
      <c r="AH34" s="328">
        <v>330891</v>
      </c>
      <c r="AI34" s="330">
        <v>330891</v>
      </c>
      <c r="AJ34" s="326">
        <v>0</v>
      </c>
      <c r="AK34" s="327">
        <v>0</v>
      </c>
      <c r="AL34" s="328">
        <v>0</v>
      </c>
      <c r="AM34" s="326">
        <v>0</v>
      </c>
      <c r="AN34" s="327">
        <v>0</v>
      </c>
      <c r="AO34" s="327">
        <v>0</v>
      </c>
      <c r="AP34" s="327">
        <v>0</v>
      </c>
      <c r="AQ34" s="327">
        <v>0</v>
      </c>
      <c r="AR34" s="327">
        <v>0</v>
      </c>
      <c r="AS34" s="328">
        <v>0</v>
      </c>
      <c r="AT34" s="330">
        <v>0</v>
      </c>
      <c r="AU34" s="326">
        <v>27433</v>
      </c>
      <c r="AV34" s="327">
        <v>35472</v>
      </c>
      <c r="AW34" s="328">
        <v>62905</v>
      </c>
      <c r="AX34" s="326">
        <v>0</v>
      </c>
      <c r="AY34" s="327">
        <v>19952</v>
      </c>
      <c r="AZ34" s="327">
        <v>20064</v>
      </c>
      <c r="BA34" s="327">
        <v>131040</v>
      </c>
      <c r="BB34" s="327">
        <v>0</v>
      </c>
      <c r="BC34" s="327">
        <v>0</v>
      </c>
      <c r="BD34" s="328">
        <v>171056</v>
      </c>
      <c r="BE34" s="330">
        <v>233961</v>
      </c>
      <c r="BF34" s="326">
        <v>0</v>
      </c>
      <c r="BG34" s="327">
        <v>0</v>
      </c>
      <c r="BH34" s="331">
        <v>0</v>
      </c>
      <c r="BI34" s="332">
        <v>0</v>
      </c>
      <c r="BJ34" s="327">
        <v>0</v>
      </c>
      <c r="BK34" s="327">
        <v>31209</v>
      </c>
      <c r="BL34" s="327">
        <v>0</v>
      </c>
      <c r="BM34" s="327">
        <v>0</v>
      </c>
      <c r="BN34" s="327">
        <v>0</v>
      </c>
      <c r="BO34" s="328">
        <v>31209</v>
      </c>
      <c r="BP34" s="330">
        <v>31209</v>
      </c>
      <c r="BQ34" s="326">
        <v>9632</v>
      </c>
      <c r="BR34" s="327">
        <v>0</v>
      </c>
      <c r="BS34" s="328">
        <v>9632</v>
      </c>
      <c r="BT34" s="326">
        <v>0</v>
      </c>
      <c r="BU34" s="327">
        <v>9632</v>
      </c>
      <c r="BV34" s="327">
        <v>0</v>
      </c>
      <c r="BW34" s="327">
        <v>9632</v>
      </c>
      <c r="BX34" s="327">
        <v>15104</v>
      </c>
      <c r="BY34" s="327">
        <v>0</v>
      </c>
      <c r="BZ34" s="328">
        <v>34368</v>
      </c>
      <c r="CA34" s="330">
        <v>44000</v>
      </c>
      <c r="CB34" s="326">
        <v>0</v>
      </c>
      <c r="CC34" s="327">
        <v>0</v>
      </c>
      <c r="CD34" s="328">
        <v>0</v>
      </c>
      <c r="CE34" s="326">
        <v>0</v>
      </c>
      <c r="CF34" s="327">
        <v>16272</v>
      </c>
      <c r="CG34" s="327">
        <v>108064</v>
      </c>
      <c r="CH34" s="327">
        <v>139534</v>
      </c>
      <c r="CI34" s="327">
        <v>97262</v>
      </c>
      <c r="CJ34" s="327">
        <v>0</v>
      </c>
      <c r="CK34" s="328">
        <v>361132</v>
      </c>
      <c r="CL34" s="330">
        <v>361132</v>
      </c>
      <c r="CM34" s="326">
        <v>0</v>
      </c>
      <c r="CN34" s="327">
        <v>0</v>
      </c>
      <c r="CO34" s="328">
        <v>0</v>
      </c>
      <c r="CP34" s="332">
        <v>0</v>
      </c>
      <c r="CQ34" s="327">
        <v>0</v>
      </c>
      <c r="CR34" s="327">
        <v>108064</v>
      </c>
      <c r="CS34" s="327">
        <v>83488</v>
      </c>
      <c r="CT34" s="327">
        <v>0</v>
      </c>
      <c r="CU34" s="327">
        <v>0</v>
      </c>
      <c r="CV34" s="328">
        <v>191552</v>
      </c>
      <c r="CW34" s="330">
        <v>191552</v>
      </c>
      <c r="CX34" s="326">
        <v>0</v>
      </c>
      <c r="CY34" s="327">
        <v>0</v>
      </c>
      <c r="CZ34" s="328">
        <v>0</v>
      </c>
      <c r="DA34" s="326">
        <v>0</v>
      </c>
      <c r="DB34" s="327">
        <v>16272</v>
      </c>
      <c r="DC34" s="327">
        <v>0</v>
      </c>
      <c r="DD34" s="327">
        <v>56046</v>
      </c>
      <c r="DE34" s="327">
        <v>97262</v>
      </c>
      <c r="DF34" s="327">
        <v>0</v>
      </c>
      <c r="DG34" s="328">
        <v>169580</v>
      </c>
      <c r="DH34" s="330">
        <v>169580</v>
      </c>
      <c r="DI34" s="326">
        <v>0</v>
      </c>
      <c r="DJ34" s="327">
        <v>0</v>
      </c>
      <c r="DK34" s="331">
        <v>0</v>
      </c>
      <c r="DL34" s="332">
        <v>0</v>
      </c>
      <c r="DM34" s="327">
        <v>0</v>
      </c>
      <c r="DN34" s="327">
        <v>16272</v>
      </c>
      <c r="DO34" s="327">
        <v>75241</v>
      </c>
      <c r="DP34" s="327">
        <v>0</v>
      </c>
      <c r="DQ34" s="327">
        <v>0</v>
      </c>
      <c r="DR34" s="328">
        <v>91513</v>
      </c>
      <c r="DS34" s="330">
        <v>91513</v>
      </c>
      <c r="DT34" s="326">
        <v>0</v>
      </c>
      <c r="DU34" s="327">
        <v>0</v>
      </c>
      <c r="DV34" s="328">
        <v>0</v>
      </c>
      <c r="DW34" s="326">
        <v>0</v>
      </c>
      <c r="DX34" s="327">
        <v>0</v>
      </c>
      <c r="DY34" s="327">
        <v>16272</v>
      </c>
      <c r="DZ34" s="327">
        <v>0</v>
      </c>
      <c r="EA34" s="327">
        <v>0</v>
      </c>
      <c r="EB34" s="327">
        <v>0</v>
      </c>
      <c r="EC34" s="328">
        <v>16272</v>
      </c>
      <c r="ED34" s="330">
        <v>16272</v>
      </c>
      <c r="EE34" s="326">
        <v>0</v>
      </c>
      <c r="EF34" s="331">
        <v>0</v>
      </c>
      <c r="EG34" s="328">
        <v>0</v>
      </c>
      <c r="EH34" s="326">
        <v>0</v>
      </c>
      <c r="EI34" s="327">
        <v>0</v>
      </c>
      <c r="EJ34" s="327">
        <v>0</v>
      </c>
      <c r="EK34" s="327">
        <v>75241</v>
      </c>
      <c r="EL34" s="327">
        <v>0</v>
      </c>
      <c r="EM34" s="327">
        <v>0</v>
      </c>
      <c r="EN34" s="331">
        <v>75241</v>
      </c>
      <c r="EO34" s="330">
        <v>75241</v>
      </c>
      <c r="EP34" s="326">
        <v>0</v>
      </c>
      <c r="EQ34" s="327">
        <v>0</v>
      </c>
      <c r="ER34" s="331">
        <v>0</v>
      </c>
      <c r="ES34" s="332">
        <v>0</v>
      </c>
      <c r="ET34" s="327">
        <v>0</v>
      </c>
      <c r="EU34" s="327">
        <v>0</v>
      </c>
      <c r="EV34" s="327">
        <v>0</v>
      </c>
      <c r="EW34" s="327">
        <v>0</v>
      </c>
      <c r="EX34" s="327">
        <v>0</v>
      </c>
      <c r="EY34" s="328">
        <v>0</v>
      </c>
      <c r="EZ34" s="330">
        <v>0</v>
      </c>
      <c r="FA34" s="326">
        <v>0</v>
      </c>
      <c r="FB34" s="327">
        <v>0</v>
      </c>
      <c r="FC34" s="331">
        <v>0</v>
      </c>
      <c r="FD34" s="332">
        <v>0</v>
      </c>
      <c r="FE34" s="327">
        <v>0</v>
      </c>
      <c r="FF34" s="327">
        <v>0</v>
      </c>
      <c r="FG34" s="327">
        <v>0</v>
      </c>
      <c r="FH34" s="327">
        <v>0</v>
      </c>
      <c r="FI34" s="327">
        <v>0</v>
      </c>
      <c r="FJ34" s="328">
        <v>0</v>
      </c>
      <c r="FK34" s="330">
        <v>0</v>
      </c>
      <c r="FL34" s="326">
        <v>7440</v>
      </c>
      <c r="FM34" s="327">
        <v>23040</v>
      </c>
      <c r="FN34" s="328">
        <v>30480</v>
      </c>
      <c r="FO34" s="326">
        <v>0</v>
      </c>
      <c r="FP34" s="327">
        <v>5600</v>
      </c>
      <c r="FQ34" s="327">
        <v>35520</v>
      </c>
      <c r="FR34" s="327">
        <v>100920</v>
      </c>
      <c r="FS34" s="327">
        <v>40704</v>
      </c>
      <c r="FT34" s="327">
        <v>0</v>
      </c>
      <c r="FU34" s="328">
        <v>182744</v>
      </c>
      <c r="FV34" s="330">
        <v>213224</v>
      </c>
      <c r="FW34" s="333">
        <v>7440</v>
      </c>
      <c r="FX34" s="327">
        <v>23040</v>
      </c>
      <c r="FY34" s="331">
        <v>30480</v>
      </c>
      <c r="FZ34" s="332">
        <v>0</v>
      </c>
      <c r="GA34" s="327">
        <v>5600</v>
      </c>
      <c r="GB34" s="327">
        <v>35520</v>
      </c>
      <c r="GC34" s="327">
        <v>100920</v>
      </c>
      <c r="GD34" s="327">
        <v>40704</v>
      </c>
      <c r="GE34" s="327">
        <v>0</v>
      </c>
      <c r="GF34" s="328">
        <v>182744</v>
      </c>
      <c r="GG34" s="334">
        <v>213224</v>
      </c>
      <c r="GH34" s="333">
        <v>0</v>
      </c>
      <c r="GI34" s="327">
        <v>0</v>
      </c>
      <c r="GJ34" s="331">
        <v>0</v>
      </c>
      <c r="GK34" s="332">
        <v>0</v>
      </c>
      <c r="GL34" s="327">
        <v>0</v>
      </c>
      <c r="GM34" s="327">
        <v>0</v>
      </c>
      <c r="GN34" s="327">
        <v>0</v>
      </c>
      <c r="GO34" s="327">
        <v>0</v>
      </c>
      <c r="GP34" s="327">
        <v>0</v>
      </c>
      <c r="GQ34" s="328">
        <v>0</v>
      </c>
      <c r="GR34" s="330">
        <v>0</v>
      </c>
      <c r="GS34" s="326">
        <v>0</v>
      </c>
      <c r="GT34" s="327">
        <v>0</v>
      </c>
      <c r="GU34" s="328">
        <v>0</v>
      </c>
      <c r="GV34" s="326">
        <v>0</v>
      </c>
      <c r="GW34" s="327">
        <v>0</v>
      </c>
      <c r="GX34" s="327">
        <v>0</v>
      </c>
      <c r="GY34" s="327">
        <v>0</v>
      </c>
      <c r="GZ34" s="327">
        <v>0</v>
      </c>
      <c r="HA34" s="327">
        <v>0</v>
      </c>
      <c r="HB34" s="331">
        <v>0</v>
      </c>
      <c r="HC34" s="330">
        <v>0</v>
      </c>
      <c r="HD34" s="326">
        <v>53584</v>
      </c>
      <c r="HE34" s="327">
        <v>0</v>
      </c>
      <c r="HF34" s="331">
        <v>53584</v>
      </c>
      <c r="HG34" s="332">
        <v>0</v>
      </c>
      <c r="HH34" s="327">
        <v>319166</v>
      </c>
      <c r="HI34" s="327">
        <v>0</v>
      </c>
      <c r="HJ34" s="327">
        <v>0</v>
      </c>
      <c r="HK34" s="327">
        <v>0</v>
      </c>
      <c r="HL34" s="327">
        <v>0</v>
      </c>
      <c r="HM34" s="328">
        <v>319166</v>
      </c>
      <c r="HN34" s="329">
        <v>372750</v>
      </c>
      <c r="HO34" s="333">
        <v>0</v>
      </c>
      <c r="HP34" s="327">
        <v>0</v>
      </c>
      <c r="HQ34" s="328">
        <v>0</v>
      </c>
      <c r="HR34" s="326">
        <v>0</v>
      </c>
      <c r="HS34" s="327">
        <v>0</v>
      </c>
      <c r="HT34" s="327">
        <v>0</v>
      </c>
      <c r="HU34" s="327">
        <v>0</v>
      </c>
      <c r="HV34" s="327">
        <v>0</v>
      </c>
      <c r="HW34" s="327">
        <v>0</v>
      </c>
      <c r="HX34" s="331">
        <v>0</v>
      </c>
      <c r="HY34" s="330">
        <v>0</v>
      </c>
      <c r="HZ34" s="358">
        <v>0</v>
      </c>
      <c r="IA34" s="356">
        <v>0</v>
      </c>
      <c r="IB34" s="358">
        <v>0</v>
      </c>
      <c r="IC34" s="355">
        <v>0</v>
      </c>
      <c r="ID34" s="356">
        <v>0</v>
      </c>
      <c r="IE34" s="357">
        <v>206176</v>
      </c>
      <c r="IF34" s="358">
        <v>190584</v>
      </c>
      <c r="IG34" s="356">
        <v>0</v>
      </c>
      <c r="IH34" s="358">
        <v>0</v>
      </c>
      <c r="II34" s="359">
        <v>396760</v>
      </c>
      <c r="IJ34" s="358">
        <v>396760</v>
      </c>
      <c r="IK34" s="342">
        <v>0</v>
      </c>
      <c r="IL34" s="343">
        <v>0</v>
      </c>
      <c r="IM34" s="344">
        <v>0</v>
      </c>
      <c r="IN34" s="404">
        <v>0</v>
      </c>
      <c r="IO34" s="345">
        <v>0</v>
      </c>
      <c r="IP34" s="345">
        <v>0</v>
      </c>
      <c r="IQ34" s="345">
        <v>149280</v>
      </c>
      <c r="IR34" s="345">
        <v>0</v>
      </c>
      <c r="IS34" s="345">
        <v>0</v>
      </c>
      <c r="IT34" s="346">
        <v>149280</v>
      </c>
      <c r="IU34" s="347">
        <v>149280</v>
      </c>
      <c r="IV34" s="348">
        <v>0</v>
      </c>
      <c r="IW34" s="345">
        <v>0</v>
      </c>
      <c r="IX34" s="349">
        <v>0</v>
      </c>
      <c r="IY34" s="404">
        <v>0</v>
      </c>
      <c r="IZ34" s="345">
        <v>0</v>
      </c>
      <c r="JA34" s="345">
        <v>0</v>
      </c>
      <c r="JB34" s="345">
        <v>0</v>
      </c>
      <c r="JC34" s="345">
        <v>0</v>
      </c>
      <c r="JD34" s="345">
        <v>0</v>
      </c>
      <c r="JE34" s="349">
        <v>0</v>
      </c>
      <c r="JF34" s="350">
        <v>0</v>
      </c>
      <c r="JG34" s="348">
        <v>0</v>
      </c>
      <c r="JH34" s="345">
        <v>0</v>
      </c>
      <c r="JI34" s="346">
        <v>0</v>
      </c>
      <c r="JJ34" s="351">
        <v>0</v>
      </c>
      <c r="JK34" s="345">
        <v>0</v>
      </c>
      <c r="JL34" s="345">
        <v>128968</v>
      </c>
      <c r="JM34" s="345">
        <v>16112</v>
      </c>
      <c r="JN34" s="345">
        <v>0</v>
      </c>
      <c r="JO34" s="345">
        <v>0</v>
      </c>
      <c r="JP34" s="349">
        <v>145080</v>
      </c>
      <c r="JQ34" s="347">
        <v>145080</v>
      </c>
      <c r="JR34" s="348">
        <v>0</v>
      </c>
      <c r="JS34" s="345">
        <v>0</v>
      </c>
      <c r="JT34" s="346">
        <v>0</v>
      </c>
      <c r="JU34" s="351">
        <v>0</v>
      </c>
      <c r="JV34" s="345">
        <v>0</v>
      </c>
      <c r="JW34" s="345">
        <v>77208</v>
      </c>
      <c r="JX34" s="345">
        <v>0</v>
      </c>
      <c r="JY34" s="345">
        <v>0</v>
      </c>
      <c r="JZ34" s="345">
        <v>0</v>
      </c>
      <c r="KA34" s="349">
        <v>77208</v>
      </c>
      <c r="KB34" s="347">
        <v>77208</v>
      </c>
      <c r="KC34" s="352">
        <v>0</v>
      </c>
      <c r="KD34" s="353">
        <v>0</v>
      </c>
      <c r="KE34" s="349">
        <v>0</v>
      </c>
      <c r="KF34" s="351">
        <v>0</v>
      </c>
      <c r="KG34" s="345">
        <v>0</v>
      </c>
      <c r="KH34" s="345">
        <v>0</v>
      </c>
      <c r="KI34" s="345">
        <v>0</v>
      </c>
      <c r="KJ34" s="345">
        <v>0</v>
      </c>
      <c r="KK34" s="345">
        <v>0</v>
      </c>
      <c r="KL34" s="349">
        <v>0</v>
      </c>
      <c r="KM34" s="354">
        <v>0</v>
      </c>
      <c r="KN34" s="342">
        <v>0</v>
      </c>
      <c r="KO34" s="343">
        <v>0</v>
      </c>
      <c r="KP34" s="344">
        <v>0</v>
      </c>
      <c r="KQ34" s="404">
        <v>0</v>
      </c>
      <c r="KR34" s="345">
        <v>0</v>
      </c>
      <c r="KS34" s="345">
        <v>0</v>
      </c>
      <c r="KT34" s="345">
        <v>0</v>
      </c>
      <c r="KU34" s="345">
        <v>0</v>
      </c>
      <c r="KV34" s="345">
        <v>0</v>
      </c>
      <c r="KW34" s="349">
        <v>0</v>
      </c>
      <c r="KX34" s="347">
        <v>0</v>
      </c>
      <c r="KY34" s="348">
        <v>0</v>
      </c>
      <c r="KZ34" s="345">
        <v>0</v>
      </c>
      <c r="LA34" s="349">
        <v>0</v>
      </c>
      <c r="LB34" s="404">
        <v>0</v>
      </c>
      <c r="LC34" s="345">
        <v>0</v>
      </c>
      <c r="LD34" s="345">
        <v>0</v>
      </c>
      <c r="LE34" s="345">
        <v>0</v>
      </c>
      <c r="LF34" s="345">
        <v>0</v>
      </c>
      <c r="LG34" s="345">
        <v>0</v>
      </c>
      <c r="LH34" s="349">
        <v>0</v>
      </c>
      <c r="LI34" s="350">
        <v>0</v>
      </c>
      <c r="LJ34" s="348">
        <v>0</v>
      </c>
      <c r="LK34" s="345">
        <v>0</v>
      </c>
      <c r="LL34" s="349">
        <v>0</v>
      </c>
      <c r="LM34" s="404">
        <v>0</v>
      </c>
      <c r="LN34" s="345">
        <v>0</v>
      </c>
      <c r="LO34" s="345">
        <v>0</v>
      </c>
      <c r="LP34" s="345">
        <v>25192</v>
      </c>
      <c r="LQ34" s="345">
        <v>0</v>
      </c>
      <c r="LR34" s="345">
        <v>0</v>
      </c>
      <c r="LS34" s="349">
        <v>25192</v>
      </c>
      <c r="LT34" s="347">
        <v>25192</v>
      </c>
      <c r="LU34" s="348">
        <v>0</v>
      </c>
      <c r="LV34" s="345">
        <v>0</v>
      </c>
      <c r="LW34" s="349">
        <v>0</v>
      </c>
      <c r="LX34" s="404">
        <v>0</v>
      </c>
      <c r="LY34" s="345">
        <v>0</v>
      </c>
      <c r="LZ34" s="345">
        <v>0</v>
      </c>
      <c r="MA34" s="345">
        <v>0</v>
      </c>
      <c r="MB34" s="345">
        <v>0</v>
      </c>
      <c r="MC34" s="345">
        <v>0</v>
      </c>
      <c r="MD34" s="349">
        <v>0</v>
      </c>
      <c r="ME34" s="350">
        <v>0</v>
      </c>
      <c r="MF34" s="348">
        <v>0</v>
      </c>
      <c r="MG34" s="345">
        <v>0</v>
      </c>
      <c r="MH34" s="349">
        <v>0</v>
      </c>
      <c r="MI34" s="404">
        <v>0</v>
      </c>
      <c r="MJ34" s="345">
        <v>0</v>
      </c>
      <c r="MK34" s="345">
        <v>0</v>
      </c>
      <c r="ML34" s="345">
        <v>0</v>
      </c>
      <c r="MM34" s="345">
        <v>0</v>
      </c>
      <c r="MN34" s="345">
        <v>618546</v>
      </c>
      <c r="MO34" s="349">
        <v>618546</v>
      </c>
      <c r="MP34" s="354">
        <v>618546</v>
      </c>
      <c r="MQ34" s="348">
        <v>0</v>
      </c>
      <c r="MR34" s="345">
        <v>0</v>
      </c>
      <c r="MS34" s="349">
        <v>0</v>
      </c>
      <c r="MT34" s="404">
        <v>0</v>
      </c>
      <c r="MU34" s="345">
        <v>0</v>
      </c>
      <c r="MV34" s="345">
        <v>0</v>
      </c>
      <c r="MW34" s="345">
        <v>0</v>
      </c>
      <c r="MX34" s="345">
        <v>0</v>
      </c>
      <c r="MY34" s="345">
        <v>278980</v>
      </c>
      <c r="MZ34" s="349">
        <v>278980</v>
      </c>
      <c r="NA34" s="354">
        <v>278980</v>
      </c>
      <c r="NB34" s="348">
        <v>0</v>
      </c>
      <c r="NC34" s="345">
        <v>0</v>
      </c>
      <c r="ND34" s="349">
        <v>0</v>
      </c>
      <c r="NE34" s="404">
        <v>0</v>
      </c>
      <c r="NF34" s="345">
        <v>0</v>
      </c>
      <c r="NG34" s="345">
        <v>0</v>
      </c>
      <c r="NH34" s="345">
        <v>0</v>
      </c>
      <c r="NI34" s="345">
        <v>0</v>
      </c>
      <c r="NJ34" s="345">
        <v>339566</v>
      </c>
      <c r="NK34" s="349">
        <v>339566</v>
      </c>
      <c r="NL34" s="347">
        <v>339566</v>
      </c>
      <c r="NM34" s="348">
        <v>0</v>
      </c>
      <c r="NN34" s="345">
        <v>0</v>
      </c>
      <c r="NO34" s="349">
        <v>0</v>
      </c>
      <c r="NP34" s="404">
        <v>0</v>
      </c>
      <c r="NQ34" s="345">
        <v>0</v>
      </c>
      <c r="NR34" s="345">
        <v>0</v>
      </c>
      <c r="NS34" s="345">
        <v>0</v>
      </c>
      <c r="NT34" s="345">
        <v>0</v>
      </c>
      <c r="NU34" s="345">
        <v>0</v>
      </c>
      <c r="NV34" s="349">
        <v>0</v>
      </c>
      <c r="NW34" s="350">
        <v>0</v>
      </c>
      <c r="NX34" s="348">
        <v>0</v>
      </c>
      <c r="NY34" s="345">
        <v>0</v>
      </c>
      <c r="NZ34" s="349">
        <v>0</v>
      </c>
      <c r="OA34" s="404">
        <v>0</v>
      </c>
      <c r="OB34" s="345">
        <v>0</v>
      </c>
      <c r="OC34" s="345">
        <v>0</v>
      </c>
      <c r="OD34" s="345">
        <v>0</v>
      </c>
      <c r="OE34" s="345">
        <v>0</v>
      </c>
      <c r="OF34" s="345">
        <v>0</v>
      </c>
      <c r="OG34" s="349">
        <v>0</v>
      </c>
      <c r="OH34" s="350">
        <v>0</v>
      </c>
      <c r="OI34" s="348">
        <v>98089</v>
      </c>
      <c r="OJ34" s="345">
        <v>58512</v>
      </c>
      <c r="OK34" s="346">
        <v>156601</v>
      </c>
      <c r="OL34" s="351">
        <v>0</v>
      </c>
      <c r="OM34" s="345">
        <v>370622</v>
      </c>
      <c r="ON34" s="345">
        <v>513989</v>
      </c>
      <c r="OO34" s="345">
        <v>683919</v>
      </c>
      <c r="OP34" s="345">
        <v>350309</v>
      </c>
      <c r="OQ34" s="345">
        <v>618546</v>
      </c>
      <c r="OR34" s="349">
        <v>2537385</v>
      </c>
      <c r="OS34" s="354">
        <v>2693986</v>
      </c>
    </row>
    <row r="35" spans="2:409" s="70" customFormat="1" ht="21" customHeight="1" x14ac:dyDescent="0.2">
      <c r="B35" s="410" t="s">
        <v>30</v>
      </c>
      <c r="C35" s="326">
        <v>9280</v>
      </c>
      <c r="D35" s="327">
        <v>95350</v>
      </c>
      <c r="E35" s="368">
        <v>104630</v>
      </c>
      <c r="F35" s="370">
        <v>0</v>
      </c>
      <c r="G35" s="369">
        <v>255312</v>
      </c>
      <c r="H35" s="369">
        <v>812148</v>
      </c>
      <c r="I35" s="369">
        <v>197104</v>
      </c>
      <c r="J35" s="369">
        <v>619424</v>
      </c>
      <c r="K35" s="369">
        <v>322896</v>
      </c>
      <c r="L35" s="370">
        <v>2206884</v>
      </c>
      <c r="M35" s="330">
        <v>2311514</v>
      </c>
      <c r="N35" s="326">
        <v>9280</v>
      </c>
      <c r="O35" s="327">
        <v>53424</v>
      </c>
      <c r="P35" s="328">
        <v>62704</v>
      </c>
      <c r="Q35" s="326">
        <v>0</v>
      </c>
      <c r="R35" s="327">
        <v>23214</v>
      </c>
      <c r="S35" s="327">
        <v>62232</v>
      </c>
      <c r="T35" s="327">
        <v>112072</v>
      </c>
      <c r="U35" s="327">
        <v>239528</v>
      </c>
      <c r="V35" s="327">
        <v>274264</v>
      </c>
      <c r="W35" s="328">
        <v>711310</v>
      </c>
      <c r="X35" s="330">
        <v>774014</v>
      </c>
      <c r="Y35" s="326">
        <v>0</v>
      </c>
      <c r="Z35" s="327">
        <v>0</v>
      </c>
      <c r="AA35" s="328">
        <v>0</v>
      </c>
      <c r="AB35" s="326">
        <v>0</v>
      </c>
      <c r="AC35" s="327">
        <v>23214</v>
      </c>
      <c r="AD35" s="327">
        <v>0</v>
      </c>
      <c r="AE35" s="327">
        <v>25848</v>
      </c>
      <c r="AF35" s="327">
        <v>66896</v>
      </c>
      <c r="AG35" s="327">
        <v>201768</v>
      </c>
      <c r="AH35" s="328">
        <v>317726</v>
      </c>
      <c r="AI35" s="330">
        <v>317726</v>
      </c>
      <c r="AJ35" s="326">
        <v>0</v>
      </c>
      <c r="AK35" s="327">
        <v>0</v>
      </c>
      <c r="AL35" s="328">
        <v>0</v>
      </c>
      <c r="AM35" s="326">
        <v>0</v>
      </c>
      <c r="AN35" s="327">
        <v>0</v>
      </c>
      <c r="AO35" s="327">
        <v>0</v>
      </c>
      <c r="AP35" s="327">
        <v>0</v>
      </c>
      <c r="AQ35" s="327">
        <v>80816</v>
      </c>
      <c r="AR35" s="327">
        <v>0</v>
      </c>
      <c r="AS35" s="328">
        <v>80816</v>
      </c>
      <c r="AT35" s="330">
        <v>80816</v>
      </c>
      <c r="AU35" s="326">
        <v>9280</v>
      </c>
      <c r="AV35" s="327">
        <v>53424</v>
      </c>
      <c r="AW35" s="328">
        <v>62704</v>
      </c>
      <c r="AX35" s="326">
        <v>0</v>
      </c>
      <c r="AY35" s="327">
        <v>0</v>
      </c>
      <c r="AZ35" s="327">
        <v>32640</v>
      </c>
      <c r="BA35" s="327">
        <v>48160</v>
      </c>
      <c r="BB35" s="327">
        <v>78744</v>
      </c>
      <c r="BC35" s="327">
        <v>72496</v>
      </c>
      <c r="BD35" s="328">
        <v>232040</v>
      </c>
      <c r="BE35" s="330">
        <v>294744</v>
      </c>
      <c r="BF35" s="326">
        <v>0</v>
      </c>
      <c r="BG35" s="327">
        <v>0</v>
      </c>
      <c r="BH35" s="331">
        <v>0</v>
      </c>
      <c r="BI35" s="332">
        <v>0</v>
      </c>
      <c r="BJ35" s="327">
        <v>0</v>
      </c>
      <c r="BK35" s="327">
        <v>0</v>
      </c>
      <c r="BL35" s="327">
        <v>0</v>
      </c>
      <c r="BM35" s="327">
        <v>0</v>
      </c>
      <c r="BN35" s="327">
        <v>0</v>
      </c>
      <c r="BO35" s="328">
        <v>0</v>
      </c>
      <c r="BP35" s="330">
        <v>0</v>
      </c>
      <c r="BQ35" s="326">
        <v>0</v>
      </c>
      <c r="BR35" s="327">
        <v>0</v>
      </c>
      <c r="BS35" s="328">
        <v>0</v>
      </c>
      <c r="BT35" s="326">
        <v>0</v>
      </c>
      <c r="BU35" s="327">
        <v>0</v>
      </c>
      <c r="BV35" s="327">
        <v>29592</v>
      </c>
      <c r="BW35" s="327">
        <v>38064</v>
      </c>
      <c r="BX35" s="327">
        <v>13072</v>
      </c>
      <c r="BY35" s="327">
        <v>0</v>
      </c>
      <c r="BZ35" s="328">
        <v>80728</v>
      </c>
      <c r="CA35" s="330">
        <v>80728</v>
      </c>
      <c r="CB35" s="326">
        <v>0</v>
      </c>
      <c r="CC35" s="327">
        <v>39526</v>
      </c>
      <c r="CD35" s="328">
        <v>39526</v>
      </c>
      <c r="CE35" s="326">
        <v>0</v>
      </c>
      <c r="CF35" s="327">
        <v>205738</v>
      </c>
      <c r="CG35" s="327">
        <v>21017</v>
      </c>
      <c r="CH35" s="327">
        <v>0</v>
      </c>
      <c r="CI35" s="327">
        <v>124400</v>
      </c>
      <c r="CJ35" s="327">
        <v>36552</v>
      </c>
      <c r="CK35" s="328">
        <v>387707</v>
      </c>
      <c r="CL35" s="330">
        <v>427233</v>
      </c>
      <c r="CM35" s="326">
        <v>0</v>
      </c>
      <c r="CN35" s="327">
        <v>0</v>
      </c>
      <c r="CO35" s="328">
        <v>0</v>
      </c>
      <c r="CP35" s="332">
        <v>0</v>
      </c>
      <c r="CQ35" s="327">
        <v>141040</v>
      </c>
      <c r="CR35" s="327">
        <v>21017</v>
      </c>
      <c r="CS35" s="327">
        <v>0</v>
      </c>
      <c r="CT35" s="327">
        <v>124400</v>
      </c>
      <c r="CU35" s="327">
        <v>36552</v>
      </c>
      <c r="CV35" s="328">
        <v>323009</v>
      </c>
      <c r="CW35" s="330">
        <v>323009</v>
      </c>
      <c r="CX35" s="326">
        <v>0</v>
      </c>
      <c r="CY35" s="327">
        <v>39526</v>
      </c>
      <c r="CZ35" s="328">
        <v>39526</v>
      </c>
      <c r="DA35" s="326">
        <v>0</v>
      </c>
      <c r="DB35" s="327">
        <v>64698</v>
      </c>
      <c r="DC35" s="327">
        <v>0</v>
      </c>
      <c r="DD35" s="327">
        <v>0</v>
      </c>
      <c r="DE35" s="327">
        <v>0</v>
      </c>
      <c r="DF35" s="327">
        <v>0</v>
      </c>
      <c r="DG35" s="328">
        <v>64698</v>
      </c>
      <c r="DH35" s="330">
        <v>104224</v>
      </c>
      <c r="DI35" s="326">
        <v>0</v>
      </c>
      <c r="DJ35" s="327">
        <v>0</v>
      </c>
      <c r="DK35" s="331">
        <v>0</v>
      </c>
      <c r="DL35" s="332">
        <v>0</v>
      </c>
      <c r="DM35" s="327">
        <v>13336</v>
      </c>
      <c r="DN35" s="327">
        <v>0</v>
      </c>
      <c r="DO35" s="327">
        <v>73432</v>
      </c>
      <c r="DP35" s="327">
        <v>0</v>
      </c>
      <c r="DQ35" s="327">
        <v>0</v>
      </c>
      <c r="DR35" s="328">
        <v>86768</v>
      </c>
      <c r="DS35" s="330">
        <v>86768</v>
      </c>
      <c r="DT35" s="326">
        <v>0</v>
      </c>
      <c r="DU35" s="327">
        <v>0</v>
      </c>
      <c r="DV35" s="328">
        <v>0</v>
      </c>
      <c r="DW35" s="326">
        <v>0</v>
      </c>
      <c r="DX35" s="327">
        <v>13336</v>
      </c>
      <c r="DY35" s="327">
        <v>0</v>
      </c>
      <c r="DZ35" s="327">
        <v>73432</v>
      </c>
      <c r="EA35" s="327">
        <v>0</v>
      </c>
      <c r="EB35" s="327">
        <v>0</v>
      </c>
      <c r="EC35" s="328">
        <v>86768</v>
      </c>
      <c r="ED35" s="330">
        <v>86768</v>
      </c>
      <c r="EE35" s="326">
        <v>0</v>
      </c>
      <c r="EF35" s="331">
        <v>0</v>
      </c>
      <c r="EG35" s="328">
        <v>0</v>
      </c>
      <c r="EH35" s="326">
        <v>0</v>
      </c>
      <c r="EI35" s="327">
        <v>0</v>
      </c>
      <c r="EJ35" s="327">
        <v>0</v>
      </c>
      <c r="EK35" s="327">
        <v>0</v>
      </c>
      <c r="EL35" s="327">
        <v>0</v>
      </c>
      <c r="EM35" s="327">
        <v>0</v>
      </c>
      <c r="EN35" s="331">
        <v>0</v>
      </c>
      <c r="EO35" s="330">
        <v>0</v>
      </c>
      <c r="EP35" s="326">
        <v>0</v>
      </c>
      <c r="EQ35" s="327">
        <v>0</v>
      </c>
      <c r="ER35" s="331">
        <v>0</v>
      </c>
      <c r="ES35" s="332">
        <v>0</v>
      </c>
      <c r="ET35" s="327">
        <v>0</v>
      </c>
      <c r="EU35" s="327">
        <v>0</v>
      </c>
      <c r="EV35" s="327">
        <v>0</v>
      </c>
      <c r="EW35" s="327">
        <v>0</v>
      </c>
      <c r="EX35" s="327">
        <v>0</v>
      </c>
      <c r="EY35" s="328">
        <v>0</v>
      </c>
      <c r="EZ35" s="330">
        <v>0</v>
      </c>
      <c r="FA35" s="326">
        <v>0</v>
      </c>
      <c r="FB35" s="327">
        <v>0</v>
      </c>
      <c r="FC35" s="331">
        <v>0</v>
      </c>
      <c r="FD35" s="332">
        <v>0</v>
      </c>
      <c r="FE35" s="327">
        <v>0</v>
      </c>
      <c r="FF35" s="327">
        <v>0</v>
      </c>
      <c r="FG35" s="327">
        <v>0</v>
      </c>
      <c r="FH35" s="327">
        <v>0</v>
      </c>
      <c r="FI35" s="327">
        <v>0</v>
      </c>
      <c r="FJ35" s="328">
        <v>0</v>
      </c>
      <c r="FK35" s="330">
        <v>0</v>
      </c>
      <c r="FL35" s="326">
        <v>0</v>
      </c>
      <c r="FM35" s="327">
        <v>2400</v>
      </c>
      <c r="FN35" s="328">
        <v>2400</v>
      </c>
      <c r="FO35" s="326">
        <v>0</v>
      </c>
      <c r="FP35" s="327">
        <v>13024</v>
      </c>
      <c r="FQ35" s="327">
        <v>7392</v>
      </c>
      <c r="FR35" s="327">
        <v>11600</v>
      </c>
      <c r="FS35" s="327">
        <v>43040</v>
      </c>
      <c r="FT35" s="327">
        <v>12080</v>
      </c>
      <c r="FU35" s="328">
        <v>87136</v>
      </c>
      <c r="FV35" s="330">
        <v>89536</v>
      </c>
      <c r="FW35" s="333">
        <v>0</v>
      </c>
      <c r="FX35" s="327">
        <v>2400</v>
      </c>
      <c r="FY35" s="331">
        <v>2400</v>
      </c>
      <c r="FZ35" s="332">
        <v>0</v>
      </c>
      <c r="GA35" s="327">
        <v>13024</v>
      </c>
      <c r="GB35" s="327">
        <v>7392</v>
      </c>
      <c r="GC35" s="327">
        <v>11600</v>
      </c>
      <c r="GD35" s="327">
        <v>43040</v>
      </c>
      <c r="GE35" s="327">
        <v>12080</v>
      </c>
      <c r="GF35" s="328">
        <v>87136</v>
      </c>
      <c r="GG35" s="334">
        <v>89536</v>
      </c>
      <c r="GH35" s="333">
        <v>0</v>
      </c>
      <c r="GI35" s="327">
        <v>0</v>
      </c>
      <c r="GJ35" s="331">
        <v>0</v>
      </c>
      <c r="GK35" s="332">
        <v>0</v>
      </c>
      <c r="GL35" s="327">
        <v>0</v>
      </c>
      <c r="GM35" s="327">
        <v>0</v>
      </c>
      <c r="GN35" s="327">
        <v>0</v>
      </c>
      <c r="GO35" s="327">
        <v>0</v>
      </c>
      <c r="GP35" s="327">
        <v>0</v>
      </c>
      <c r="GQ35" s="328">
        <v>0</v>
      </c>
      <c r="GR35" s="330">
        <v>0</v>
      </c>
      <c r="GS35" s="326">
        <v>0</v>
      </c>
      <c r="GT35" s="327">
        <v>0</v>
      </c>
      <c r="GU35" s="328">
        <v>0</v>
      </c>
      <c r="GV35" s="326">
        <v>0</v>
      </c>
      <c r="GW35" s="327">
        <v>0</v>
      </c>
      <c r="GX35" s="327">
        <v>0</v>
      </c>
      <c r="GY35" s="327">
        <v>0</v>
      </c>
      <c r="GZ35" s="327">
        <v>0</v>
      </c>
      <c r="HA35" s="327">
        <v>0</v>
      </c>
      <c r="HB35" s="331">
        <v>0</v>
      </c>
      <c r="HC35" s="330">
        <v>0</v>
      </c>
      <c r="HD35" s="326">
        <v>0</v>
      </c>
      <c r="HE35" s="327">
        <v>0</v>
      </c>
      <c r="HF35" s="331">
        <v>0</v>
      </c>
      <c r="HG35" s="332">
        <v>0</v>
      </c>
      <c r="HH35" s="327">
        <v>0</v>
      </c>
      <c r="HI35" s="327">
        <v>721507</v>
      </c>
      <c r="HJ35" s="327">
        <v>0</v>
      </c>
      <c r="HK35" s="327">
        <v>212456</v>
      </c>
      <c r="HL35" s="327">
        <v>0</v>
      </c>
      <c r="HM35" s="328">
        <v>933963</v>
      </c>
      <c r="HN35" s="329">
        <v>933963</v>
      </c>
      <c r="HO35" s="333">
        <v>0</v>
      </c>
      <c r="HP35" s="327">
        <v>0</v>
      </c>
      <c r="HQ35" s="328">
        <v>0</v>
      </c>
      <c r="HR35" s="326">
        <v>0</v>
      </c>
      <c r="HS35" s="327">
        <v>0</v>
      </c>
      <c r="HT35" s="327">
        <v>0</v>
      </c>
      <c r="HU35" s="327">
        <v>0</v>
      </c>
      <c r="HV35" s="327">
        <v>0</v>
      </c>
      <c r="HW35" s="327">
        <v>0</v>
      </c>
      <c r="HX35" s="331">
        <v>0</v>
      </c>
      <c r="HY35" s="330">
        <v>0</v>
      </c>
      <c r="HZ35" s="335">
        <v>0</v>
      </c>
      <c r="IA35" s="336">
        <v>0</v>
      </c>
      <c r="IB35" s="337">
        <v>0</v>
      </c>
      <c r="IC35" s="338">
        <v>0</v>
      </c>
      <c r="ID35" s="336">
        <v>0</v>
      </c>
      <c r="IE35" s="339">
        <v>0</v>
      </c>
      <c r="IF35" s="337">
        <v>308608</v>
      </c>
      <c r="IG35" s="336">
        <v>0</v>
      </c>
      <c r="IH35" s="337">
        <v>0</v>
      </c>
      <c r="II35" s="340">
        <v>308608</v>
      </c>
      <c r="IJ35" s="341">
        <v>308608</v>
      </c>
      <c r="IK35" s="342">
        <v>0</v>
      </c>
      <c r="IL35" s="343">
        <v>0</v>
      </c>
      <c r="IM35" s="344">
        <v>0</v>
      </c>
      <c r="IN35" s="404">
        <v>0</v>
      </c>
      <c r="IO35" s="345">
        <v>0</v>
      </c>
      <c r="IP35" s="345">
        <v>0</v>
      </c>
      <c r="IQ35" s="345">
        <v>0</v>
      </c>
      <c r="IR35" s="345">
        <v>0</v>
      </c>
      <c r="IS35" s="345">
        <v>0</v>
      </c>
      <c r="IT35" s="346">
        <v>0</v>
      </c>
      <c r="IU35" s="347">
        <v>0</v>
      </c>
      <c r="IV35" s="348">
        <v>0</v>
      </c>
      <c r="IW35" s="345">
        <v>0</v>
      </c>
      <c r="IX35" s="349">
        <v>0</v>
      </c>
      <c r="IY35" s="404">
        <v>0</v>
      </c>
      <c r="IZ35" s="345">
        <v>0</v>
      </c>
      <c r="JA35" s="345">
        <v>0</v>
      </c>
      <c r="JB35" s="345">
        <v>0</v>
      </c>
      <c r="JC35" s="345">
        <v>0</v>
      </c>
      <c r="JD35" s="345">
        <v>0</v>
      </c>
      <c r="JE35" s="349">
        <v>0</v>
      </c>
      <c r="JF35" s="350">
        <v>0</v>
      </c>
      <c r="JG35" s="348">
        <v>0</v>
      </c>
      <c r="JH35" s="345">
        <v>0</v>
      </c>
      <c r="JI35" s="346">
        <v>0</v>
      </c>
      <c r="JJ35" s="351">
        <v>0</v>
      </c>
      <c r="JK35" s="345">
        <v>0</v>
      </c>
      <c r="JL35" s="345">
        <v>0</v>
      </c>
      <c r="JM35" s="345">
        <v>59256</v>
      </c>
      <c r="JN35" s="345">
        <v>0</v>
      </c>
      <c r="JO35" s="345">
        <v>0</v>
      </c>
      <c r="JP35" s="349">
        <v>59256</v>
      </c>
      <c r="JQ35" s="347">
        <v>59256</v>
      </c>
      <c r="JR35" s="348">
        <v>0</v>
      </c>
      <c r="JS35" s="345">
        <v>0</v>
      </c>
      <c r="JT35" s="346">
        <v>0</v>
      </c>
      <c r="JU35" s="351">
        <v>0</v>
      </c>
      <c r="JV35" s="345">
        <v>0</v>
      </c>
      <c r="JW35" s="345">
        <v>0</v>
      </c>
      <c r="JX35" s="345">
        <v>0</v>
      </c>
      <c r="JY35" s="345">
        <v>0</v>
      </c>
      <c r="JZ35" s="345">
        <v>0</v>
      </c>
      <c r="KA35" s="349">
        <v>0</v>
      </c>
      <c r="KB35" s="347">
        <v>0</v>
      </c>
      <c r="KC35" s="352">
        <v>0</v>
      </c>
      <c r="KD35" s="353">
        <v>0</v>
      </c>
      <c r="KE35" s="349">
        <v>0</v>
      </c>
      <c r="KF35" s="351">
        <v>0</v>
      </c>
      <c r="KG35" s="345">
        <v>0</v>
      </c>
      <c r="KH35" s="345">
        <v>0</v>
      </c>
      <c r="KI35" s="345">
        <v>0</v>
      </c>
      <c r="KJ35" s="345">
        <v>0</v>
      </c>
      <c r="KK35" s="345">
        <v>0</v>
      </c>
      <c r="KL35" s="349">
        <v>0</v>
      </c>
      <c r="KM35" s="354">
        <v>0</v>
      </c>
      <c r="KN35" s="342">
        <v>0</v>
      </c>
      <c r="KO35" s="343">
        <v>0</v>
      </c>
      <c r="KP35" s="344">
        <v>0</v>
      </c>
      <c r="KQ35" s="404">
        <v>0</v>
      </c>
      <c r="KR35" s="345">
        <v>0</v>
      </c>
      <c r="KS35" s="345">
        <v>0</v>
      </c>
      <c r="KT35" s="345">
        <v>249352</v>
      </c>
      <c r="KU35" s="345">
        <v>0</v>
      </c>
      <c r="KV35" s="345">
        <v>0</v>
      </c>
      <c r="KW35" s="349">
        <v>249352</v>
      </c>
      <c r="KX35" s="347">
        <v>249352</v>
      </c>
      <c r="KY35" s="348">
        <v>0</v>
      </c>
      <c r="KZ35" s="345">
        <v>0</v>
      </c>
      <c r="LA35" s="349">
        <v>0</v>
      </c>
      <c r="LB35" s="404">
        <v>0</v>
      </c>
      <c r="LC35" s="345">
        <v>0</v>
      </c>
      <c r="LD35" s="345">
        <v>0</v>
      </c>
      <c r="LE35" s="345">
        <v>0</v>
      </c>
      <c r="LF35" s="345">
        <v>0</v>
      </c>
      <c r="LG35" s="345">
        <v>0</v>
      </c>
      <c r="LH35" s="349">
        <v>0</v>
      </c>
      <c r="LI35" s="350">
        <v>0</v>
      </c>
      <c r="LJ35" s="348">
        <v>0</v>
      </c>
      <c r="LK35" s="345">
        <v>0</v>
      </c>
      <c r="LL35" s="349">
        <v>0</v>
      </c>
      <c r="LM35" s="404">
        <v>0</v>
      </c>
      <c r="LN35" s="345">
        <v>0</v>
      </c>
      <c r="LO35" s="345">
        <v>0</v>
      </c>
      <c r="LP35" s="345">
        <v>0</v>
      </c>
      <c r="LQ35" s="345">
        <v>0</v>
      </c>
      <c r="LR35" s="345">
        <v>0</v>
      </c>
      <c r="LS35" s="349">
        <v>0</v>
      </c>
      <c r="LT35" s="347">
        <v>0</v>
      </c>
      <c r="LU35" s="348">
        <v>0</v>
      </c>
      <c r="LV35" s="345">
        <v>0</v>
      </c>
      <c r="LW35" s="349">
        <v>0</v>
      </c>
      <c r="LX35" s="404">
        <v>0</v>
      </c>
      <c r="LY35" s="345">
        <v>0</v>
      </c>
      <c r="LZ35" s="345">
        <v>0</v>
      </c>
      <c r="MA35" s="345">
        <v>0</v>
      </c>
      <c r="MB35" s="345">
        <v>0</v>
      </c>
      <c r="MC35" s="345">
        <v>0</v>
      </c>
      <c r="MD35" s="349">
        <v>0</v>
      </c>
      <c r="ME35" s="350">
        <v>0</v>
      </c>
      <c r="MF35" s="348">
        <v>0</v>
      </c>
      <c r="MG35" s="345">
        <v>0</v>
      </c>
      <c r="MH35" s="349">
        <v>0</v>
      </c>
      <c r="MI35" s="404">
        <v>0</v>
      </c>
      <c r="MJ35" s="345">
        <v>0</v>
      </c>
      <c r="MK35" s="345">
        <v>116131</v>
      </c>
      <c r="ML35" s="345">
        <v>515180</v>
      </c>
      <c r="MM35" s="345">
        <v>1352637</v>
      </c>
      <c r="MN35" s="345">
        <v>138128</v>
      </c>
      <c r="MO35" s="349">
        <v>2122076</v>
      </c>
      <c r="MP35" s="354">
        <v>2122076</v>
      </c>
      <c r="MQ35" s="348">
        <v>0</v>
      </c>
      <c r="MR35" s="345">
        <v>0</v>
      </c>
      <c r="MS35" s="349">
        <v>0</v>
      </c>
      <c r="MT35" s="404">
        <v>0</v>
      </c>
      <c r="MU35" s="345">
        <v>0</v>
      </c>
      <c r="MV35" s="345">
        <v>0</v>
      </c>
      <c r="MW35" s="345">
        <v>253320</v>
      </c>
      <c r="MX35" s="345">
        <v>499168</v>
      </c>
      <c r="MY35" s="345">
        <v>138128</v>
      </c>
      <c r="MZ35" s="349">
        <v>890616</v>
      </c>
      <c r="NA35" s="354">
        <v>890616</v>
      </c>
      <c r="NB35" s="348">
        <v>0</v>
      </c>
      <c r="NC35" s="345">
        <v>0</v>
      </c>
      <c r="ND35" s="349">
        <v>0</v>
      </c>
      <c r="NE35" s="404">
        <v>0</v>
      </c>
      <c r="NF35" s="345">
        <v>0</v>
      </c>
      <c r="NG35" s="345">
        <v>116131</v>
      </c>
      <c r="NH35" s="345">
        <v>261860</v>
      </c>
      <c r="NI35" s="345">
        <v>853469</v>
      </c>
      <c r="NJ35" s="345">
        <v>0</v>
      </c>
      <c r="NK35" s="349">
        <v>1231460</v>
      </c>
      <c r="NL35" s="347">
        <v>1231460</v>
      </c>
      <c r="NM35" s="348">
        <v>0</v>
      </c>
      <c r="NN35" s="345">
        <v>0</v>
      </c>
      <c r="NO35" s="349">
        <v>0</v>
      </c>
      <c r="NP35" s="404">
        <v>0</v>
      </c>
      <c r="NQ35" s="345">
        <v>0</v>
      </c>
      <c r="NR35" s="345">
        <v>0</v>
      </c>
      <c r="NS35" s="345">
        <v>0</v>
      </c>
      <c r="NT35" s="345">
        <v>0</v>
      </c>
      <c r="NU35" s="345">
        <v>0</v>
      </c>
      <c r="NV35" s="349">
        <v>0</v>
      </c>
      <c r="NW35" s="350">
        <v>0</v>
      </c>
      <c r="NX35" s="348">
        <v>0</v>
      </c>
      <c r="NY35" s="345">
        <v>0</v>
      </c>
      <c r="NZ35" s="349">
        <v>0</v>
      </c>
      <c r="OA35" s="404">
        <v>0</v>
      </c>
      <c r="OB35" s="345">
        <v>0</v>
      </c>
      <c r="OC35" s="345">
        <v>0</v>
      </c>
      <c r="OD35" s="345">
        <v>0</v>
      </c>
      <c r="OE35" s="345">
        <v>0</v>
      </c>
      <c r="OF35" s="345">
        <v>0</v>
      </c>
      <c r="OG35" s="349">
        <v>0</v>
      </c>
      <c r="OH35" s="350">
        <v>0</v>
      </c>
      <c r="OI35" s="348">
        <v>9280</v>
      </c>
      <c r="OJ35" s="345">
        <v>95350</v>
      </c>
      <c r="OK35" s="346">
        <v>104630</v>
      </c>
      <c r="OL35" s="351">
        <v>0</v>
      </c>
      <c r="OM35" s="345">
        <v>255312</v>
      </c>
      <c r="ON35" s="345">
        <v>928279</v>
      </c>
      <c r="OO35" s="345">
        <v>1020892</v>
      </c>
      <c r="OP35" s="345">
        <v>1972061</v>
      </c>
      <c r="OQ35" s="345">
        <v>461024</v>
      </c>
      <c r="OR35" s="349">
        <v>4637568</v>
      </c>
      <c r="OS35" s="354">
        <v>4742198</v>
      </c>
    </row>
    <row r="36" spans="2:409" s="70" customFormat="1" ht="21" customHeight="1" x14ac:dyDescent="0.2">
      <c r="B36" s="410" t="s">
        <v>31</v>
      </c>
      <c r="C36" s="326">
        <v>4800</v>
      </c>
      <c r="D36" s="327">
        <v>18800</v>
      </c>
      <c r="E36" s="328">
        <v>23600</v>
      </c>
      <c r="F36" s="329">
        <v>0</v>
      </c>
      <c r="G36" s="327">
        <v>264821</v>
      </c>
      <c r="H36" s="327">
        <v>640229</v>
      </c>
      <c r="I36" s="327">
        <v>529988</v>
      </c>
      <c r="J36" s="327">
        <v>186086</v>
      </c>
      <c r="K36" s="327">
        <v>16720</v>
      </c>
      <c r="L36" s="367">
        <v>1637844</v>
      </c>
      <c r="M36" s="330">
        <v>1661444</v>
      </c>
      <c r="N36" s="326">
        <v>0</v>
      </c>
      <c r="O36" s="327">
        <v>0</v>
      </c>
      <c r="P36" s="328">
        <v>0</v>
      </c>
      <c r="Q36" s="326">
        <v>0</v>
      </c>
      <c r="R36" s="327">
        <v>6411</v>
      </c>
      <c r="S36" s="327">
        <v>190770</v>
      </c>
      <c r="T36" s="327">
        <v>235936</v>
      </c>
      <c r="U36" s="327">
        <v>23256</v>
      </c>
      <c r="V36" s="327">
        <v>16720</v>
      </c>
      <c r="W36" s="328">
        <v>473093</v>
      </c>
      <c r="X36" s="330">
        <v>473093</v>
      </c>
      <c r="Y36" s="326">
        <v>0</v>
      </c>
      <c r="Z36" s="327">
        <v>0</v>
      </c>
      <c r="AA36" s="328">
        <v>0</v>
      </c>
      <c r="AB36" s="326">
        <v>0</v>
      </c>
      <c r="AC36" s="327">
        <v>6411</v>
      </c>
      <c r="AD36" s="327">
        <v>57176</v>
      </c>
      <c r="AE36" s="327">
        <v>153664</v>
      </c>
      <c r="AF36" s="327">
        <v>0</v>
      </c>
      <c r="AG36" s="327">
        <v>0</v>
      </c>
      <c r="AH36" s="328">
        <v>217251</v>
      </c>
      <c r="AI36" s="330">
        <v>217251</v>
      </c>
      <c r="AJ36" s="326">
        <v>0</v>
      </c>
      <c r="AK36" s="327">
        <v>0</v>
      </c>
      <c r="AL36" s="328">
        <v>0</v>
      </c>
      <c r="AM36" s="326">
        <v>0</v>
      </c>
      <c r="AN36" s="327">
        <v>0</v>
      </c>
      <c r="AO36" s="327">
        <v>58850</v>
      </c>
      <c r="AP36" s="327">
        <v>0</v>
      </c>
      <c r="AQ36" s="327">
        <v>0</v>
      </c>
      <c r="AR36" s="327">
        <v>0</v>
      </c>
      <c r="AS36" s="328">
        <v>58850</v>
      </c>
      <c r="AT36" s="330">
        <v>58850</v>
      </c>
      <c r="AU36" s="326">
        <v>0</v>
      </c>
      <c r="AV36" s="327">
        <v>0</v>
      </c>
      <c r="AW36" s="328">
        <v>0</v>
      </c>
      <c r="AX36" s="326">
        <v>0</v>
      </c>
      <c r="AY36" s="327">
        <v>0</v>
      </c>
      <c r="AZ36" s="327">
        <v>61160</v>
      </c>
      <c r="BA36" s="327">
        <v>72640</v>
      </c>
      <c r="BB36" s="327">
        <v>0</v>
      </c>
      <c r="BC36" s="327">
        <v>0</v>
      </c>
      <c r="BD36" s="328">
        <v>133800</v>
      </c>
      <c r="BE36" s="330">
        <v>133800</v>
      </c>
      <c r="BF36" s="326">
        <v>0</v>
      </c>
      <c r="BG36" s="327">
        <v>0</v>
      </c>
      <c r="BH36" s="331">
        <v>0</v>
      </c>
      <c r="BI36" s="332">
        <v>0</v>
      </c>
      <c r="BJ36" s="327">
        <v>0</v>
      </c>
      <c r="BK36" s="327">
        <v>0</v>
      </c>
      <c r="BL36" s="327">
        <v>0</v>
      </c>
      <c r="BM36" s="327">
        <v>0</v>
      </c>
      <c r="BN36" s="327">
        <v>0</v>
      </c>
      <c r="BO36" s="328">
        <v>0</v>
      </c>
      <c r="BP36" s="330">
        <v>0</v>
      </c>
      <c r="BQ36" s="326">
        <v>0</v>
      </c>
      <c r="BR36" s="327">
        <v>0</v>
      </c>
      <c r="BS36" s="328">
        <v>0</v>
      </c>
      <c r="BT36" s="326">
        <v>0</v>
      </c>
      <c r="BU36" s="327">
        <v>0</v>
      </c>
      <c r="BV36" s="327">
        <v>13584</v>
      </c>
      <c r="BW36" s="327">
        <v>9632</v>
      </c>
      <c r="BX36" s="327">
        <v>23256</v>
      </c>
      <c r="BY36" s="327">
        <v>16720</v>
      </c>
      <c r="BZ36" s="328">
        <v>63192</v>
      </c>
      <c r="CA36" s="330">
        <v>63192</v>
      </c>
      <c r="CB36" s="326">
        <v>0</v>
      </c>
      <c r="CC36" s="327">
        <v>0</v>
      </c>
      <c r="CD36" s="328">
        <v>0</v>
      </c>
      <c r="CE36" s="326">
        <v>0</v>
      </c>
      <c r="CF36" s="327">
        <v>178060</v>
      </c>
      <c r="CG36" s="327">
        <v>376699</v>
      </c>
      <c r="CH36" s="327">
        <v>70204</v>
      </c>
      <c r="CI36" s="327">
        <v>70160</v>
      </c>
      <c r="CJ36" s="327">
        <v>0</v>
      </c>
      <c r="CK36" s="328">
        <v>695123</v>
      </c>
      <c r="CL36" s="330">
        <v>695123</v>
      </c>
      <c r="CM36" s="326">
        <v>0</v>
      </c>
      <c r="CN36" s="327">
        <v>0</v>
      </c>
      <c r="CO36" s="328">
        <v>0</v>
      </c>
      <c r="CP36" s="332">
        <v>0</v>
      </c>
      <c r="CQ36" s="327">
        <v>129660</v>
      </c>
      <c r="CR36" s="327">
        <v>130809</v>
      </c>
      <c r="CS36" s="327">
        <v>0</v>
      </c>
      <c r="CT36" s="327">
        <v>70160</v>
      </c>
      <c r="CU36" s="327">
        <v>0</v>
      </c>
      <c r="CV36" s="328">
        <v>330629</v>
      </c>
      <c r="CW36" s="330">
        <v>330629</v>
      </c>
      <c r="CX36" s="326">
        <v>0</v>
      </c>
      <c r="CY36" s="327">
        <v>0</v>
      </c>
      <c r="CZ36" s="328">
        <v>0</v>
      </c>
      <c r="DA36" s="326">
        <v>0</v>
      </c>
      <c r="DB36" s="327">
        <v>48400</v>
      </c>
      <c r="DC36" s="327">
        <v>245890</v>
      </c>
      <c r="DD36" s="327">
        <v>70204</v>
      </c>
      <c r="DE36" s="327">
        <v>0</v>
      </c>
      <c r="DF36" s="327">
        <v>0</v>
      </c>
      <c r="DG36" s="328">
        <v>364494</v>
      </c>
      <c r="DH36" s="330">
        <v>364494</v>
      </c>
      <c r="DI36" s="326">
        <v>0</v>
      </c>
      <c r="DJ36" s="327">
        <v>0</v>
      </c>
      <c r="DK36" s="331">
        <v>0</v>
      </c>
      <c r="DL36" s="332">
        <v>0</v>
      </c>
      <c r="DM36" s="327">
        <v>43950</v>
      </c>
      <c r="DN36" s="327">
        <v>0</v>
      </c>
      <c r="DO36" s="327">
        <v>0</v>
      </c>
      <c r="DP36" s="327">
        <v>55070</v>
      </c>
      <c r="DQ36" s="327">
        <v>0</v>
      </c>
      <c r="DR36" s="328">
        <v>99020</v>
      </c>
      <c r="DS36" s="330">
        <v>99020</v>
      </c>
      <c r="DT36" s="326">
        <v>0</v>
      </c>
      <c r="DU36" s="327">
        <v>0</v>
      </c>
      <c r="DV36" s="328">
        <v>0</v>
      </c>
      <c r="DW36" s="326">
        <v>0</v>
      </c>
      <c r="DX36" s="327">
        <v>43950</v>
      </c>
      <c r="DY36" s="327">
        <v>0</v>
      </c>
      <c r="DZ36" s="327">
        <v>0</v>
      </c>
      <c r="EA36" s="327">
        <v>55070</v>
      </c>
      <c r="EB36" s="327">
        <v>0</v>
      </c>
      <c r="EC36" s="328">
        <v>99020</v>
      </c>
      <c r="ED36" s="330">
        <v>99020</v>
      </c>
      <c r="EE36" s="326">
        <v>0</v>
      </c>
      <c r="EF36" s="331">
        <v>0</v>
      </c>
      <c r="EG36" s="328">
        <v>0</v>
      </c>
      <c r="EH36" s="326">
        <v>0</v>
      </c>
      <c r="EI36" s="327">
        <v>0</v>
      </c>
      <c r="EJ36" s="327">
        <v>0</v>
      </c>
      <c r="EK36" s="327">
        <v>0</v>
      </c>
      <c r="EL36" s="327">
        <v>0</v>
      </c>
      <c r="EM36" s="327">
        <v>0</v>
      </c>
      <c r="EN36" s="331">
        <v>0</v>
      </c>
      <c r="EO36" s="330">
        <v>0</v>
      </c>
      <c r="EP36" s="326">
        <v>0</v>
      </c>
      <c r="EQ36" s="327">
        <v>0</v>
      </c>
      <c r="ER36" s="331">
        <v>0</v>
      </c>
      <c r="ES36" s="332">
        <v>0</v>
      </c>
      <c r="ET36" s="327">
        <v>0</v>
      </c>
      <c r="EU36" s="327">
        <v>0</v>
      </c>
      <c r="EV36" s="327">
        <v>0</v>
      </c>
      <c r="EW36" s="327">
        <v>0</v>
      </c>
      <c r="EX36" s="327">
        <v>0</v>
      </c>
      <c r="EY36" s="328">
        <v>0</v>
      </c>
      <c r="EZ36" s="330">
        <v>0</v>
      </c>
      <c r="FA36" s="326">
        <v>0</v>
      </c>
      <c r="FB36" s="327">
        <v>0</v>
      </c>
      <c r="FC36" s="331">
        <v>0</v>
      </c>
      <c r="FD36" s="332">
        <v>0</v>
      </c>
      <c r="FE36" s="327">
        <v>0</v>
      </c>
      <c r="FF36" s="327">
        <v>0</v>
      </c>
      <c r="FG36" s="327">
        <v>0</v>
      </c>
      <c r="FH36" s="327">
        <v>0</v>
      </c>
      <c r="FI36" s="327">
        <v>0</v>
      </c>
      <c r="FJ36" s="328">
        <v>0</v>
      </c>
      <c r="FK36" s="330">
        <v>0</v>
      </c>
      <c r="FL36" s="326">
        <v>4800</v>
      </c>
      <c r="FM36" s="327">
        <v>18800</v>
      </c>
      <c r="FN36" s="328">
        <v>23600</v>
      </c>
      <c r="FO36" s="326">
        <v>0</v>
      </c>
      <c r="FP36" s="327">
        <v>36400</v>
      </c>
      <c r="FQ36" s="327">
        <v>72760</v>
      </c>
      <c r="FR36" s="327">
        <v>34912</v>
      </c>
      <c r="FS36" s="327">
        <v>37600</v>
      </c>
      <c r="FT36" s="327">
        <v>0</v>
      </c>
      <c r="FU36" s="328">
        <v>181672</v>
      </c>
      <c r="FV36" s="330">
        <v>205272</v>
      </c>
      <c r="FW36" s="333">
        <v>4800</v>
      </c>
      <c r="FX36" s="327">
        <v>18800</v>
      </c>
      <c r="FY36" s="331">
        <v>23600</v>
      </c>
      <c r="FZ36" s="332">
        <v>0</v>
      </c>
      <c r="GA36" s="327">
        <v>36400</v>
      </c>
      <c r="GB36" s="327">
        <v>72760</v>
      </c>
      <c r="GC36" s="327">
        <v>34912</v>
      </c>
      <c r="GD36" s="327">
        <v>37600</v>
      </c>
      <c r="GE36" s="327">
        <v>0</v>
      </c>
      <c r="GF36" s="328">
        <v>181672</v>
      </c>
      <c r="GG36" s="334">
        <v>205272</v>
      </c>
      <c r="GH36" s="333">
        <v>0</v>
      </c>
      <c r="GI36" s="327">
        <v>0</v>
      </c>
      <c r="GJ36" s="331">
        <v>0</v>
      </c>
      <c r="GK36" s="332">
        <v>0</v>
      </c>
      <c r="GL36" s="327">
        <v>0</v>
      </c>
      <c r="GM36" s="327">
        <v>0</v>
      </c>
      <c r="GN36" s="327">
        <v>0</v>
      </c>
      <c r="GO36" s="327">
        <v>0</v>
      </c>
      <c r="GP36" s="327">
        <v>0</v>
      </c>
      <c r="GQ36" s="328">
        <v>0</v>
      </c>
      <c r="GR36" s="330">
        <v>0</v>
      </c>
      <c r="GS36" s="326">
        <v>0</v>
      </c>
      <c r="GT36" s="327">
        <v>0</v>
      </c>
      <c r="GU36" s="328">
        <v>0</v>
      </c>
      <c r="GV36" s="326">
        <v>0</v>
      </c>
      <c r="GW36" s="327">
        <v>0</v>
      </c>
      <c r="GX36" s="327">
        <v>0</v>
      </c>
      <c r="GY36" s="327">
        <v>0</v>
      </c>
      <c r="GZ36" s="327">
        <v>0</v>
      </c>
      <c r="HA36" s="327">
        <v>0</v>
      </c>
      <c r="HB36" s="331">
        <v>0</v>
      </c>
      <c r="HC36" s="330">
        <v>0</v>
      </c>
      <c r="HD36" s="326">
        <v>0</v>
      </c>
      <c r="HE36" s="327">
        <v>0</v>
      </c>
      <c r="HF36" s="331">
        <v>0</v>
      </c>
      <c r="HG36" s="332">
        <v>0</v>
      </c>
      <c r="HH36" s="327">
        <v>0</v>
      </c>
      <c r="HI36" s="327">
        <v>0</v>
      </c>
      <c r="HJ36" s="327">
        <v>188936</v>
      </c>
      <c r="HK36" s="327">
        <v>0</v>
      </c>
      <c r="HL36" s="327">
        <v>0</v>
      </c>
      <c r="HM36" s="328">
        <v>188936</v>
      </c>
      <c r="HN36" s="329">
        <v>188936</v>
      </c>
      <c r="HO36" s="333">
        <v>0</v>
      </c>
      <c r="HP36" s="327">
        <v>0</v>
      </c>
      <c r="HQ36" s="328">
        <v>0</v>
      </c>
      <c r="HR36" s="326">
        <v>0</v>
      </c>
      <c r="HS36" s="327">
        <v>0</v>
      </c>
      <c r="HT36" s="327">
        <v>0</v>
      </c>
      <c r="HU36" s="327">
        <v>0</v>
      </c>
      <c r="HV36" s="327">
        <v>0</v>
      </c>
      <c r="HW36" s="327">
        <v>0</v>
      </c>
      <c r="HX36" s="331">
        <v>0</v>
      </c>
      <c r="HY36" s="330">
        <v>0</v>
      </c>
      <c r="HZ36" s="358">
        <v>0</v>
      </c>
      <c r="IA36" s="356">
        <v>0</v>
      </c>
      <c r="IB36" s="358">
        <v>0</v>
      </c>
      <c r="IC36" s="355">
        <v>0</v>
      </c>
      <c r="ID36" s="356">
        <v>136277</v>
      </c>
      <c r="IE36" s="357">
        <v>748587</v>
      </c>
      <c r="IF36" s="358">
        <v>0</v>
      </c>
      <c r="IG36" s="356">
        <v>432780</v>
      </c>
      <c r="IH36" s="358">
        <v>258992</v>
      </c>
      <c r="II36" s="359">
        <v>1576636</v>
      </c>
      <c r="IJ36" s="358">
        <v>1576636</v>
      </c>
      <c r="IK36" s="342">
        <v>0</v>
      </c>
      <c r="IL36" s="343">
        <v>0</v>
      </c>
      <c r="IM36" s="344">
        <v>0</v>
      </c>
      <c r="IN36" s="404">
        <v>0</v>
      </c>
      <c r="IO36" s="345">
        <v>0</v>
      </c>
      <c r="IP36" s="345">
        <v>0</v>
      </c>
      <c r="IQ36" s="345">
        <v>0</v>
      </c>
      <c r="IR36" s="345">
        <v>0</v>
      </c>
      <c r="IS36" s="345">
        <v>0</v>
      </c>
      <c r="IT36" s="346">
        <v>0</v>
      </c>
      <c r="IU36" s="347">
        <v>0</v>
      </c>
      <c r="IV36" s="348">
        <v>0</v>
      </c>
      <c r="IW36" s="345">
        <v>0</v>
      </c>
      <c r="IX36" s="349">
        <v>0</v>
      </c>
      <c r="IY36" s="404">
        <v>0</v>
      </c>
      <c r="IZ36" s="345">
        <v>0</v>
      </c>
      <c r="JA36" s="345">
        <v>0</v>
      </c>
      <c r="JB36" s="345">
        <v>0</v>
      </c>
      <c r="JC36" s="345">
        <v>0</v>
      </c>
      <c r="JD36" s="345">
        <v>0</v>
      </c>
      <c r="JE36" s="349">
        <v>0</v>
      </c>
      <c r="JF36" s="350">
        <v>0</v>
      </c>
      <c r="JG36" s="348">
        <v>0</v>
      </c>
      <c r="JH36" s="345">
        <v>0</v>
      </c>
      <c r="JI36" s="346">
        <v>0</v>
      </c>
      <c r="JJ36" s="351">
        <v>0</v>
      </c>
      <c r="JK36" s="345">
        <v>0</v>
      </c>
      <c r="JL36" s="345">
        <v>14033</v>
      </c>
      <c r="JM36" s="345">
        <v>0</v>
      </c>
      <c r="JN36" s="345">
        <v>0</v>
      </c>
      <c r="JO36" s="345">
        <v>0</v>
      </c>
      <c r="JP36" s="349">
        <v>14033</v>
      </c>
      <c r="JQ36" s="347">
        <v>14033</v>
      </c>
      <c r="JR36" s="348">
        <v>0</v>
      </c>
      <c r="JS36" s="345">
        <v>0</v>
      </c>
      <c r="JT36" s="346">
        <v>0</v>
      </c>
      <c r="JU36" s="351">
        <v>0</v>
      </c>
      <c r="JV36" s="345">
        <v>0</v>
      </c>
      <c r="JW36" s="345">
        <v>0</v>
      </c>
      <c r="JX36" s="345">
        <v>0</v>
      </c>
      <c r="JY36" s="345">
        <v>175332</v>
      </c>
      <c r="JZ36" s="345">
        <v>0</v>
      </c>
      <c r="KA36" s="349">
        <v>175332</v>
      </c>
      <c r="KB36" s="347">
        <v>175332</v>
      </c>
      <c r="KC36" s="352">
        <v>0</v>
      </c>
      <c r="KD36" s="353">
        <v>0</v>
      </c>
      <c r="KE36" s="349">
        <v>0</v>
      </c>
      <c r="KF36" s="351">
        <v>0</v>
      </c>
      <c r="KG36" s="345">
        <v>136277</v>
      </c>
      <c r="KH36" s="345">
        <v>332314</v>
      </c>
      <c r="KI36" s="345">
        <v>0</v>
      </c>
      <c r="KJ36" s="345">
        <v>0</v>
      </c>
      <c r="KK36" s="345">
        <v>0</v>
      </c>
      <c r="KL36" s="349">
        <v>468591</v>
      </c>
      <c r="KM36" s="354">
        <v>468591</v>
      </c>
      <c r="KN36" s="342">
        <v>0</v>
      </c>
      <c r="KO36" s="343">
        <v>0</v>
      </c>
      <c r="KP36" s="344">
        <v>0</v>
      </c>
      <c r="KQ36" s="404">
        <v>0</v>
      </c>
      <c r="KR36" s="345">
        <v>0</v>
      </c>
      <c r="KS36" s="345">
        <v>402240</v>
      </c>
      <c r="KT36" s="345">
        <v>0</v>
      </c>
      <c r="KU36" s="345">
        <v>242272</v>
      </c>
      <c r="KV36" s="345">
        <v>258992</v>
      </c>
      <c r="KW36" s="349">
        <v>903504</v>
      </c>
      <c r="KX36" s="347">
        <v>903504</v>
      </c>
      <c r="KY36" s="348">
        <v>0</v>
      </c>
      <c r="KZ36" s="345">
        <v>0</v>
      </c>
      <c r="LA36" s="349">
        <v>0</v>
      </c>
      <c r="LB36" s="404">
        <v>0</v>
      </c>
      <c r="LC36" s="345">
        <v>0</v>
      </c>
      <c r="LD36" s="345">
        <v>0</v>
      </c>
      <c r="LE36" s="345">
        <v>0</v>
      </c>
      <c r="LF36" s="345">
        <v>0</v>
      </c>
      <c r="LG36" s="345">
        <v>0</v>
      </c>
      <c r="LH36" s="349">
        <v>0</v>
      </c>
      <c r="LI36" s="350">
        <v>0</v>
      </c>
      <c r="LJ36" s="348">
        <v>0</v>
      </c>
      <c r="LK36" s="345">
        <v>0</v>
      </c>
      <c r="LL36" s="349">
        <v>0</v>
      </c>
      <c r="LM36" s="404">
        <v>0</v>
      </c>
      <c r="LN36" s="345">
        <v>0</v>
      </c>
      <c r="LO36" s="345">
        <v>0</v>
      </c>
      <c r="LP36" s="345">
        <v>0</v>
      </c>
      <c r="LQ36" s="345">
        <v>15176</v>
      </c>
      <c r="LR36" s="345">
        <v>0</v>
      </c>
      <c r="LS36" s="349">
        <v>15176</v>
      </c>
      <c r="LT36" s="347">
        <v>15176</v>
      </c>
      <c r="LU36" s="348">
        <v>0</v>
      </c>
      <c r="LV36" s="345">
        <v>0</v>
      </c>
      <c r="LW36" s="349">
        <v>0</v>
      </c>
      <c r="LX36" s="404">
        <v>0</v>
      </c>
      <c r="LY36" s="345">
        <v>0</v>
      </c>
      <c r="LZ36" s="345">
        <v>0</v>
      </c>
      <c r="MA36" s="345">
        <v>0</v>
      </c>
      <c r="MB36" s="345">
        <v>0</v>
      </c>
      <c r="MC36" s="345">
        <v>0</v>
      </c>
      <c r="MD36" s="349">
        <v>0</v>
      </c>
      <c r="ME36" s="350">
        <v>0</v>
      </c>
      <c r="MF36" s="348">
        <v>0</v>
      </c>
      <c r="MG36" s="345">
        <v>0</v>
      </c>
      <c r="MH36" s="349">
        <v>0</v>
      </c>
      <c r="MI36" s="404">
        <v>0</v>
      </c>
      <c r="MJ36" s="345">
        <v>0</v>
      </c>
      <c r="MK36" s="345">
        <v>0</v>
      </c>
      <c r="ML36" s="345">
        <v>473569</v>
      </c>
      <c r="MM36" s="345">
        <v>0</v>
      </c>
      <c r="MN36" s="345">
        <v>305495</v>
      </c>
      <c r="MO36" s="349">
        <v>779064</v>
      </c>
      <c r="MP36" s="354">
        <v>779064</v>
      </c>
      <c r="MQ36" s="348">
        <v>0</v>
      </c>
      <c r="MR36" s="345">
        <v>0</v>
      </c>
      <c r="MS36" s="349">
        <v>0</v>
      </c>
      <c r="MT36" s="404">
        <v>0</v>
      </c>
      <c r="MU36" s="345">
        <v>0</v>
      </c>
      <c r="MV36" s="345">
        <v>0</v>
      </c>
      <c r="MW36" s="345">
        <v>473569</v>
      </c>
      <c r="MX36" s="345">
        <v>0</v>
      </c>
      <c r="MY36" s="345">
        <v>305495</v>
      </c>
      <c r="MZ36" s="349">
        <v>779064</v>
      </c>
      <c r="NA36" s="354">
        <v>779064</v>
      </c>
      <c r="NB36" s="348">
        <v>0</v>
      </c>
      <c r="NC36" s="345">
        <v>0</v>
      </c>
      <c r="ND36" s="349">
        <v>0</v>
      </c>
      <c r="NE36" s="404">
        <v>0</v>
      </c>
      <c r="NF36" s="345">
        <v>0</v>
      </c>
      <c r="NG36" s="345">
        <v>0</v>
      </c>
      <c r="NH36" s="345">
        <v>0</v>
      </c>
      <c r="NI36" s="345">
        <v>0</v>
      </c>
      <c r="NJ36" s="345">
        <v>0</v>
      </c>
      <c r="NK36" s="349">
        <v>0</v>
      </c>
      <c r="NL36" s="347">
        <v>0</v>
      </c>
      <c r="NM36" s="348">
        <v>0</v>
      </c>
      <c r="NN36" s="345">
        <v>0</v>
      </c>
      <c r="NO36" s="349">
        <v>0</v>
      </c>
      <c r="NP36" s="404">
        <v>0</v>
      </c>
      <c r="NQ36" s="345">
        <v>0</v>
      </c>
      <c r="NR36" s="345">
        <v>0</v>
      </c>
      <c r="NS36" s="345">
        <v>0</v>
      </c>
      <c r="NT36" s="345">
        <v>0</v>
      </c>
      <c r="NU36" s="345">
        <v>0</v>
      </c>
      <c r="NV36" s="349">
        <v>0</v>
      </c>
      <c r="NW36" s="350">
        <v>0</v>
      </c>
      <c r="NX36" s="348">
        <v>0</v>
      </c>
      <c r="NY36" s="345">
        <v>0</v>
      </c>
      <c r="NZ36" s="349">
        <v>0</v>
      </c>
      <c r="OA36" s="404">
        <v>0</v>
      </c>
      <c r="OB36" s="345">
        <v>0</v>
      </c>
      <c r="OC36" s="345">
        <v>0</v>
      </c>
      <c r="OD36" s="345">
        <v>0</v>
      </c>
      <c r="OE36" s="345">
        <v>0</v>
      </c>
      <c r="OF36" s="345">
        <v>0</v>
      </c>
      <c r="OG36" s="349">
        <v>0</v>
      </c>
      <c r="OH36" s="350">
        <v>0</v>
      </c>
      <c r="OI36" s="348">
        <v>4800</v>
      </c>
      <c r="OJ36" s="345">
        <v>18800</v>
      </c>
      <c r="OK36" s="346">
        <v>23600</v>
      </c>
      <c r="OL36" s="351">
        <v>0</v>
      </c>
      <c r="OM36" s="345">
        <v>401098</v>
      </c>
      <c r="ON36" s="345">
        <v>1388816</v>
      </c>
      <c r="OO36" s="345">
        <v>1003557</v>
      </c>
      <c r="OP36" s="345">
        <v>618866</v>
      </c>
      <c r="OQ36" s="345">
        <v>581207</v>
      </c>
      <c r="OR36" s="349">
        <v>3993544</v>
      </c>
      <c r="OS36" s="354">
        <v>4017144</v>
      </c>
    </row>
    <row r="37" spans="2:409" s="70" customFormat="1" ht="21" customHeight="1" x14ac:dyDescent="0.2">
      <c r="B37" s="410" t="s">
        <v>32</v>
      </c>
      <c r="C37" s="326">
        <v>46240</v>
      </c>
      <c r="D37" s="327">
        <v>13200</v>
      </c>
      <c r="E37" s="368">
        <v>59440</v>
      </c>
      <c r="F37" s="370">
        <v>0</v>
      </c>
      <c r="G37" s="369">
        <v>463090</v>
      </c>
      <c r="H37" s="369">
        <v>713753</v>
      </c>
      <c r="I37" s="369">
        <v>461884</v>
      </c>
      <c r="J37" s="369">
        <v>1159952</v>
      </c>
      <c r="K37" s="369">
        <v>270737</v>
      </c>
      <c r="L37" s="370">
        <v>3069416</v>
      </c>
      <c r="M37" s="330">
        <v>3128856</v>
      </c>
      <c r="N37" s="326">
        <v>21424</v>
      </c>
      <c r="O37" s="327">
        <v>0</v>
      </c>
      <c r="P37" s="328">
        <v>21424</v>
      </c>
      <c r="Q37" s="326">
        <v>0</v>
      </c>
      <c r="R37" s="327">
        <v>158522</v>
      </c>
      <c r="S37" s="327">
        <v>187160</v>
      </c>
      <c r="T37" s="327">
        <v>168666</v>
      </c>
      <c r="U37" s="327">
        <v>46840</v>
      </c>
      <c r="V37" s="327">
        <v>248017</v>
      </c>
      <c r="W37" s="328">
        <v>809205</v>
      </c>
      <c r="X37" s="330">
        <v>830629</v>
      </c>
      <c r="Y37" s="326">
        <v>0</v>
      </c>
      <c r="Z37" s="327">
        <v>0</v>
      </c>
      <c r="AA37" s="328">
        <v>0</v>
      </c>
      <c r="AB37" s="326">
        <v>0</v>
      </c>
      <c r="AC37" s="327">
        <v>73348</v>
      </c>
      <c r="AD37" s="327">
        <v>107267</v>
      </c>
      <c r="AE37" s="327">
        <v>88744</v>
      </c>
      <c r="AF37" s="327">
        <v>0</v>
      </c>
      <c r="AG37" s="327">
        <v>175272</v>
      </c>
      <c r="AH37" s="328">
        <v>444631</v>
      </c>
      <c r="AI37" s="330">
        <v>444631</v>
      </c>
      <c r="AJ37" s="326">
        <v>0</v>
      </c>
      <c r="AK37" s="327">
        <v>0</v>
      </c>
      <c r="AL37" s="328">
        <v>0</v>
      </c>
      <c r="AM37" s="326">
        <v>0</v>
      </c>
      <c r="AN37" s="327">
        <v>0</v>
      </c>
      <c r="AO37" s="327">
        <v>0</v>
      </c>
      <c r="AP37" s="327">
        <v>58850</v>
      </c>
      <c r="AQ37" s="327">
        <v>0</v>
      </c>
      <c r="AR37" s="327">
        <v>56897</v>
      </c>
      <c r="AS37" s="328">
        <v>115747</v>
      </c>
      <c r="AT37" s="330">
        <v>115747</v>
      </c>
      <c r="AU37" s="326">
        <v>21424</v>
      </c>
      <c r="AV37" s="327">
        <v>0</v>
      </c>
      <c r="AW37" s="328">
        <v>21424</v>
      </c>
      <c r="AX37" s="326">
        <v>0</v>
      </c>
      <c r="AY37" s="327">
        <v>18504</v>
      </c>
      <c r="AZ37" s="327">
        <v>60629</v>
      </c>
      <c r="BA37" s="327">
        <v>0</v>
      </c>
      <c r="BB37" s="327">
        <v>0</v>
      </c>
      <c r="BC37" s="327">
        <v>15848</v>
      </c>
      <c r="BD37" s="328">
        <v>94981</v>
      </c>
      <c r="BE37" s="330">
        <v>116405</v>
      </c>
      <c r="BF37" s="326">
        <v>0</v>
      </c>
      <c r="BG37" s="327">
        <v>0</v>
      </c>
      <c r="BH37" s="331">
        <v>0</v>
      </c>
      <c r="BI37" s="332">
        <v>0</v>
      </c>
      <c r="BJ37" s="327">
        <v>46814</v>
      </c>
      <c r="BK37" s="327">
        <v>0</v>
      </c>
      <c r="BL37" s="327">
        <v>0</v>
      </c>
      <c r="BM37" s="327">
        <v>0</v>
      </c>
      <c r="BN37" s="327">
        <v>0</v>
      </c>
      <c r="BO37" s="328">
        <v>46814</v>
      </c>
      <c r="BP37" s="330">
        <v>46814</v>
      </c>
      <c r="BQ37" s="326">
        <v>0</v>
      </c>
      <c r="BR37" s="327">
        <v>0</v>
      </c>
      <c r="BS37" s="328">
        <v>0</v>
      </c>
      <c r="BT37" s="326">
        <v>0</v>
      </c>
      <c r="BU37" s="327">
        <v>19856</v>
      </c>
      <c r="BV37" s="327">
        <v>19264</v>
      </c>
      <c r="BW37" s="327">
        <v>21072</v>
      </c>
      <c r="BX37" s="327">
        <v>46840</v>
      </c>
      <c r="BY37" s="327">
        <v>0</v>
      </c>
      <c r="BZ37" s="328">
        <v>107032</v>
      </c>
      <c r="CA37" s="330">
        <v>107032</v>
      </c>
      <c r="CB37" s="326">
        <v>20816</v>
      </c>
      <c r="CC37" s="327">
        <v>0</v>
      </c>
      <c r="CD37" s="328">
        <v>20816</v>
      </c>
      <c r="CE37" s="326">
        <v>0</v>
      </c>
      <c r="CF37" s="327">
        <v>78288</v>
      </c>
      <c r="CG37" s="327">
        <v>281521</v>
      </c>
      <c r="CH37" s="327">
        <v>193800</v>
      </c>
      <c r="CI37" s="327">
        <v>635184</v>
      </c>
      <c r="CJ37" s="327">
        <v>0</v>
      </c>
      <c r="CK37" s="328">
        <v>1188793</v>
      </c>
      <c r="CL37" s="330">
        <v>1209609</v>
      </c>
      <c r="CM37" s="326">
        <v>0</v>
      </c>
      <c r="CN37" s="327">
        <v>0</v>
      </c>
      <c r="CO37" s="328">
        <v>0</v>
      </c>
      <c r="CP37" s="332">
        <v>0</v>
      </c>
      <c r="CQ37" s="327">
        <v>78288</v>
      </c>
      <c r="CR37" s="327">
        <v>217192</v>
      </c>
      <c r="CS37" s="327">
        <v>193800</v>
      </c>
      <c r="CT37" s="327">
        <v>635184</v>
      </c>
      <c r="CU37" s="327">
        <v>0</v>
      </c>
      <c r="CV37" s="328">
        <v>1124464</v>
      </c>
      <c r="CW37" s="330">
        <v>1124464</v>
      </c>
      <c r="CX37" s="326">
        <v>20816</v>
      </c>
      <c r="CY37" s="327">
        <v>0</v>
      </c>
      <c r="CZ37" s="328">
        <v>20816</v>
      </c>
      <c r="DA37" s="326">
        <v>0</v>
      </c>
      <c r="DB37" s="327">
        <v>0</v>
      </c>
      <c r="DC37" s="327">
        <v>64329</v>
      </c>
      <c r="DD37" s="327">
        <v>0</v>
      </c>
      <c r="DE37" s="327">
        <v>0</v>
      </c>
      <c r="DF37" s="327">
        <v>0</v>
      </c>
      <c r="DG37" s="328">
        <v>64329</v>
      </c>
      <c r="DH37" s="330">
        <v>85145</v>
      </c>
      <c r="DI37" s="326">
        <v>0</v>
      </c>
      <c r="DJ37" s="327">
        <v>0</v>
      </c>
      <c r="DK37" s="331">
        <v>0</v>
      </c>
      <c r="DL37" s="332">
        <v>0</v>
      </c>
      <c r="DM37" s="327">
        <v>0</v>
      </c>
      <c r="DN37" s="327">
        <v>0</v>
      </c>
      <c r="DO37" s="327">
        <v>60690</v>
      </c>
      <c r="DP37" s="327">
        <v>0</v>
      </c>
      <c r="DQ37" s="327">
        <v>0</v>
      </c>
      <c r="DR37" s="328">
        <v>60690</v>
      </c>
      <c r="DS37" s="330">
        <v>60690</v>
      </c>
      <c r="DT37" s="326">
        <v>0</v>
      </c>
      <c r="DU37" s="327">
        <v>0</v>
      </c>
      <c r="DV37" s="328">
        <v>0</v>
      </c>
      <c r="DW37" s="326">
        <v>0</v>
      </c>
      <c r="DX37" s="327">
        <v>0</v>
      </c>
      <c r="DY37" s="327">
        <v>0</v>
      </c>
      <c r="DZ37" s="327">
        <v>60690</v>
      </c>
      <c r="EA37" s="327">
        <v>0</v>
      </c>
      <c r="EB37" s="327">
        <v>0</v>
      </c>
      <c r="EC37" s="328">
        <v>60690</v>
      </c>
      <c r="ED37" s="330">
        <v>60690</v>
      </c>
      <c r="EE37" s="326">
        <v>0</v>
      </c>
      <c r="EF37" s="331">
        <v>0</v>
      </c>
      <c r="EG37" s="328">
        <v>0</v>
      </c>
      <c r="EH37" s="326">
        <v>0</v>
      </c>
      <c r="EI37" s="327">
        <v>0</v>
      </c>
      <c r="EJ37" s="327">
        <v>0</v>
      </c>
      <c r="EK37" s="327">
        <v>0</v>
      </c>
      <c r="EL37" s="327">
        <v>0</v>
      </c>
      <c r="EM37" s="327">
        <v>0</v>
      </c>
      <c r="EN37" s="331">
        <v>0</v>
      </c>
      <c r="EO37" s="330">
        <v>0</v>
      </c>
      <c r="EP37" s="326">
        <v>0</v>
      </c>
      <c r="EQ37" s="327">
        <v>0</v>
      </c>
      <c r="ER37" s="331">
        <v>0</v>
      </c>
      <c r="ES37" s="332">
        <v>0</v>
      </c>
      <c r="ET37" s="327">
        <v>0</v>
      </c>
      <c r="EU37" s="327">
        <v>0</v>
      </c>
      <c r="EV37" s="327">
        <v>0</v>
      </c>
      <c r="EW37" s="327">
        <v>0</v>
      </c>
      <c r="EX37" s="327">
        <v>0</v>
      </c>
      <c r="EY37" s="328">
        <v>0</v>
      </c>
      <c r="EZ37" s="330">
        <v>0</v>
      </c>
      <c r="FA37" s="326">
        <v>0</v>
      </c>
      <c r="FB37" s="327">
        <v>0</v>
      </c>
      <c r="FC37" s="331">
        <v>0</v>
      </c>
      <c r="FD37" s="332">
        <v>0</v>
      </c>
      <c r="FE37" s="327">
        <v>0</v>
      </c>
      <c r="FF37" s="327">
        <v>0</v>
      </c>
      <c r="FG37" s="327">
        <v>0</v>
      </c>
      <c r="FH37" s="327">
        <v>0</v>
      </c>
      <c r="FI37" s="327">
        <v>0</v>
      </c>
      <c r="FJ37" s="328">
        <v>0</v>
      </c>
      <c r="FK37" s="330">
        <v>0</v>
      </c>
      <c r="FL37" s="326">
        <v>4000</v>
      </c>
      <c r="FM37" s="327">
        <v>13200</v>
      </c>
      <c r="FN37" s="328">
        <v>17200</v>
      </c>
      <c r="FO37" s="326">
        <v>0</v>
      </c>
      <c r="FP37" s="327">
        <v>70032</v>
      </c>
      <c r="FQ37" s="327">
        <v>70544</v>
      </c>
      <c r="FR37" s="327">
        <v>38728</v>
      </c>
      <c r="FS37" s="327">
        <v>32400</v>
      </c>
      <c r="FT37" s="327">
        <v>22720</v>
      </c>
      <c r="FU37" s="328">
        <v>234424</v>
      </c>
      <c r="FV37" s="330">
        <v>251624</v>
      </c>
      <c r="FW37" s="333">
        <v>4000</v>
      </c>
      <c r="FX37" s="327">
        <v>13200</v>
      </c>
      <c r="FY37" s="331">
        <v>17200</v>
      </c>
      <c r="FZ37" s="332">
        <v>0</v>
      </c>
      <c r="GA37" s="327">
        <v>70032</v>
      </c>
      <c r="GB37" s="327">
        <v>70544</v>
      </c>
      <c r="GC37" s="327">
        <v>38728</v>
      </c>
      <c r="GD37" s="327">
        <v>32400</v>
      </c>
      <c r="GE37" s="327">
        <v>22720</v>
      </c>
      <c r="GF37" s="328">
        <v>234424</v>
      </c>
      <c r="GG37" s="334">
        <v>251624</v>
      </c>
      <c r="GH37" s="333">
        <v>0</v>
      </c>
      <c r="GI37" s="327">
        <v>0</v>
      </c>
      <c r="GJ37" s="331">
        <v>0</v>
      </c>
      <c r="GK37" s="332">
        <v>0</v>
      </c>
      <c r="GL37" s="327">
        <v>0</v>
      </c>
      <c r="GM37" s="327">
        <v>0</v>
      </c>
      <c r="GN37" s="327">
        <v>0</v>
      </c>
      <c r="GO37" s="327">
        <v>0</v>
      </c>
      <c r="GP37" s="327">
        <v>0</v>
      </c>
      <c r="GQ37" s="328">
        <v>0</v>
      </c>
      <c r="GR37" s="330">
        <v>0</v>
      </c>
      <c r="GS37" s="326">
        <v>0</v>
      </c>
      <c r="GT37" s="327">
        <v>0</v>
      </c>
      <c r="GU37" s="328">
        <v>0</v>
      </c>
      <c r="GV37" s="326">
        <v>0</v>
      </c>
      <c r="GW37" s="327">
        <v>0</v>
      </c>
      <c r="GX37" s="327">
        <v>0</v>
      </c>
      <c r="GY37" s="327">
        <v>0</v>
      </c>
      <c r="GZ37" s="327">
        <v>0</v>
      </c>
      <c r="HA37" s="327">
        <v>0</v>
      </c>
      <c r="HB37" s="331">
        <v>0</v>
      </c>
      <c r="HC37" s="330">
        <v>0</v>
      </c>
      <c r="HD37" s="326">
        <v>0</v>
      </c>
      <c r="HE37" s="327">
        <v>0</v>
      </c>
      <c r="HF37" s="331">
        <v>0</v>
      </c>
      <c r="HG37" s="332">
        <v>0</v>
      </c>
      <c r="HH37" s="327">
        <v>156248</v>
      </c>
      <c r="HI37" s="327">
        <v>174528</v>
      </c>
      <c r="HJ37" s="327">
        <v>0</v>
      </c>
      <c r="HK37" s="327">
        <v>445528</v>
      </c>
      <c r="HL37" s="327">
        <v>0</v>
      </c>
      <c r="HM37" s="328">
        <v>776304</v>
      </c>
      <c r="HN37" s="329">
        <v>776304</v>
      </c>
      <c r="HO37" s="333">
        <v>0</v>
      </c>
      <c r="HP37" s="327">
        <v>0</v>
      </c>
      <c r="HQ37" s="328">
        <v>0</v>
      </c>
      <c r="HR37" s="326">
        <v>0</v>
      </c>
      <c r="HS37" s="327">
        <v>0</v>
      </c>
      <c r="HT37" s="327">
        <v>0</v>
      </c>
      <c r="HU37" s="327">
        <v>0</v>
      </c>
      <c r="HV37" s="327">
        <v>0</v>
      </c>
      <c r="HW37" s="327">
        <v>0</v>
      </c>
      <c r="HX37" s="331">
        <v>0</v>
      </c>
      <c r="HY37" s="330">
        <v>0</v>
      </c>
      <c r="HZ37" s="335">
        <v>0</v>
      </c>
      <c r="IA37" s="336">
        <v>0</v>
      </c>
      <c r="IB37" s="337">
        <v>0</v>
      </c>
      <c r="IC37" s="338">
        <v>0</v>
      </c>
      <c r="ID37" s="336">
        <v>326536</v>
      </c>
      <c r="IE37" s="339">
        <v>153320</v>
      </c>
      <c r="IF37" s="337">
        <v>677952</v>
      </c>
      <c r="IG37" s="336">
        <v>252704</v>
      </c>
      <c r="IH37" s="337">
        <v>0</v>
      </c>
      <c r="II37" s="340">
        <v>1410512</v>
      </c>
      <c r="IJ37" s="341">
        <v>1410512</v>
      </c>
      <c r="IK37" s="342">
        <v>0</v>
      </c>
      <c r="IL37" s="343">
        <v>0</v>
      </c>
      <c r="IM37" s="344">
        <v>0</v>
      </c>
      <c r="IN37" s="404">
        <v>0</v>
      </c>
      <c r="IO37" s="345">
        <v>0</v>
      </c>
      <c r="IP37" s="345">
        <v>0</v>
      </c>
      <c r="IQ37" s="345">
        <v>0</v>
      </c>
      <c r="IR37" s="345">
        <v>0</v>
      </c>
      <c r="IS37" s="345">
        <v>0</v>
      </c>
      <c r="IT37" s="346">
        <v>0</v>
      </c>
      <c r="IU37" s="347">
        <v>0</v>
      </c>
      <c r="IV37" s="348">
        <v>0</v>
      </c>
      <c r="IW37" s="345">
        <v>0</v>
      </c>
      <c r="IX37" s="349">
        <v>0</v>
      </c>
      <c r="IY37" s="404">
        <v>0</v>
      </c>
      <c r="IZ37" s="345">
        <v>0</v>
      </c>
      <c r="JA37" s="345">
        <v>0</v>
      </c>
      <c r="JB37" s="345">
        <v>0</v>
      </c>
      <c r="JC37" s="345">
        <v>0</v>
      </c>
      <c r="JD37" s="345">
        <v>0</v>
      </c>
      <c r="JE37" s="349">
        <v>0</v>
      </c>
      <c r="JF37" s="350">
        <v>0</v>
      </c>
      <c r="JG37" s="348">
        <v>0</v>
      </c>
      <c r="JH37" s="345">
        <v>0</v>
      </c>
      <c r="JI37" s="346">
        <v>0</v>
      </c>
      <c r="JJ37" s="351">
        <v>0</v>
      </c>
      <c r="JK37" s="345">
        <v>95744</v>
      </c>
      <c r="JL37" s="345">
        <v>136696</v>
      </c>
      <c r="JM37" s="345">
        <v>0</v>
      </c>
      <c r="JN37" s="345">
        <v>0</v>
      </c>
      <c r="JO37" s="345">
        <v>0</v>
      </c>
      <c r="JP37" s="349">
        <v>232440</v>
      </c>
      <c r="JQ37" s="347">
        <v>232440</v>
      </c>
      <c r="JR37" s="348">
        <v>0</v>
      </c>
      <c r="JS37" s="345">
        <v>0</v>
      </c>
      <c r="JT37" s="346">
        <v>0</v>
      </c>
      <c r="JU37" s="351">
        <v>0</v>
      </c>
      <c r="JV37" s="345">
        <v>0</v>
      </c>
      <c r="JW37" s="345">
        <v>0</v>
      </c>
      <c r="JX37" s="345">
        <v>0</v>
      </c>
      <c r="JY37" s="345">
        <v>0</v>
      </c>
      <c r="JZ37" s="345">
        <v>0</v>
      </c>
      <c r="KA37" s="349">
        <v>0</v>
      </c>
      <c r="KB37" s="347">
        <v>0</v>
      </c>
      <c r="KC37" s="352">
        <v>0</v>
      </c>
      <c r="KD37" s="353">
        <v>0</v>
      </c>
      <c r="KE37" s="349">
        <v>0</v>
      </c>
      <c r="KF37" s="351">
        <v>0</v>
      </c>
      <c r="KG37" s="345">
        <v>0</v>
      </c>
      <c r="KH37" s="345">
        <v>0</v>
      </c>
      <c r="KI37" s="345">
        <v>0</v>
      </c>
      <c r="KJ37" s="345">
        <v>0</v>
      </c>
      <c r="KK37" s="345">
        <v>0</v>
      </c>
      <c r="KL37" s="349">
        <v>0</v>
      </c>
      <c r="KM37" s="354">
        <v>0</v>
      </c>
      <c r="KN37" s="342">
        <v>0</v>
      </c>
      <c r="KO37" s="343">
        <v>0</v>
      </c>
      <c r="KP37" s="344">
        <v>0</v>
      </c>
      <c r="KQ37" s="404">
        <v>0</v>
      </c>
      <c r="KR37" s="345">
        <v>230792</v>
      </c>
      <c r="KS37" s="345">
        <v>16624</v>
      </c>
      <c r="KT37" s="345">
        <v>248032</v>
      </c>
      <c r="KU37" s="345">
        <v>252704</v>
      </c>
      <c r="KV37" s="345">
        <v>0</v>
      </c>
      <c r="KW37" s="349">
        <v>748152</v>
      </c>
      <c r="KX37" s="347">
        <v>748152</v>
      </c>
      <c r="KY37" s="348">
        <v>0</v>
      </c>
      <c r="KZ37" s="345">
        <v>0</v>
      </c>
      <c r="LA37" s="349">
        <v>0</v>
      </c>
      <c r="LB37" s="404">
        <v>0</v>
      </c>
      <c r="LC37" s="345">
        <v>0</v>
      </c>
      <c r="LD37" s="345">
        <v>0</v>
      </c>
      <c r="LE37" s="345">
        <v>0</v>
      </c>
      <c r="LF37" s="345">
        <v>0</v>
      </c>
      <c r="LG37" s="345">
        <v>0</v>
      </c>
      <c r="LH37" s="349">
        <v>0</v>
      </c>
      <c r="LI37" s="350">
        <v>0</v>
      </c>
      <c r="LJ37" s="348">
        <v>0</v>
      </c>
      <c r="LK37" s="345">
        <v>0</v>
      </c>
      <c r="LL37" s="349">
        <v>0</v>
      </c>
      <c r="LM37" s="404">
        <v>0</v>
      </c>
      <c r="LN37" s="345">
        <v>0</v>
      </c>
      <c r="LO37" s="345">
        <v>0</v>
      </c>
      <c r="LP37" s="345">
        <v>429920</v>
      </c>
      <c r="LQ37" s="345">
        <v>0</v>
      </c>
      <c r="LR37" s="345">
        <v>0</v>
      </c>
      <c r="LS37" s="349">
        <v>429920</v>
      </c>
      <c r="LT37" s="347">
        <v>429920</v>
      </c>
      <c r="LU37" s="348">
        <v>0</v>
      </c>
      <c r="LV37" s="345">
        <v>0</v>
      </c>
      <c r="LW37" s="349">
        <v>0</v>
      </c>
      <c r="LX37" s="404">
        <v>0</v>
      </c>
      <c r="LY37" s="345">
        <v>0</v>
      </c>
      <c r="LZ37" s="345">
        <v>0</v>
      </c>
      <c r="MA37" s="345">
        <v>0</v>
      </c>
      <c r="MB37" s="345">
        <v>0</v>
      </c>
      <c r="MC37" s="345">
        <v>0</v>
      </c>
      <c r="MD37" s="349">
        <v>0</v>
      </c>
      <c r="ME37" s="350">
        <v>0</v>
      </c>
      <c r="MF37" s="348">
        <v>0</v>
      </c>
      <c r="MG37" s="345">
        <v>0</v>
      </c>
      <c r="MH37" s="349">
        <v>0</v>
      </c>
      <c r="MI37" s="404">
        <v>0</v>
      </c>
      <c r="MJ37" s="345">
        <v>0</v>
      </c>
      <c r="MK37" s="345">
        <v>0</v>
      </c>
      <c r="ML37" s="345">
        <v>0</v>
      </c>
      <c r="MM37" s="345">
        <v>0</v>
      </c>
      <c r="MN37" s="345">
        <v>0</v>
      </c>
      <c r="MO37" s="349">
        <v>0</v>
      </c>
      <c r="MP37" s="354">
        <v>0</v>
      </c>
      <c r="MQ37" s="348">
        <v>0</v>
      </c>
      <c r="MR37" s="345">
        <v>0</v>
      </c>
      <c r="MS37" s="349">
        <v>0</v>
      </c>
      <c r="MT37" s="404">
        <v>0</v>
      </c>
      <c r="MU37" s="345">
        <v>0</v>
      </c>
      <c r="MV37" s="345">
        <v>0</v>
      </c>
      <c r="MW37" s="345">
        <v>0</v>
      </c>
      <c r="MX37" s="345">
        <v>0</v>
      </c>
      <c r="MY37" s="345">
        <v>0</v>
      </c>
      <c r="MZ37" s="349">
        <v>0</v>
      </c>
      <c r="NA37" s="354">
        <v>0</v>
      </c>
      <c r="NB37" s="348">
        <v>0</v>
      </c>
      <c r="NC37" s="345">
        <v>0</v>
      </c>
      <c r="ND37" s="349">
        <v>0</v>
      </c>
      <c r="NE37" s="404">
        <v>0</v>
      </c>
      <c r="NF37" s="345">
        <v>0</v>
      </c>
      <c r="NG37" s="345">
        <v>0</v>
      </c>
      <c r="NH37" s="345">
        <v>0</v>
      </c>
      <c r="NI37" s="345">
        <v>0</v>
      </c>
      <c r="NJ37" s="345">
        <v>0</v>
      </c>
      <c r="NK37" s="349">
        <v>0</v>
      </c>
      <c r="NL37" s="347">
        <v>0</v>
      </c>
      <c r="NM37" s="348">
        <v>0</v>
      </c>
      <c r="NN37" s="345">
        <v>0</v>
      </c>
      <c r="NO37" s="349">
        <v>0</v>
      </c>
      <c r="NP37" s="404">
        <v>0</v>
      </c>
      <c r="NQ37" s="345">
        <v>0</v>
      </c>
      <c r="NR37" s="345">
        <v>0</v>
      </c>
      <c r="NS37" s="345">
        <v>0</v>
      </c>
      <c r="NT37" s="345">
        <v>0</v>
      </c>
      <c r="NU37" s="345">
        <v>0</v>
      </c>
      <c r="NV37" s="349">
        <v>0</v>
      </c>
      <c r="NW37" s="350">
        <v>0</v>
      </c>
      <c r="NX37" s="348">
        <v>0</v>
      </c>
      <c r="NY37" s="345">
        <v>0</v>
      </c>
      <c r="NZ37" s="349">
        <v>0</v>
      </c>
      <c r="OA37" s="404">
        <v>0</v>
      </c>
      <c r="OB37" s="345">
        <v>0</v>
      </c>
      <c r="OC37" s="345">
        <v>0</v>
      </c>
      <c r="OD37" s="345">
        <v>0</v>
      </c>
      <c r="OE37" s="345">
        <v>0</v>
      </c>
      <c r="OF37" s="345">
        <v>0</v>
      </c>
      <c r="OG37" s="349">
        <v>0</v>
      </c>
      <c r="OH37" s="350">
        <v>0</v>
      </c>
      <c r="OI37" s="348">
        <v>46240</v>
      </c>
      <c r="OJ37" s="345">
        <v>13200</v>
      </c>
      <c r="OK37" s="346">
        <v>59440</v>
      </c>
      <c r="OL37" s="351">
        <v>0</v>
      </c>
      <c r="OM37" s="345">
        <v>789626</v>
      </c>
      <c r="ON37" s="345">
        <v>867073</v>
      </c>
      <c r="OO37" s="345">
        <v>1139836</v>
      </c>
      <c r="OP37" s="345">
        <v>1412656</v>
      </c>
      <c r="OQ37" s="345">
        <v>270737</v>
      </c>
      <c r="OR37" s="349">
        <v>4479928</v>
      </c>
      <c r="OS37" s="354">
        <v>4539368</v>
      </c>
    </row>
    <row r="38" spans="2:409" s="70" customFormat="1" ht="21" customHeight="1" x14ac:dyDescent="0.2">
      <c r="B38" s="410" t="s">
        <v>33</v>
      </c>
      <c r="C38" s="326">
        <v>56644</v>
      </c>
      <c r="D38" s="327">
        <v>39572</v>
      </c>
      <c r="E38" s="328">
        <v>96216</v>
      </c>
      <c r="F38" s="329">
        <v>0</v>
      </c>
      <c r="G38" s="327">
        <v>226628</v>
      </c>
      <c r="H38" s="327">
        <v>0</v>
      </c>
      <c r="I38" s="327">
        <v>178477</v>
      </c>
      <c r="J38" s="327">
        <v>0</v>
      </c>
      <c r="K38" s="327">
        <v>532405</v>
      </c>
      <c r="L38" s="367">
        <v>937510</v>
      </c>
      <c r="M38" s="330">
        <v>1033726</v>
      </c>
      <c r="N38" s="326">
        <v>51940</v>
      </c>
      <c r="O38" s="327">
        <v>39572</v>
      </c>
      <c r="P38" s="328">
        <v>91512</v>
      </c>
      <c r="Q38" s="326">
        <v>0</v>
      </c>
      <c r="R38" s="327">
        <v>171423</v>
      </c>
      <c r="S38" s="327">
        <v>0</v>
      </c>
      <c r="T38" s="327">
        <v>178477</v>
      </c>
      <c r="U38" s="327">
        <v>0</v>
      </c>
      <c r="V38" s="327">
        <v>4160</v>
      </c>
      <c r="W38" s="328">
        <v>354060</v>
      </c>
      <c r="X38" s="330">
        <v>445572</v>
      </c>
      <c r="Y38" s="326">
        <v>0</v>
      </c>
      <c r="Z38" s="327">
        <v>0</v>
      </c>
      <c r="AA38" s="328">
        <v>0</v>
      </c>
      <c r="AB38" s="326">
        <v>0</v>
      </c>
      <c r="AC38" s="327">
        <v>44212</v>
      </c>
      <c r="AD38" s="327">
        <v>0</v>
      </c>
      <c r="AE38" s="327">
        <v>54218</v>
      </c>
      <c r="AF38" s="327">
        <v>0</v>
      </c>
      <c r="AG38" s="327">
        <v>0</v>
      </c>
      <c r="AH38" s="328">
        <v>98430</v>
      </c>
      <c r="AI38" s="330">
        <v>98430</v>
      </c>
      <c r="AJ38" s="326">
        <v>0</v>
      </c>
      <c r="AK38" s="327">
        <v>0</v>
      </c>
      <c r="AL38" s="328">
        <v>0</v>
      </c>
      <c r="AM38" s="326">
        <v>0</v>
      </c>
      <c r="AN38" s="327">
        <v>0</v>
      </c>
      <c r="AO38" s="327">
        <v>0</v>
      </c>
      <c r="AP38" s="327">
        <v>0</v>
      </c>
      <c r="AQ38" s="327">
        <v>0</v>
      </c>
      <c r="AR38" s="327">
        <v>0</v>
      </c>
      <c r="AS38" s="328">
        <v>0</v>
      </c>
      <c r="AT38" s="330">
        <v>0</v>
      </c>
      <c r="AU38" s="326">
        <v>0</v>
      </c>
      <c r="AV38" s="327">
        <v>0</v>
      </c>
      <c r="AW38" s="328">
        <v>0</v>
      </c>
      <c r="AX38" s="326">
        <v>0</v>
      </c>
      <c r="AY38" s="327">
        <v>19096</v>
      </c>
      <c r="AZ38" s="327">
        <v>0</v>
      </c>
      <c r="BA38" s="327">
        <v>20288</v>
      </c>
      <c r="BB38" s="327">
        <v>0</v>
      </c>
      <c r="BC38" s="327">
        <v>0</v>
      </c>
      <c r="BD38" s="328">
        <v>39384</v>
      </c>
      <c r="BE38" s="330">
        <v>39384</v>
      </c>
      <c r="BF38" s="326">
        <v>51940</v>
      </c>
      <c r="BG38" s="327">
        <v>39572</v>
      </c>
      <c r="BH38" s="331">
        <v>91512</v>
      </c>
      <c r="BI38" s="332">
        <v>0</v>
      </c>
      <c r="BJ38" s="327">
        <v>99827</v>
      </c>
      <c r="BK38" s="327">
        <v>0</v>
      </c>
      <c r="BL38" s="327">
        <v>99827</v>
      </c>
      <c r="BM38" s="327">
        <v>0</v>
      </c>
      <c r="BN38" s="327">
        <v>0</v>
      </c>
      <c r="BO38" s="328">
        <v>199654</v>
      </c>
      <c r="BP38" s="330">
        <v>291166</v>
      </c>
      <c r="BQ38" s="326">
        <v>0</v>
      </c>
      <c r="BR38" s="327">
        <v>0</v>
      </c>
      <c r="BS38" s="328">
        <v>0</v>
      </c>
      <c r="BT38" s="326">
        <v>0</v>
      </c>
      <c r="BU38" s="327">
        <v>8288</v>
      </c>
      <c r="BV38" s="327">
        <v>0</v>
      </c>
      <c r="BW38" s="327">
        <v>4144</v>
      </c>
      <c r="BX38" s="327">
        <v>0</v>
      </c>
      <c r="BY38" s="327">
        <v>4160</v>
      </c>
      <c r="BZ38" s="328">
        <v>16592</v>
      </c>
      <c r="CA38" s="330">
        <v>16592</v>
      </c>
      <c r="CB38" s="326">
        <v>0</v>
      </c>
      <c r="CC38" s="327">
        <v>0</v>
      </c>
      <c r="CD38" s="328">
        <v>0</v>
      </c>
      <c r="CE38" s="326">
        <v>0</v>
      </c>
      <c r="CF38" s="327">
        <v>0</v>
      </c>
      <c r="CG38" s="327">
        <v>0</v>
      </c>
      <c r="CH38" s="327">
        <v>0</v>
      </c>
      <c r="CI38" s="327">
        <v>0</v>
      </c>
      <c r="CJ38" s="327">
        <v>0</v>
      </c>
      <c r="CK38" s="328">
        <v>0</v>
      </c>
      <c r="CL38" s="330">
        <v>0</v>
      </c>
      <c r="CM38" s="326">
        <v>0</v>
      </c>
      <c r="CN38" s="327">
        <v>0</v>
      </c>
      <c r="CO38" s="328">
        <v>0</v>
      </c>
      <c r="CP38" s="332">
        <v>0</v>
      </c>
      <c r="CQ38" s="327">
        <v>0</v>
      </c>
      <c r="CR38" s="327">
        <v>0</v>
      </c>
      <c r="CS38" s="327">
        <v>0</v>
      </c>
      <c r="CT38" s="327">
        <v>0</v>
      </c>
      <c r="CU38" s="327">
        <v>0</v>
      </c>
      <c r="CV38" s="328">
        <v>0</v>
      </c>
      <c r="CW38" s="330">
        <v>0</v>
      </c>
      <c r="CX38" s="326">
        <v>0</v>
      </c>
      <c r="CY38" s="327">
        <v>0</v>
      </c>
      <c r="CZ38" s="328">
        <v>0</v>
      </c>
      <c r="DA38" s="326">
        <v>0</v>
      </c>
      <c r="DB38" s="327">
        <v>0</v>
      </c>
      <c r="DC38" s="327">
        <v>0</v>
      </c>
      <c r="DD38" s="327">
        <v>0</v>
      </c>
      <c r="DE38" s="327">
        <v>0</v>
      </c>
      <c r="DF38" s="327">
        <v>0</v>
      </c>
      <c r="DG38" s="328">
        <v>0</v>
      </c>
      <c r="DH38" s="330">
        <v>0</v>
      </c>
      <c r="DI38" s="326">
        <v>0</v>
      </c>
      <c r="DJ38" s="327">
        <v>0</v>
      </c>
      <c r="DK38" s="331">
        <v>0</v>
      </c>
      <c r="DL38" s="332">
        <v>0</v>
      </c>
      <c r="DM38" s="327">
        <v>29565</v>
      </c>
      <c r="DN38" s="327">
        <v>0</v>
      </c>
      <c r="DO38" s="327">
        <v>0</v>
      </c>
      <c r="DP38" s="327">
        <v>0</v>
      </c>
      <c r="DQ38" s="327">
        <v>266672</v>
      </c>
      <c r="DR38" s="328">
        <v>296237</v>
      </c>
      <c r="DS38" s="330">
        <v>296237</v>
      </c>
      <c r="DT38" s="326">
        <v>0</v>
      </c>
      <c r="DU38" s="327">
        <v>0</v>
      </c>
      <c r="DV38" s="328">
        <v>0</v>
      </c>
      <c r="DW38" s="326">
        <v>0</v>
      </c>
      <c r="DX38" s="327">
        <v>29565</v>
      </c>
      <c r="DY38" s="327">
        <v>0</v>
      </c>
      <c r="DZ38" s="327">
        <v>0</v>
      </c>
      <c r="EA38" s="327">
        <v>0</v>
      </c>
      <c r="EB38" s="327">
        <v>266672</v>
      </c>
      <c r="EC38" s="328">
        <v>296237</v>
      </c>
      <c r="ED38" s="330">
        <v>296237</v>
      </c>
      <c r="EE38" s="326">
        <v>0</v>
      </c>
      <c r="EF38" s="331">
        <v>0</v>
      </c>
      <c r="EG38" s="328">
        <v>0</v>
      </c>
      <c r="EH38" s="326">
        <v>0</v>
      </c>
      <c r="EI38" s="327">
        <v>0</v>
      </c>
      <c r="EJ38" s="327">
        <v>0</v>
      </c>
      <c r="EK38" s="327">
        <v>0</v>
      </c>
      <c r="EL38" s="327">
        <v>0</v>
      </c>
      <c r="EM38" s="327">
        <v>0</v>
      </c>
      <c r="EN38" s="331">
        <v>0</v>
      </c>
      <c r="EO38" s="330">
        <v>0</v>
      </c>
      <c r="EP38" s="326">
        <v>0</v>
      </c>
      <c r="EQ38" s="327">
        <v>0</v>
      </c>
      <c r="ER38" s="331">
        <v>0</v>
      </c>
      <c r="ES38" s="332">
        <v>0</v>
      </c>
      <c r="ET38" s="327">
        <v>0</v>
      </c>
      <c r="EU38" s="327">
        <v>0</v>
      </c>
      <c r="EV38" s="327">
        <v>0</v>
      </c>
      <c r="EW38" s="327">
        <v>0</v>
      </c>
      <c r="EX38" s="327">
        <v>0</v>
      </c>
      <c r="EY38" s="328">
        <v>0</v>
      </c>
      <c r="EZ38" s="330">
        <v>0</v>
      </c>
      <c r="FA38" s="326">
        <v>0</v>
      </c>
      <c r="FB38" s="327">
        <v>0</v>
      </c>
      <c r="FC38" s="331">
        <v>0</v>
      </c>
      <c r="FD38" s="332">
        <v>0</v>
      </c>
      <c r="FE38" s="327">
        <v>0</v>
      </c>
      <c r="FF38" s="327">
        <v>0</v>
      </c>
      <c r="FG38" s="327">
        <v>0</v>
      </c>
      <c r="FH38" s="327">
        <v>0</v>
      </c>
      <c r="FI38" s="327">
        <v>0</v>
      </c>
      <c r="FJ38" s="328">
        <v>0</v>
      </c>
      <c r="FK38" s="330">
        <v>0</v>
      </c>
      <c r="FL38" s="326">
        <v>4704</v>
      </c>
      <c r="FM38" s="327">
        <v>0</v>
      </c>
      <c r="FN38" s="328">
        <v>4704</v>
      </c>
      <c r="FO38" s="326">
        <v>0</v>
      </c>
      <c r="FP38" s="327">
        <v>25640</v>
      </c>
      <c r="FQ38" s="327">
        <v>0</v>
      </c>
      <c r="FR38" s="327">
        <v>0</v>
      </c>
      <c r="FS38" s="327">
        <v>0</v>
      </c>
      <c r="FT38" s="327">
        <v>0</v>
      </c>
      <c r="FU38" s="328">
        <v>25640</v>
      </c>
      <c r="FV38" s="330">
        <v>30344</v>
      </c>
      <c r="FW38" s="333">
        <v>4704</v>
      </c>
      <c r="FX38" s="327">
        <v>0</v>
      </c>
      <c r="FY38" s="331">
        <v>4704</v>
      </c>
      <c r="FZ38" s="332">
        <v>0</v>
      </c>
      <c r="GA38" s="327">
        <v>25640</v>
      </c>
      <c r="GB38" s="327">
        <v>0</v>
      </c>
      <c r="GC38" s="327">
        <v>0</v>
      </c>
      <c r="GD38" s="327">
        <v>0</v>
      </c>
      <c r="GE38" s="327">
        <v>0</v>
      </c>
      <c r="GF38" s="328">
        <v>25640</v>
      </c>
      <c r="GG38" s="334">
        <v>30344</v>
      </c>
      <c r="GH38" s="333">
        <v>0</v>
      </c>
      <c r="GI38" s="327">
        <v>0</v>
      </c>
      <c r="GJ38" s="331">
        <v>0</v>
      </c>
      <c r="GK38" s="332">
        <v>0</v>
      </c>
      <c r="GL38" s="327">
        <v>0</v>
      </c>
      <c r="GM38" s="327">
        <v>0</v>
      </c>
      <c r="GN38" s="327">
        <v>0</v>
      </c>
      <c r="GO38" s="327">
        <v>0</v>
      </c>
      <c r="GP38" s="327">
        <v>0</v>
      </c>
      <c r="GQ38" s="328">
        <v>0</v>
      </c>
      <c r="GR38" s="330">
        <v>0</v>
      </c>
      <c r="GS38" s="326">
        <v>0</v>
      </c>
      <c r="GT38" s="327">
        <v>0</v>
      </c>
      <c r="GU38" s="328">
        <v>0</v>
      </c>
      <c r="GV38" s="326">
        <v>0</v>
      </c>
      <c r="GW38" s="327">
        <v>0</v>
      </c>
      <c r="GX38" s="327">
        <v>0</v>
      </c>
      <c r="GY38" s="327">
        <v>0</v>
      </c>
      <c r="GZ38" s="327">
        <v>0</v>
      </c>
      <c r="HA38" s="327">
        <v>0</v>
      </c>
      <c r="HB38" s="331">
        <v>0</v>
      </c>
      <c r="HC38" s="330">
        <v>0</v>
      </c>
      <c r="HD38" s="326">
        <v>0</v>
      </c>
      <c r="HE38" s="327">
        <v>0</v>
      </c>
      <c r="HF38" s="331">
        <v>0</v>
      </c>
      <c r="HG38" s="332">
        <v>0</v>
      </c>
      <c r="HH38" s="327">
        <v>0</v>
      </c>
      <c r="HI38" s="327">
        <v>0</v>
      </c>
      <c r="HJ38" s="327">
        <v>0</v>
      </c>
      <c r="HK38" s="327">
        <v>0</v>
      </c>
      <c r="HL38" s="327">
        <v>261573</v>
      </c>
      <c r="HM38" s="328">
        <v>261573</v>
      </c>
      <c r="HN38" s="329">
        <v>261573</v>
      </c>
      <c r="HO38" s="333">
        <v>0</v>
      </c>
      <c r="HP38" s="327">
        <v>0</v>
      </c>
      <c r="HQ38" s="328">
        <v>0</v>
      </c>
      <c r="HR38" s="326">
        <v>0</v>
      </c>
      <c r="HS38" s="327">
        <v>0</v>
      </c>
      <c r="HT38" s="327">
        <v>0</v>
      </c>
      <c r="HU38" s="327">
        <v>0</v>
      </c>
      <c r="HV38" s="327">
        <v>0</v>
      </c>
      <c r="HW38" s="327">
        <v>0</v>
      </c>
      <c r="HX38" s="331">
        <v>0</v>
      </c>
      <c r="HY38" s="330">
        <v>0</v>
      </c>
      <c r="HZ38" s="358">
        <v>0</v>
      </c>
      <c r="IA38" s="356">
        <v>0</v>
      </c>
      <c r="IB38" s="358">
        <v>0</v>
      </c>
      <c r="IC38" s="338">
        <v>0</v>
      </c>
      <c r="ID38" s="336">
        <v>130968</v>
      </c>
      <c r="IE38" s="339">
        <v>0</v>
      </c>
      <c r="IF38" s="337">
        <v>0</v>
      </c>
      <c r="IG38" s="336">
        <v>0</v>
      </c>
      <c r="IH38" s="337">
        <v>0</v>
      </c>
      <c r="II38" s="340">
        <v>130968</v>
      </c>
      <c r="IJ38" s="358">
        <v>130968</v>
      </c>
      <c r="IK38" s="342">
        <v>0</v>
      </c>
      <c r="IL38" s="343">
        <v>0</v>
      </c>
      <c r="IM38" s="344">
        <v>0</v>
      </c>
      <c r="IN38" s="404">
        <v>0</v>
      </c>
      <c r="IO38" s="345">
        <v>0</v>
      </c>
      <c r="IP38" s="345">
        <v>0</v>
      </c>
      <c r="IQ38" s="345">
        <v>0</v>
      </c>
      <c r="IR38" s="345">
        <v>0</v>
      </c>
      <c r="IS38" s="345">
        <v>0</v>
      </c>
      <c r="IT38" s="346">
        <v>0</v>
      </c>
      <c r="IU38" s="347">
        <v>0</v>
      </c>
      <c r="IV38" s="348">
        <v>0</v>
      </c>
      <c r="IW38" s="345">
        <v>0</v>
      </c>
      <c r="IX38" s="349">
        <v>0</v>
      </c>
      <c r="IY38" s="404">
        <v>0</v>
      </c>
      <c r="IZ38" s="345">
        <v>0</v>
      </c>
      <c r="JA38" s="345">
        <v>0</v>
      </c>
      <c r="JB38" s="345">
        <v>0</v>
      </c>
      <c r="JC38" s="345">
        <v>0</v>
      </c>
      <c r="JD38" s="345">
        <v>0</v>
      </c>
      <c r="JE38" s="349">
        <v>0</v>
      </c>
      <c r="JF38" s="350">
        <v>0</v>
      </c>
      <c r="JG38" s="348">
        <v>0</v>
      </c>
      <c r="JH38" s="345">
        <v>0</v>
      </c>
      <c r="JI38" s="346">
        <v>0</v>
      </c>
      <c r="JJ38" s="351">
        <v>0</v>
      </c>
      <c r="JK38" s="345">
        <v>130968</v>
      </c>
      <c r="JL38" s="345">
        <v>0</v>
      </c>
      <c r="JM38" s="345">
        <v>0</v>
      </c>
      <c r="JN38" s="345">
        <v>0</v>
      </c>
      <c r="JO38" s="345">
        <v>0</v>
      </c>
      <c r="JP38" s="349">
        <v>130968</v>
      </c>
      <c r="JQ38" s="347">
        <v>130968</v>
      </c>
      <c r="JR38" s="348">
        <v>0</v>
      </c>
      <c r="JS38" s="345">
        <v>0</v>
      </c>
      <c r="JT38" s="346">
        <v>0</v>
      </c>
      <c r="JU38" s="351">
        <v>0</v>
      </c>
      <c r="JV38" s="345">
        <v>0</v>
      </c>
      <c r="JW38" s="345">
        <v>0</v>
      </c>
      <c r="JX38" s="345">
        <v>0</v>
      </c>
      <c r="JY38" s="345">
        <v>0</v>
      </c>
      <c r="JZ38" s="345">
        <v>0</v>
      </c>
      <c r="KA38" s="349">
        <v>0</v>
      </c>
      <c r="KB38" s="347">
        <v>0</v>
      </c>
      <c r="KC38" s="352">
        <v>0</v>
      </c>
      <c r="KD38" s="353">
        <v>0</v>
      </c>
      <c r="KE38" s="349">
        <v>0</v>
      </c>
      <c r="KF38" s="351">
        <v>0</v>
      </c>
      <c r="KG38" s="345">
        <v>0</v>
      </c>
      <c r="KH38" s="345">
        <v>0</v>
      </c>
      <c r="KI38" s="345">
        <v>0</v>
      </c>
      <c r="KJ38" s="345">
        <v>0</v>
      </c>
      <c r="KK38" s="345">
        <v>0</v>
      </c>
      <c r="KL38" s="349">
        <v>0</v>
      </c>
      <c r="KM38" s="354">
        <v>0</v>
      </c>
      <c r="KN38" s="342">
        <v>0</v>
      </c>
      <c r="KO38" s="343">
        <v>0</v>
      </c>
      <c r="KP38" s="344">
        <v>0</v>
      </c>
      <c r="KQ38" s="404">
        <v>0</v>
      </c>
      <c r="KR38" s="345">
        <v>0</v>
      </c>
      <c r="KS38" s="345">
        <v>0</v>
      </c>
      <c r="KT38" s="345">
        <v>0</v>
      </c>
      <c r="KU38" s="345">
        <v>0</v>
      </c>
      <c r="KV38" s="345">
        <v>0</v>
      </c>
      <c r="KW38" s="349">
        <v>0</v>
      </c>
      <c r="KX38" s="347">
        <v>0</v>
      </c>
      <c r="KY38" s="348">
        <v>0</v>
      </c>
      <c r="KZ38" s="345">
        <v>0</v>
      </c>
      <c r="LA38" s="349">
        <v>0</v>
      </c>
      <c r="LB38" s="404">
        <v>0</v>
      </c>
      <c r="LC38" s="345">
        <v>0</v>
      </c>
      <c r="LD38" s="345">
        <v>0</v>
      </c>
      <c r="LE38" s="345">
        <v>0</v>
      </c>
      <c r="LF38" s="345">
        <v>0</v>
      </c>
      <c r="LG38" s="345">
        <v>0</v>
      </c>
      <c r="LH38" s="349">
        <v>0</v>
      </c>
      <c r="LI38" s="350">
        <v>0</v>
      </c>
      <c r="LJ38" s="348">
        <v>0</v>
      </c>
      <c r="LK38" s="345">
        <v>0</v>
      </c>
      <c r="LL38" s="349">
        <v>0</v>
      </c>
      <c r="LM38" s="404">
        <v>0</v>
      </c>
      <c r="LN38" s="345">
        <v>0</v>
      </c>
      <c r="LO38" s="345">
        <v>0</v>
      </c>
      <c r="LP38" s="345">
        <v>0</v>
      </c>
      <c r="LQ38" s="345">
        <v>0</v>
      </c>
      <c r="LR38" s="345">
        <v>0</v>
      </c>
      <c r="LS38" s="349">
        <v>0</v>
      </c>
      <c r="LT38" s="347">
        <v>0</v>
      </c>
      <c r="LU38" s="348">
        <v>0</v>
      </c>
      <c r="LV38" s="345">
        <v>0</v>
      </c>
      <c r="LW38" s="349">
        <v>0</v>
      </c>
      <c r="LX38" s="404">
        <v>0</v>
      </c>
      <c r="LY38" s="345">
        <v>0</v>
      </c>
      <c r="LZ38" s="345">
        <v>0</v>
      </c>
      <c r="MA38" s="345">
        <v>0</v>
      </c>
      <c r="MB38" s="345">
        <v>0</v>
      </c>
      <c r="MC38" s="345">
        <v>0</v>
      </c>
      <c r="MD38" s="349">
        <v>0</v>
      </c>
      <c r="ME38" s="350">
        <v>0</v>
      </c>
      <c r="MF38" s="348">
        <v>0</v>
      </c>
      <c r="MG38" s="345">
        <v>0</v>
      </c>
      <c r="MH38" s="349">
        <v>0</v>
      </c>
      <c r="MI38" s="404">
        <v>0</v>
      </c>
      <c r="MJ38" s="345">
        <v>0</v>
      </c>
      <c r="MK38" s="345">
        <v>0</v>
      </c>
      <c r="ML38" s="345">
        <v>0</v>
      </c>
      <c r="MM38" s="345">
        <v>232140</v>
      </c>
      <c r="MN38" s="345">
        <v>0</v>
      </c>
      <c r="MO38" s="349">
        <v>232140</v>
      </c>
      <c r="MP38" s="354">
        <v>232140</v>
      </c>
      <c r="MQ38" s="348">
        <v>0</v>
      </c>
      <c r="MR38" s="345">
        <v>0</v>
      </c>
      <c r="MS38" s="349">
        <v>0</v>
      </c>
      <c r="MT38" s="404">
        <v>0</v>
      </c>
      <c r="MU38" s="345">
        <v>0</v>
      </c>
      <c r="MV38" s="345">
        <v>0</v>
      </c>
      <c r="MW38" s="345">
        <v>0</v>
      </c>
      <c r="MX38" s="345">
        <v>232140</v>
      </c>
      <c r="MY38" s="345">
        <v>0</v>
      </c>
      <c r="MZ38" s="349">
        <v>232140</v>
      </c>
      <c r="NA38" s="354">
        <v>232140</v>
      </c>
      <c r="NB38" s="348">
        <v>0</v>
      </c>
      <c r="NC38" s="345">
        <v>0</v>
      </c>
      <c r="ND38" s="349">
        <v>0</v>
      </c>
      <c r="NE38" s="404">
        <v>0</v>
      </c>
      <c r="NF38" s="345">
        <v>0</v>
      </c>
      <c r="NG38" s="345">
        <v>0</v>
      </c>
      <c r="NH38" s="345">
        <v>0</v>
      </c>
      <c r="NI38" s="345">
        <v>0</v>
      </c>
      <c r="NJ38" s="345">
        <v>0</v>
      </c>
      <c r="NK38" s="349">
        <v>0</v>
      </c>
      <c r="NL38" s="347">
        <v>0</v>
      </c>
      <c r="NM38" s="348">
        <v>0</v>
      </c>
      <c r="NN38" s="345">
        <v>0</v>
      </c>
      <c r="NO38" s="349">
        <v>0</v>
      </c>
      <c r="NP38" s="404">
        <v>0</v>
      </c>
      <c r="NQ38" s="345">
        <v>0</v>
      </c>
      <c r="NR38" s="345">
        <v>0</v>
      </c>
      <c r="NS38" s="345">
        <v>0</v>
      </c>
      <c r="NT38" s="345">
        <v>0</v>
      </c>
      <c r="NU38" s="345">
        <v>0</v>
      </c>
      <c r="NV38" s="349">
        <v>0</v>
      </c>
      <c r="NW38" s="350">
        <v>0</v>
      </c>
      <c r="NX38" s="348">
        <v>0</v>
      </c>
      <c r="NY38" s="345">
        <v>0</v>
      </c>
      <c r="NZ38" s="349">
        <v>0</v>
      </c>
      <c r="OA38" s="404">
        <v>0</v>
      </c>
      <c r="OB38" s="345">
        <v>0</v>
      </c>
      <c r="OC38" s="345">
        <v>0</v>
      </c>
      <c r="OD38" s="345">
        <v>0</v>
      </c>
      <c r="OE38" s="345">
        <v>0</v>
      </c>
      <c r="OF38" s="345">
        <v>0</v>
      </c>
      <c r="OG38" s="349">
        <v>0</v>
      </c>
      <c r="OH38" s="350">
        <v>0</v>
      </c>
      <c r="OI38" s="348">
        <v>56644</v>
      </c>
      <c r="OJ38" s="345">
        <v>39572</v>
      </c>
      <c r="OK38" s="346">
        <v>96216</v>
      </c>
      <c r="OL38" s="351">
        <v>0</v>
      </c>
      <c r="OM38" s="345">
        <v>357596</v>
      </c>
      <c r="ON38" s="345">
        <v>0</v>
      </c>
      <c r="OO38" s="345">
        <v>178477</v>
      </c>
      <c r="OP38" s="345">
        <v>232140</v>
      </c>
      <c r="OQ38" s="345">
        <v>532405</v>
      </c>
      <c r="OR38" s="349">
        <v>1300618</v>
      </c>
      <c r="OS38" s="354">
        <v>1396834</v>
      </c>
    </row>
    <row r="39" spans="2:409" s="70" customFormat="1" ht="21" customHeight="1" x14ac:dyDescent="0.2">
      <c r="B39" s="410" t="s">
        <v>34</v>
      </c>
      <c r="C39" s="326">
        <v>0</v>
      </c>
      <c r="D39" s="327">
        <v>0</v>
      </c>
      <c r="E39" s="368">
        <v>0</v>
      </c>
      <c r="F39" s="370">
        <v>0</v>
      </c>
      <c r="G39" s="369">
        <v>57848</v>
      </c>
      <c r="H39" s="369">
        <v>477708</v>
      </c>
      <c r="I39" s="369">
        <v>16736</v>
      </c>
      <c r="J39" s="369">
        <v>698415</v>
      </c>
      <c r="K39" s="369">
        <v>139312</v>
      </c>
      <c r="L39" s="370">
        <v>1390019</v>
      </c>
      <c r="M39" s="330">
        <v>1390019</v>
      </c>
      <c r="N39" s="326">
        <v>0</v>
      </c>
      <c r="O39" s="327">
        <v>0</v>
      </c>
      <c r="P39" s="328">
        <v>0</v>
      </c>
      <c r="Q39" s="326">
        <v>0</v>
      </c>
      <c r="R39" s="327">
        <v>10656</v>
      </c>
      <c r="S39" s="327">
        <v>143180</v>
      </c>
      <c r="T39" s="327">
        <v>10656</v>
      </c>
      <c r="U39" s="327">
        <v>59864</v>
      </c>
      <c r="V39" s="327">
        <v>125104</v>
      </c>
      <c r="W39" s="328">
        <v>349460</v>
      </c>
      <c r="X39" s="330">
        <v>349460</v>
      </c>
      <c r="Y39" s="326">
        <v>0</v>
      </c>
      <c r="Z39" s="327">
        <v>0</v>
      </c>
      <c r="AA39" s="328">
        <v>0</v>
      </c>
      <c r="AB39" s="326">
        <v>0</v>
      </c>
      <c r="AC39" s="327">
        <v>0</v>
      </c>
      <c r="AD39" s="327">
        <v>0</v>
      </c>
      <c r="AE39" s="327">
        <v>0</v>
      </c>
      <c r="AF39" s="327">
        <v>0</v>
      </c>
      <c r="AG39" s="327">
        <v>0</v>
      </c>
      <c r="AH39" s="328">
        <v>0</v>
      </c>
      <c r="AI39" s="330">
        <v>0</v>
      </c>
      <c r="AJ39" s="326">
        <v>0</v>
      </c>
      <c r="AK39" s="327">
        <v>0</v>
      </c>
      <c r="AL39" s="328">
        <v>0</v>
      </c>
      <c r="AM39" s="326">
        <v>0</v>
      </c>
      <c r="AN39" s="327">
        <v>0</v>
      </c>
      <c r="AO39" s="327">
        <v>0</v>
      </c>
      <c r="AP39" s="327">
        <v>0</v>
      </c>
      <c r="AQ39" s="327">
        <v>0</v>
      </c>
      <c r="AR39" s="327">
        <v>0</v>
      </c>
      <c r="AS39" s="328">
        <v>0</v>
      </c>
      <c r="AT39" s="330">
        <v>0</v>
      </c>
      <c r="AU39" s="326">
        <v>0</v>
      </c>
      <c r="AV39" s="327">
        <v>0</v>
      </c>
      <c r="AW39" s="328">
        <v>0</v>
      </c>
      <c r="AX39" s="326">
        <v>0</v>
      </c>
      <c r="AY39" s="327">
        <v>0</v>
      </c>
      <c r="AZ39" s="327">
        <v>104012</v>
      </c>
      <c r="BA39" s="327">
        <v>0</v>
      </c>
      <c r="BB39" s="327">
        <v>0</v>
      </c>
      <c r="BC39" s="327">
        <v>80128</v>
      </c>
      <c r="BD39" s="328">
        <v>184140</v>
      </c>
      <c r="BE39" s="330">
        <v>184140</v>
      </c>
      <c r="BF39" s="326">
        <v>0</v>
      </c>
      <c r="BG39" s="327">
        <v>0</v>
      </c>
      <c r="BH39" s="331">
        <v>0</v>
      </c>
      <c r="BI39" s="332">
        <v>0</v>
      </c>
      <c r="BJ39" s="327">
        <v>0</v>
      </c>
      <c r="BK39" s="327">
        <v>0</v>
      </c>
      <c r="BL39" s="327">
        <v>0</v>
      </c>
      <c r="BM39" s="327">
        <v>0</v>
      </c>
      <c r="BN39" s="327">
        <v>40192</v>
      </c>
      <c r="BO39" s="328">
        <v>40192</v>
      </c>
      <c r="BP39" s="330">
        <v>40192</v>
      </c>
      <c r="BQ39" s="326">
        <v>0</v>
      </c>
      <c r="BR39" s="327">
        <v>0</v>
      </c>
      <c r="BS39" s="328">
        <v>0</v>
      </c>
      <c r="BT39" s="326">
        <v>0</v>
      </c>
      <c r="BU39" s="327">
        <v>10656</v>
      </c>
      <c r="BV39" s="327">
        <v>39168</v>
      </c>
      <c r="BW39" s="327">
        <v>10656</v>
      </c>
      <c r="BX39" s="327">
        <v>59864</v>
      </c>
      <c r="BY39" s="327">
        <v>4784</v>
      </c>
      <c r="BZ39" s="328">
        <v>125128</v>
      </c>
      <c r="CA39" s="330">
        <v>125128</v>
      </c>
      <c r="CB39" s="326">
        <v>0</v>
      </c>
      <c r="CC39" s="327">
        <v>0</v>
      </c>
      <c r="CD39" s="328">
        <v>0</v>
      </c>
      <c r="CE39" s="326">
        <v>0</v>
      </c>
      <c r="CF39" s="327">
        <v>44792</v>
      </c>
      <c r="CG39" s="327">
        <v>86120</v>
      </c>
      <c r="CH39" s="327">
        <v>0</v>
      </c>
      <c r="CI39" s="327">
        <v>0</v>
      </c>
      <c r="CJ39" s="327">
        <v>0</v>
      </c>
      <c r="CK39" s="328">
        <v>130912</v>
      </c>
      <c r="CL39" s="330">
        <v>130912</v>
      </c>
      <c r="CM39" s="326">
        <v>0</v>
      </c>
      <c r="CN39" s="327">
        <v>0</v>
      </c>
      <c r="CO39" s="328">
        <v>0</v>
      </c>
      <c r="CP39" s="332">
        <v>0</v>
      </c>
      <c r="CQ39" s="327">
        <v>44792</v>
      </c>
      <c r="CR39" s="327">
        <v>86120</v>
      </c>
      <c r="CS39" s="327">
        <v>0</v>
      </c>
      <c r="CT39" s="327">
        <v>0</v>
      </c>
      <c r="CU39" s="327">
        <v>0</v>
      </c>
      <c r="CV39" s="328">
        <v>130912</v>
      </c>
      <c r="CW39" s="330">
        <v>130912</v>
      </c>
      <c r="CX39" s="326">
        <v>0</v>
      </c>
      <c r="CY39" s="327">
        <v>0</v>
      </c>
      <c r="CZ39" s="328">
        <v>0</v>
      </c>
      <c r="DA39" s="326">
        <v>0</v>
      </c>
      <c r="DB39" s="327">
        <v>0</v>
      </c>
      <c r="DC39" s="327">
        <v>0</v>
      </c>
      <c r="DD39" s="327">
        <v>0</v>
      </c>
      <c r="DE39" s="327">
        <v>0</v>
      </c>
      <c r="DF39" s="327">
        <v>0</v>
      </c>
      <c r="DG39" s="328">
        <v>0</v>
      </c>
      <c r="DH39" s="330">
        <v>0</v>
      </c>
      <c r="DI39" s="326">
        <v>0</v>
      </c>
      <c r="DJ39" s="327">
        <v>0</v>
      </c>
      <c r="DK39" s="331">
        <v>0</v>
      </c>
      <c r="DL39" s="332">
        <v>0</v>
      </c>
      <c r="DM39" s="327">
        <v>0</v>
      </c>
      <c r="DN39" s="327">
        <v>0</v>
      </c>
      <c r="DO39" s="327">
        <v>0</v>
      </c>
      <c r="DP39" s="327">
        <v>0</v>
      </c>
      <c r="DQ39" s="327">
        <v>0</v>
      </c>
      <c r="DR39" s="328">
        <v>0</v>
      </c>
      <c r="DS39" s="330">
        <v>0</v>
      </c>
      <c r="DT39" s="326">
        <v>0</v>
      </c>
      <c r="DU39" s="327">
        <v>0</v>
      </c>
      <c r="DV39" s="328">
        <v>0</v>
      </c>
      <c r="DW39" s="326">
        <v>0</v>
      </c>
      <c r="DX39" s="327">
        <v>0</v>
      </c>
      <c r="DY39" s="327">
        <v>0</v>
      </c>
      <c r="DZ39" s="327">
        <v>0</v>
      </c>
      <c r="EA39" s="327">
        <v>0</v>
      </c>
      <c r="EB39" s="327">
        <v>0</v>
      </c>
      <c r="EC39" s="328">
        <v>0</v>
      </c>
      <c r="ED39" s="330">
        <v>0</v>
      </c>
      <c r="EE39" s="326">
        <v>0</v>
      </c>
      <c r="EF39" s="331">
        <v>0</v>
      </c>
      <c r="EG39" s="328">
        <v>0</v>
      </c>
      <c r="EH39" s="326">
        <v>0</v>
      </c>
      <c r="EI39" s="327">
        <v>0</v>
      </c>
      <c r="EJ39" s="327">
        <v>0</v>
      </c>
      <c r="EK39" s="327">
        <v>0</v>
      </c>
      <c r="EL39" s="327">
        <v>0</v>
      </c>
      <c r="EM39" s="327">
        <v>0</v>
      </c>
      <c r="EN39" s="331">
        <v>0</v>
      </c>
      <c r="EO39" s="330">
        <v>0</v>
      </c>
      <c r="EP39" s="326">
        <v>0</v>
      </c>
      <c r="EQ39" s="327">
        <v>0</v>
      </c>
      <c r="ER39" s="331">
        <v>0</v>
      </c>
      <c r="ES39" s="332">
        <v>0</v>
      </c>
      <c r="ET39" s="327">
        <v>0</v>
      </c>
      <c r="EU39" s="327">
        <v>0</v>
      </c>
      <c r="EV39" s="327">
        <v>0</v>
      </c>
      <c r="EW39" s="327">
        <v>0</v>
      </c>
      <c r="EX39" s="327">
        <v>0</v>
      </c>
      <c r="EY39" s="328">
        <v>0</v>
      </c>
      <c r="EZ39" s="330">
        <v>0</v>
      </c>
      <c r="FA39" s="326">
        <v>0</v>
      </c>
      <c r="FB39" s="327">
        <v>0</v>
      </c>
      <c r="FC39" s="331">
        <v>0</v>
      </c>
      <c r="FD39" s="332">
        <v>0</v>
      </c>
      <c r="FE39" s="327">
        <v>0</v>
      </c>
      <c r="FF39" s="327">
        <v>0</v>
      </c>
      <c r="FG39" s="327">
        <v>0</v>
      </c>
      <c r="FH39" s="327">
        <v>0</v>
      </c>
      <c r="FI39" s="327">
        <v>0</v>
      </c>
      <c r="FJ39" s="328">
        <v>0</v>
      </c>
      <c r="FK39" s="330">
        <v>0</v>
      </c>
      <c r="FL39" s="326">
        <v>0</v>
      </c>
      <c r="FM39" s="327">
        <v>0</v>
      </c>
      <c r="FN39" s="328">
        <v>0</v>
      </c>
      <c r="FO39" s="326">
        <v>0</v>
      </c>
      <c r="FP39" s="327">
        <v>2400</v>
      </c>
      <c r="FQ39" s="327">
        <v>77600</v>
      </c>
      <c r="FR39" s="327">
        <v>6080</v>
      </c>
      <c r="FS39" s="327">
        <v>0</v>
      </c>
      <c r="FT39" s="327">
        <v>14208</v>
      </c>
      <c r="FU39" s="328">
        <v>100288</v>
      </c>
      <c r="FV39" s="330">
        <v>100288</v>
      </c>
      <c r="FW39" s="333">
        <v>0</v>
      </c>
      <c r="FX39" s="327">
        <v>0</v>
      </c>
      <c r="FY39" s="331">
        <v>0</v>
      </c>
      <c r="FZ39" s="332">
        <v>0</v>
      </c>
      <c r="GA39" s="327">
        <v>2400</v>
      </c>
      <c r="GB39" s="327">
        <v>77600</v>
      </c>
      <c r="GC39" s="327">
        <v>6080</v>
      </c>
      <c r="GD39" s="327">
        <v>0</v>
      </c>
      <c r="GE39" s="327">
        <v>14208</v>
      </c>
      <c r="GF39" s="328">
        <v>100288</v>
      </c>
      <c r="GG39" s="334">
        <v>100288</v>
      </c>
      <c r="GH39" s="333">
        <v>0</v>
      </c>
      <c r="GI39" s="327">
        <v>0</v>
      </c>
      <c r="GJ39" s="331">
        <v>0</v>
      </c>
      <c r="GK39" s="332">
        <v>0</v>
      </c>
      <c r="GL39" s="327">
        <v>0</v>
      </c>
      <c r="GM39" s="327">
        <v>0</v>
      </c>
      <c r="GN39" s="327">
        <v>0</v>
      </c>
      <c r="GO39" s="327">
        <v>0</v>
      </c>
      <c r="GP39" s="327">
        <v>0</v>
      </c>
      <c r="GQ39" s="328">
        <v>0</v>
      </c>
      <c r="GR39" s="330">
        <v>0</v>
      </c>
      <c r="GS39" s="326">
        <v>0</v>
      </c>
      <c r="GT39" s="327">
        <v>0</v>
      </c>
      <c r="GU39" s="328">
        <v>0</v>
      </c>
      <c r="GV39" s="326">
        <v>0</v>
      </c>
      <c r="GW39" s="327">
        <v>0</v>
      </c>
      <c r="GX39" s="327">
        <v>0</v>
      </c>
      <c r="GY39" s="327">
        <v>0</v>
      </c>
      <c r="GZ39" s="327">
        <v>0</v>
      </c>
      <c r="HA39" s="327">
        <v>0</v>
      </c>
      <c r="HB39" s="331">
        <v>0</v>
      </c>
      <c r="HC39" s="330">
        <v>0</v>
      </c>
      <c r="HD39" s="326">
        <v>0</v>
      </c>
      <c r="HE39" s="327">
        <v>0</v>
      </c>
      <c r="HF39" s="331">
        <v>0</v>
      </c>
      <c r="HG39" s="332">
        <v>0</v>
      </c>
      <c r="HH39" s="327">
        <v>0</v>
      </c>
      <c r="HI39" s="327">
        <v>170808</v>
      </c>
      <c r="HJ39" s="327">
        <v>0</v>
      </c>
      <c r="HK39" s="327">
        <v>638551</v>
      </c>
      <c r="HL39" s="327">
        <v>0</v>
      </c>
      <c r="HM39" s="328">
        <v>809359</v>
      </c>
      <c r="HN39" s="329">
        <v>809359</v>
      </c>
      <c r="HO39" s="333">
        <v>0</v>
      </c>
      <c r="HP39" s="327">
        <v>0</v>
      </c>
      <c r="HQ39" s="328">
        <v>0</v>
      </c>
      <c r="HR39" s="326">
        <v>0</v>
      </c>
      <c r="HS39" s="327">
        <v>0</v>
      </c>
      <c r="HT39" s="327">
        <v>0</v>
      </c>
      <c r="HU39" s="327">
        <v>0</v>
      </c>
      <c r="HV39" s="327">
        <v>0</v>
      </c>
      <c r="HW39" s="327">
        <v>0</v>
      </c>
      <c r="HX39" s="331">
        <v>0</v>
      </c>
      <c r="HY39" s="330">
        <v>0</v>
      </c>
      <c r="HZ39" s="335">
        <v>0</v>
      </c>
      <c r="IA39" s="336">
        <v>0</v>
      </c>
      <c r="IB39" s="337">
        <v>0</v>
      </c>
      <c r="IC39" s="338">
        <v>0</v>
      </c>
      <c r="ID39" s="336">
        <v>355056</v>
      </c>
      <c r="IE39" s="339">
        <v>316144</v>
      </c>
      <c r="IF39" s="337">
        <v>248976</v>
      </c>
      <c r="IG39" s="336">
        <v>0</v>
      </c>
      <c r="IH39" s="337">
        <v>0</v>
      </c>
      <c r="II39" s="340">
        <v>920176</v>
      </c>
      <c r="IJ39" s="341">
        <v>920176</v>
      </c>
      <c r="IK39" s="342">
        <v>0</v>
      </c>
      <c r="IL39" s="343">
        <v>0</v>
      </c>
      <c r="IM39" s="344">
        <v>0</v>
      </c>
      <c r="IN39" s="404">
        <v>0</v>
      </c>
      <c r="IO39" s="345">
        <v>0</v>
      </c>
      <c r="IP39" s="345">
        <v>0</v>
      </c>
      <c r="IQ39" s="345">
        <v>0</v>
      </c>
      <c r="IR39" s="345">
        <v>0</v>
      </c>
      <c r="IS39" s="345">
        <v>0</v>
      </c>
      <c r="IT39" s="346">
        <v>0</v>
      </c>
      <c r="IU39" s="347">
        <v>0</v>
      </c>
      <c r="IV39" s="348">
        <v>0</v>
      </c>
      <c r="IW39" s="345">
        <v>0</v>
      </c>
      <c r="IX39" s="349">
        <v>0</v>
      </c>
      <c r="IY39" s="404">
        <v>0</v>
      </c>
      <c r="IZ39" s="345">
        <v>0</v>
      </c>
      <c r="JA39" s="345">
        <v>0</v>
      </c>
      <c r="JB39" s="345">
        <v>0</v>
      </c>
      <c r="JC39" s="345">
        <v>0</v>
      </c>
      <c r="JD39" s="345">
        <v>0</v>
      </c>
      <c r="JE39" s="349">
        <v>0</v>
      </c>
      <c r="JF39" s="350">
        <v>0</v>
      </c>
      <c r="JG39" s="348">
        <v>0</v>
      </c>
      <c r="JH39" s="345">
        <v>0</v>
      </c>
      <c r="JI39" s="346">
        <v>0</v>
      </c>
      <c r="JJ39" s="351">
        <v>0</v>
      </c>
      <c r="JK39" s="345">
        <v>121624</v>
      </c>
      <c r="JL39" s="345">
        <v>148096</v>
      </c>
      <c r="JM39" s="345">
        <v>0</v>
      </c>
      <c r="JN39" s="345">
        <v>0</v>
      </c>
      <c r="JO39" s="345">
        <v>0</v>
      </c>
      <c r="JP39" s="349">
        <v>269720</v>
      </c>
      <c r="JQ39" s="347">
        <v>269720</v>
      </c>
      <c r="JR39" s="348">
        <v>0</v>
      </c>
      <c r="JS39" s="345">
        <v>0</v>
      </c>
      <c r="JT39" s="346">
        <v>0</v>
      </c>
      <c r="JU39" s="351">
        <v>0</v>
      </c>
      <c r="JV39" s="345">
        <v>0</v>
      </c>
      <c r="JW39" s="345">
        <v>0</v>
      </c>
      <c r="JX39" s="345">
        <v>0</v>
      </c>
      <c r="JY39" s="345">
        <v>0</v>
      </c>
      <c r="JZ39" s="345">
        <v>0</v>
      </c>
      <c r="KA39" s="349">
        <v>0</v>
      </c>
      <c r="KB39" s="347">
        <v>0</v>
      </c>
      <c r="KC39" s="352">
        <v>0</v>
      </c>
      <c r="KD39" s="353">
        <v>0</v>
      </c>
      <c r="KE39" s="349">
        <v>0</v>
      </c>
      <c r="KF39" s="351">
        <v>0</v>
      </c>
      <c r="KG39" s="345">
        <v>0</v>
      </c>
      <c r="KH39" s="345">
        <v>168048</v>
      </c>
      <c r="KI39" s="345">
        <v>0</v>
      </c>
      <c r="KJ39" s="345">
        <v>0</v>
      </c>
      <c r="KK39" s="345">
        <v>0</v>
      </c>
      <c r="KL39" s="349">
        <v>168048</v>
      </c>
      <c r="KM39" s="354">
        <v>168048</v>
      </c>
      <c r="KN39" s="342">
        <v>0</v>
      </c>
      <c r="KO39" s="343">
        <v>0</v>
      </c>
      <c r="KP39" s="344">
        <v>0</v>
      </c>
      <c r="KQ39" s="404">
        <v>0</v>
      </c>
      <c r="KR39" s="345">
        <v>233432</v>
      </c>
      <c r="KS39" s="345">
        <v>0</v>
      </c>
      <c r="KT39" s="345">
        <v>248976</v>
      </c>
      <c r="KU39" s="345">
        <v>0</v>
      </c>
      <c r="KV39" s="345">
        <v>0</v>
      </c>
      <c r="KW39" s="349">
        <v>482408</v>
      </c>
      <c r="KX39" s="347">
        <v>482408</v>
      </c>
      <c r="KY39" s="348">
        <v>0</v>
      </c>
      <c r="KZ39" s="345">
        <v>0</v>
      </c>
      <c r="LA39" s="349">
        <v>0</v>
      </c>
      <c r="LB39" s="404">
        <v>0</v>
      </c>
      <c r="LC39" s="345">
        <v>0</v>
      </c>
      <c r="LD39" s="345">
        <v>0</v>
      </c>
      <c r="LE39" s="345">
        <v>0</v>
      </c>
      <c r="LF39" s="345">
        <v>0</v>
      </c>
      <c r="LG39" s="345">
        <v>0</v>
      </c>
      <c r="LH39" s="349">
        <v>0</v>
      </c>
      <c r="LI39" s="350">
        <v>0</v>
      </c>
      <c r="LJ39" s="348">
        <v>0</v>
      </c>
      <c r="LK39" s="345">
        <v>0</v>
      </c>
      <c r="LL39" s="349">
        <v>0</v>
      </c>
      <c r="LM39" s="404">
        <v>0</v>
      </c>
      <c r="LN39" s="345">
        <v>0</v>
      </c>
      <c r="LO39" s="345">
        <v>0</v>
      </c>
      <c r="LP39" s="345">
        <v>0</v>
      </c>
      <c r="LQ39" s="345">
        <v>0</v>
      </c>
      <c r="LR39" s="345">
        <v>0</v>
      </c>
      <c r="LS39" s="349">
        <v>0</v>
      </c>
      <c r="LT39" s="347">
        <v>0</v>
      </c>
      <c r="LU39" s="348">
        <v>0</v>
      </c>
      <c r="LV39" s="345">
        <v>0</v>
      </c>
      <c r="LW39" s="349">
        <v>0</v>
      </c>
      <c r="LX39" s="404">
        <v>0</v>
      </c>
      <c r="LY39" s="345">
        <v>0</v>
      </c>
      <c r="LZ39" s="345">
        <v>0</v>
      </c>
      <c r="MA39" s="345">
        <v>0</v>
      </c>
      <c r="MB39" s="345">
        <v>0</v>
      </c>
      <c r="MC39" s="345">
        <v>0</v>
      </c>
      <c r="MD39" s="349">
        <v>0</v>
      </c>
      <c r="ME39" s="350">
        <v>0</v>
      </c>
      <c r="MF39" s="348">
        <v>0</v>
      </c>
      <c r="MG39" s="345">
        <v>0</v>
      </c>
      <c r="MH39" s="349">
        <v>0</v>
      </c>
      <c r="MI39" s="404">
        <v>0</v>
      </c>
      <c r="MJ39" s="345">
        <v>0</v>
      </c>
      <c r="MK39" s="345">
        <v>0</v>
      </c>
      <c r="ML39" s="345">
        <v>255208</v>
      </c>
      <c r="MM39" s="345">
        <v>246896</v>
      </c>
      <c r="MN39" s="345">
        <v>0</v>
      </c>
      <c r="MO39" s="349">
        <v>502104</v>
      </c>
      <c r="MP39" s="354">
        <v>502104</v>
      </c>
      <c r="MQ39" s="348">
        <v>0</v>
      </c>
      <c r="MR39" s="345">
        <v>0</v>
      </c>
      <c r="MS39" s="349">
        <v>0</v>
      </c>
      <c r="MT39" s="404">
        <v>0</v>
      </c>
      <c r="MU39" s="345">
        <v>0</v>
      </c>
      <c r="MV39" s="345">
        <v>0</v>
      </c>
      <c r="MW39" s="345">
        <v>0</v>
      </c>
      <c r="MX39" s="345">
        <v>246896</v>
      </c>
      <c r="MY39" s="345">
        <v>0</v>
      </c>
      <c r="MZ39" s="349">
        <v>246896</v>
      </c>
      <c r="NA39" s="354">
        <v>246896</v>
      </c>
      <c r="NB39" s="348">
        <v>0</v>
      </c>
      <c r="NC39" s="345">
        <v>0</v>
      </c>
      <c r="ND39" s="349">
        <v>0</v>
      </c>
      <c r="NE39" s="404">
        <v>0</v>
      </c>
      <c r="NF39" s="345">
        <v>0</v>
      </c>
      <c r="NG39" s="345">
        <v>0</v>
      </c>
      <c r="NH39" s="345">
        <v>255208</v>
      </c>
      <c r="NI39" s="345">
        <v>0</v>
      </c>
      <c r="NJ39" s="345">
        <v>0</v>
      </c>
      <c r="NK39" s="349">
        <v>255208</v>
      </c>
      <c r="NL39" s="347">
        <v>255208</v>
      </c>
      <c r="NM39" s="348">
        <v>0</v>
      </c>
      <c r="NN39" s="345">
        <v>0</v>
      </c>
      <c r="NO39" s="349">
        <v>0</v>
      </c>
      <c r="NP39" s="404">
        <v>0</v>
      </c>
      <c r="NQ39" s="345">
        <v>0</v>
      </c>
      <c r="NR39" s="345">
        <v>0</v>
      </c>
      <c r="NS39" s="345">
        <v>0</v>
      </c>
      <c r="NT39" s="345">
        <v>0</v>
      </c>
      <c r="NU39" s="345">
        <v>0</v>
      </c>
      <c r="NV39" s="349">
        <v>0</v>
      </c>
      <c r="NW39" s="350">
        <v>0</v>
      </c>
      <c r="NX39" s="348">
        <v>0</v>
      </c>
      <c r="NY39" s="345">
        <v>0</v>
      </c>
      <c r="NZ39" s="349">
        <v>0</v>
      </c>
      <c r="OA39" s="404">
        <v>0</v>
      </c>
      <c r="OB39" s="345">
        <v>0</v>
      </c>
      <c r="OC39" s="345">
        <v>0</v>
      </c>
      <c r="OD39" s="345">
        <v>0</v>
      </c>
      <c r="OE39" s="345">
        <v>0</v>
      </c>
      <c r="OF39" s="345">
        <v>0</v>
      </c>
      <c r="OG39" s="349">
        <v>0</v>
      </c>
      <c r="OH39" s="350">
        <v>0</v>
      </c>
      <c r="OI39" s="348">
        <v>0</v>
      </c>
      <c r="OJ39" s="345">
        <v>0</v>
      </c>
      <c r="OK39" s="346">
        <v>0</v>
      </c>
      <c r="OL39" s="351">
        <v>0</v>
      </c>
      <c r="OM39" s="345">
        <v>412904</v>
      </c>
      <c r="ON39" s="345">
        <v>793852</v>
      </c>
      <c r="OO39" s="345">
        <v>520920</v>
      </c>
      <c r="OP39" s="345">
        <v>945311</v>
      </c>
      <c r="OQ39" s="345">
        <v>139312</v>
      </c>
      <c r="OR39" s="349">
        <v>2812299</v>
      </c>
      <c r="OS39" s="354">
        <v>2812299</v>
      </c>
    </row>
    <row r="40" spans="2:409" s="70" customFormat="1" ht="21" customHeight="1" x14ac:dyDescent="0.2">
      <c r="B40" s="410" t="s">
        <v>35</v>
      </c>
      <c r="C40" s="326">
        <v>115128</v>
      </c>
      <c r="D40" s="327">
        <v>70536</v>
      </c>
      <c r="E40" s="328">
        <v>185664</v>
      </c>
      <c r="F40" s="329">
        <v>0</v>
      </c>
      <c r="G40" s="327">
        <v>1312093</v>
      </c>
      <c r="H40" s="327">
        <v>1467158</v>
      </c>
      <c r="I40" s="327">
        <v>136000</v>
      </c>
      <c r="J40" s="327">
        <v>842944</v>
      </c>
      <c r="K40" s="327">
        <v>503616</v>
      </c>
      <c r="L40" s="367">
        <v>4261811</v>
      </c>
      <c r="M40" s="330">
        <v>4447475</v>
      </c>
      <c r="N40" s="326">
        <v>8208</v>
      </c>
      <c r="O40" s="327">
        <v>52320</v>
      </c>
      <c r="P40" s="328">
        <v>60528</v>
      </c>
      <c r="Q40" s="326">
        <v>0</v>
      </c>
      <c r="R40" s="327">
        <v>184110</v>
      </c>
      <c r="S40" s="327">
        <v>734177</v>
      </c>
      <c r="T40" s="327">
        <v>107648</v>
      </c>
      <c r="U40" s="327">
        <v>41984</v>
      </c>
      <c r="V40" s="327">
        <v>437104</v>
      </c>
      <c r="W40" s="328">
        <v>1505023</v>
      </c>
      <c r="X40" s="330">
        <v>1565551</v>
      </c>
      <c r="Y40" s="326">
        <v>0</v>
      </c>
      <c r="Z40" s="327">
        <v>0</v>
      </c>
      <c r="AA40" s="328">
        <v>0</v>
      </c>
      <c r="AB40" s="326">
        <v>0</v>
      </c>
      <c r="AC40" s="327">
        <v>23386</v>
      </c>
      <c r="AD40" s="327">
        <v>511633</v>
      </c>
      <c r="AE40" s="327">
        <v>0</v>
      </c>
      <c r="AF40" s="327">
        <v>0</v>
      </c>
      <c r="AG40" s="327">
        <v>0</v>
      </c>
      <c r="AH40" s="328">
        <v>535019</v>
      </c>
      <c r="AI40" s="330">
        <v>535019</v>
      </c>
      <c r="AJ40" s="326">
        <v>0</v>
      </c>
      <c r="AK40" s="327">
        <v>0</v>
      </c>
      <c r="AL40" s="328">
        <v>0</v>
      </c>
      <c r="AM40" s="326">
        <v>0</v>
      </c>
      <c r="AN40" s="327">
        <v>0</v>
      </c>
      <c r="AO40" s="327">
        <v>0</v>
      </c>
      <c r="AP40" s="327">
        <v>46112</v>
      </c>
      <c r="AQ40" s="327">
        <v>0</v>
      </c>
      <c r="AR40" s="327">
        <v>46112</v>
      </c>
      <c r="AS40" s="328">
        <v>92224</v>
      </c>
      <c r="AT40" s="330">
        <v>92224</v>
      </c>
      <c r="AU40" s="326">
        <v>0</v>
      </c>
      <c r="AV40" s="327">
        <v>23136</v>
      </c>
      <c r="AW40" s="328">
        <v>23136</v>
      </c>
      <c r="AX40" s="326">
        <v>0</v>
      </c>
      <c r="AY40" s="327">
        <v>47772</v>
      </c>
      <c r="AZ40" s="327">
        <v>154360</v>
      </c>
      <c r="BA40" s="327">
        <v>42336</v>
      </c>
      <c r="BB40" s="327">
        <v>0</v>
      </c>
      <c r="BC40" s="327">
        <v>362144</v>
      </c>
      <c r="BD40" s="328">
        <v>606612</v>
      </c>
      <c r="BE40" s="330">
        <v>629748</v>
      </c>
      <c r="BF40" s="326">
        <v>0</v>
      </c>
      <c r="BG40" s="327">
        <v>29184</v>
      </c>
      <c r="BH40" s="331">
        <v>29184</v>
      </c>
      <c r="BI40" s="332">
        <v>0</v>
      </c>
      <c r="BJ40" s="327">
        <v>60288</v>
      </c>
      <c r="BK40" s="327">
        <v>0</v>
      </c>
      <c r="BL40" s="327">
        <v>0</v>
      </c>
      <c r="BM40" s="327">
        <v>0</v>
      </c>
      <c r="BN40" s="327">
        <v>7536</v>
      </c>
      <c r="BO40" s="328">
        <v>67824</v>
      </c>
      <c r="BP40" s="330">
        <v>97008</v>
      </c>
      <c r="BQ40" s="326">
        <v>8208</v>
      </c>
      <c r="BR40" s="327">
        <v>0</v>
      </c>
      <c r="BS40" s="328">
        <v>8208</v>
      </c>
      <c r="BT40" s="326">
        <v>0</v>
      </c>
      <c r="BU40" s="327">
        <v>52664</v>
      </c>
      <c r="BV40" s="327">
        <v>68184</v>
      </c>
      <c r="BW40" s="327">
        <v>19200</v>
      </c>
      <c r="BX40" s="327">
        <v>41984</v>
      </c>
      <c r="BY40" s="327">
        <v>21312</v>
      </c>
      <c r="BZ40" s="328">
        <v>203344</v>
      </c>
      <c r="CA40" s="330">
        <v>211552</v>
      </c>
      <c r="CB40" s="326">
        <v>39984</v>
      </c>
      <c r="CC40" s="327">
        <v>0</v>
      </c>
      <c r="CD40" s="328">
        <v>39984</v>
      </c>
      <c r="CE40" s="326">
        <v>0</v>
      </c>
      <c r="CF40" s="327">
        <v>489023</v>
      </c>
      <c r="CG40" s="327">
        <v>370937</v>
      </c>
      <c r="CH40" s="327">
        <v>0</v>
      </c>
      <c r="CI40" s="327">
        <v>125192</v>
      </c>
      <c r="CJ40" s="327">
        <v>0</v>
      </c>
      <c r="CK40" s="328">
        <v>985152</v>
      </c>
      <c r="CL40" s="330">
        <v>1025136</v>
      </c>
      <c r="CM40" s="326">
        <v>0</v>
      </c>
      <c r="CN40" s="327">
        <v>0</v>
      </c>
      <c r="CO40" s="328">
        <v>0</v>
      </c>
      <c r="CP40" s="332">
        <v>0</v>
      </c>
      <c r="CQ40" s="327">
        <v>261192</v>
      </c>
      <c r="CR40" s="327">
        <v>134865</v>
      </c>
      <c r="CS40" s="327">
        <v>0</v>
      </c>
      <c r="CT40" s="327">
        <v>0</v>
      </c>
      <c r="CU40" s="327">
        <v>0</v>
      </c>
      <c r="CV40" s="328">
        <v>396057</v>
      </c>
      <c r="CW40" s="330">
        <v>396057</v>
      </c>
      <c r="CX40" s="326">
        <v>39984</v>
      </c>
      <c r="CY40" s="327">
        <v>0</v>
      </c>
      <c r="CZ40" s="328">
        <v>39984</v>
      </c>
      <c r="DA40" s="326">
        <v>0</v>
      </c>
      <c r="DB40" s="327">
        <v>227831</v>
      </c>
      <c r="DC40" s="327">
        <v>236072</v>
      </c>
      <c r="DD40" s="327">
        <v>0</v>
      </c>
      <c r="DE40" s="327">
        <v>125192</v>
      </c>
      <c r="DF40" s="327">
        <v>0</v>
      </c>
      <c r="DG40" s="328">
        <v>589095</v>
      </c>
      <c r="DH40" s="330">
        <v>629079</v>
      </c>
      <c r="DI40" s="326">
        <v>0</v>
      </c>
      <c r="DJ40" s="327">
        <v>0</v>
      </c>
      <c r="DK40" s="331">
        <v>0</v>
      </c>
      <c r="DL40" s="332">
        <v>0</v>
      </c>
      <c r="DM40" s="327">
        <v>0</v>
      </c>
      <c r="DN40" s="327">
        <v>0</v>
      </c>
      <c r="DO40" s="327">
        <v>0</v>
      </c>
      <c r="DP40" s="327">
        <v>0</v>
      </c>
      <c r="DQ40" s="327">
        <v>22232</v>
      </c>
      <c r="DR40" s="328">
        <v>22232</v>
      </c>
      <c r="DS40" s="330">
        <v>22232</v>
      </c>
      <c r="DT40" s="326">
        <v>0</v>
      </c>
      <c r="DU40" s="327">
        <v>0</v>
      </c>
      <c r="DV40" s="328">
        <v>0</v>
      </c>
      <c r="DW40" s="326">
        <v>0</v>
      </c>
      <c r="DX40" s="327">
        <v>0</v>
      </c>
      <c r="DY40" s="327">
        <v>0</v>
      </c>
      <c r="DZ40" s="327">
        <v>0</v>
      </c>
      <c r="EA40" s="327">
        <v>0</v>
      </c>
      <c r="EB40" s="327">
        <v>22232</v>
      </c>
      <c r="EC40" s="328">
        <v>22232</v>
      </c>
      <c r="ED40" s="330">
        <v>22232</v>
      </c>
      <c r="EE40" s="326">
        <v>0</v>
      </c>
      <c r="EF40" s="331">
        <v>0</v>
      </c>
      <c r="EG40" s="328">
        <v>0</v>
      </c>
      <c r="EH40" s="326">
        <v>0</v>
      </c>
      <c r="EI40" s="327">
        <v>0</v>
      </c>
      <c r="EJ40" s="327">
        <v>0</v>
      </c>
      <c r="EK40" s="327">
        <v>0</v>
      </c>
      <c r="EL40" s="327">
        <v>0</v>
      </c>
      <c r="EM40" s="327">
        <v>0</v>
      </c>
      <c r="EN40" s="331">
        <v>0</v>
      </c>
      <c r="EO40" s="330">
        <v>0</v>
      </c>
      <c r="EP40" s="326">
        <v>0</v>
      </c>
      <c r="EQ40" s="327">
        <v>0</v>
      </c>
      <c r="ER40" s="331">
        <v>0</v>
      </c>
      <c r="ES40" s="332">
        <v>0</v>
      </c>
      <c r="ET40" s="327">
        <v>0</v>
      </c>
      <c r="EU40" s="327">
        <v>0</v>
      </c>
      <c r="EV40" s="327">
        <v>0</v>
      </c>
      <c r="EW40" s="327">
        <v>0</v>
      </c>
      <c r="EX40" s="327">
        <v>0</v>
      </c>
      <c r="EY40" s="328">
        <v>0</v>
      </c>
      <c r="EZ40" s="330">
        <v>0</v>
      </c>
      <c r="FA40" s="326">
        <v>0</v>
      </c>
      <c r="FB40" s="327">
        <v>0</v>
      </c>
      <c r="FC40" s="331">
        <v>0</v>
      </c>
      <c r="FD40" s="332">
        <v>0</v>
      </c>
      <c r="FE40" s="327">
        <v>0</v>
      </c>
      <c r="FF40" s="327">
        <v>0</v>
      </c>
      <c r="FG40" s="327">
        <v>0</v>
      </c>
      <c r="FH40" s="327">
        <v>0</v>
      </c>
      <c r="FI40" s="327">
        <v>0</v>
      </c>
      <c r="FJ40" s="328">
        <v>0</v>
      </c>
      <c r="FK40" s="330">
        <v>0</v>
      </c>
      <c r="FL40" s="326">
        <v>4880</v>
      </c>
      <c r="FM40" s="327">
        <v>18216</v>
      </c>
      <c r="FN40" s="328">
        <v>23096</v>
      </c>
      <c r="FO40" s="326">
        <v>0</v>
      </c>
      <c r="FP40" s="327">
        <v>20000</v>
      </c>
      <c r="FQ40" s="327">
        <v>168416</v>
      </c>
      <c r="FR40" s="327">
        <v>28352</v>
      </c>
      <c r="FS40" s="327">
        <v>18000</v>
      </c>
      <c r="FT40" s="327">
        <v>44280</v>
      </c>
      <c r="FU40" s="328">
        <v>279048</v>
      </c>
      <c r="FV40" s="330">
        <v>302144</v>
      </c>
      <c r="FW40" s="333">
        <v>4880</v>
      </c>
      <c r="FX40" s="327">
        <v>0</v>
      </c>
      <c r="FY40" s="331">
        <v>4880</v>
      </c>
      <c r="FZ40" s="332">
        <v>0</v>
      </c>
      <c r="GA40" s="327">
        <v>20000</v>
      </c>
      <c r="GB40" s="327">
        <v>168416</v>
      </c>
      <c r="GC40" s="327">
        <v>28352</v>
      </c>
      <c r="GD40" s="327">
        <v>18000</v>
      </c>
      <c r="GE40" s="327">
        <v>44280</v>
      </c>
      <c r="GF40" s="328">
        <v>279048</v>
      </c>
      <c r="GG40" s="334">
        <v>283928</v>
      </c>
      <c r="GH40" s="333">
        <v>0</v>
      </c>
      <c r="GI40" s="327">
        <v>18216</v>
      </c>
      <c r="GJ40" s="331">
        <v>18216</v>
      </c>
      <c r="GK40" s="332">
        <v>0</v>
      </c>
      <c r="GL40" s="327">
        <v>0</v>
      </c>
      <c r="GM40" s="327">
        <v>0</v>
      </c>
      <c r="GN40" s="327">
        <v>0</v>
      </c>
      <c r="GO40" s="327">
        <v>0</v>
      </c>
      <c r="GP40" s="327">
        <v>0</v>
      </c>
      <c r="GQ40" s="328">
        <v>0</v>
      </c>
      <c r="GR40" s="330">
        <v>18216</v>
      </c>
      <c r="GS40" s="326">
        <v>0</v>
      </c>
      <c r="GT40" s="327">
        <v>0</v>
      </c>
      <c r="GU40" s="328">
        <v>0</v>
      </c>
      <c r="GV40" s="326">
        <v>0</v>
      </c>
      <c r="GW40" s="327">
        <v>0</v>
      </c>
      <c r="GX40" s="327">
        <v>0</v>
      </c>
      <c r="GY40" s="327">
        <v>0</v>
      </c>
      <c r="GZ40" s="327">
        <v>0</v>
      </c>
      <c r="HA40" s="327">
        <v>0</v>
      </c>
      <c r="HB40" s="331">
        <v>0</v>
      </c>
      <c r="HC40" s="330">
        <v>0</v>
      </c>
      <c r="HD40" s="326">
        <v>62056</v>
      </c>
      <c r="HE40" s="327">
        <v>0</v>
      </c>
      <c r="HF40" s="331">
        <v>62056</v>
      </c>
      <c r="HG40" s="332">
        <v>0</v>
      </c>
      <c r="HH40" s="327">
        <v>618960</v>
      </c>
      <c r="HI40" s="327">
        <v>193628</v>
      </c>
      <c r="HJ40" s="327">
        <v>0</v>
      </c>
      <c r="HK40" s="327">
        <v>657768</v>
      </c>
      <c r="HL40" s="327">
        <v>0</v>
      </c>
      <c r="HM40" s="328">
        <v>1470356</v>
      </c>
      <c r="HN40" s="329">
        <v>1532412</v>
      </c>
      <c r="HO40" s="333">
        <v>0</v>
      </c>
      <c r="HP40" s="327">
        <v>0</v>
      </c>
      <c r="HQ40" s="328">
        <v>0</v>
      </c>
      <c r="HR40" s="326">
        <v>0</v>
      </c>
      <c r="HS40" s="327">
        <v>0</v>
      </c>
      <c r="HT40" s="327">
        <v>0</v>
      </c>
      <c r="HU40" s="327">
        <v>0</v>
      </c>
      <c r="HV40" s="327">
        <v>0</v>
      </c>
      <c r="HW40" s="327">
        <v>0</v>
      </c>
      <c r="HX40" s="331">
        <v>0</v>
      </c>
      <c r="HY40" s="330">
        <v>0</v>
      </c>
      <c r="HZ40" s="358">
        <v>0</v>
      </c>
      <c r="IA40" s="356">
        <v>0</v>
      </c>
      <c r="IB40" s="358">
        <v>0</v>
      </c>
      <c r="IC40" s="338">
        <v>0</v>
      </c>
      <c r="ID40" s="336">
        <v>0</v>
      </c>
      <c r="IE40" s="339">
        <v>491664</v>
      </c>
      <c r="IF40" s="337">
        <v>0</v>
      </c>
      <c r="IG40" s="336">
        <v>0</v>
      </c>
      <c r="IH40" s="337">
        <v>0</v>
      </c>
      <c r="II40" s="340">
        <v>491664</v>
      </c>
      <c r="IJ40" s="358">
        <v>491664</v>
      </c>
      <c r="IK40" s="342">
        <v>0</v>
      </c>
      <c r="IL40" s="343">
        <v>0</v>
      </c>
      <c r="IM40" s="344">
        <v>0</v>
      </c>
      <c r="IN40" s="404">
        <v>0</v>
      </c>
      <c r="IO40" s="345">
        <v>0</v>
      </c>
      <c r="IP40" s="345">
        <v>0</v>
      </c>
      <c r="IQ40" s="345">
        <v>0</v>
      </c>
      <c r="IR40" s="345">
        <v>0</v>
      </c>
      <c r="IS40" s="345">
        <v>0</v>
      </c>
      <c r="IT40" s="346">
        <v>0</v>
      </c>
      <c r="IU40" s="347">
        <v>0</v>
      </c>
      <c r="IV40" s="348">
        <v>0</v>
      </c>
      <c r="IW40" s="345">
        <v>0</v>
      </c>
      <c r="IX40" s="349">
        <v>0</v>
      </c>
      <c r="IY40" s="404">
        <v>0</v>
      </c>
      <c r="IZ40" s="345">
        <v>0</v>
      </c>
      <c r="JA40" s="345">
        <v>0</v>
      </c>
      <c r="JB40" s="345">
        <v>0</v>
      </c>
      <c r="JC40" s="345">
        <v>0</v>
      </c>
      <c r="JD40" s="345">
        <v>0</v>
      </c>
      <c r="JE40" s="349">
        <v>0</v>
      </c>
      <c r="JF40" s="350">
        <v>0</v>
      </c>
      <c r="JG40" s="348">
        <v>0</v>
      </c>
      <c r="JH40" s="345">
        <v>0</v>
      </c>
      <c r="JI40" s="346">
        <v>0</v>
      </c>
      <c r="JJ40" s="351">
        <v>0</v>
      </c>
      <c r="JK40" s="345">
        <v>0</v>
      </c>
      <c r="JL40" s="345">
        <v>0</v>
      </c>
      <c r="JM40" s="345">
        <v>0</v>
      </c>
      <c r="JN40" s="345">
        <v>0</v>
      </c>
      <c r="JO40" s="345">
        <v>0</v>
      </c>
      <c r="JP40" s="349">
        <v>0</v>
      </c>
      <c r="JQ40" s="347">
        <v>0</v>
      </c>
      <c r="JR40" s="348">
        <v>0</v>
      </c>
      <c r="JS40" s="345">
        <v>0</v>
      </c>
      <c r="JT40" s="346">
        <v>0</v>
      </c>
      <c r="JU40" s="351">
        <v>0</v>
      </c>
      <c r="JV40" s="345">
        <v>0</v>
      </c>
      <c r="JW40" s="345">
        <v>0</v>
      </c>
      <c r="JX40" s="345">
        <v>0</v>
      </c>
      <c r="JY40" s="345">
        <v>0</v>
      </c>
      <c r="JZ40" s="345">
        <v>0</v>
      </c>
      <c r="KA40" s="349">
        <v>0</v>
      </c>
      <c r="KB40" s="347">
        <v>0</v>
      </c>
      <c r="KC40" s="352">
        <v>0</v>
      </c>
      <c r="KD40" s="353">
        <v>0</v>
      </c>
      <c r="KE40" s="349">
        <v>0</v>
      </c>
      <c r="KF40" s="351">
        <v>0</v>
      </c>
      <c r="KG40" s="345">
        <v>0</v>
      </c>
      <c r="KH40" s="345">
        <v>0</v>
      </c>
      <c r="KI40" s="345">
        <v>0</v>
      </c>
      <c r="KJ40" s="345">
        <v>0</v>
      </c>
      <c r="KK40" s="345">
        <v>0</v>
      </c>
      <c r="KL40" s="349">
        <v>0</v>
      </c>
      <c r="KM40" s="354">
        <v>0</v>
      </c>
      <c r="KN40" s="342">
        <v>0</v>
      </c>
      <c r="KO40" s="343">
        <v>0</v>
      </c>
      <c r="KP40" s="344">
        <v>0</v>
      </c>
      <c r="KQ40" s="404">
        <v>0</v>
      </c>
      <c r="KR40" s="345">
        <v>0</v>
      </c>
      <c r="KS40" s="345">
        <v>491664</v>
      </c>
      <c r="KT40" s="345">
        <v>0</v>
      </c>
      <c r="KU40" s="345">
        <v>0</v>
      </c>
      <c r="KV40" s="345">
        <v>0</v>
      </c>
      <c r="KW40" s="349">
        <v>491664</v>
      </c>
      <c r="KX40" s="347">
        <v>491664</v>
      </c>
      <c r="KY40" s="348">
        <v>0</v>
      </c>
      <c r="KZ40" s="345">
        <v>0</v>
      </c>
      <c r="LA40" s="349">
        <v>0</v>
      </c>
      <c r="LB40" s="404">
        <v>0</v>
      </c>
      <c r="LC40" s="345">
        <v>0</v>
      </c>
      <c r="LD40" s="345">
        <v>0</v>
      </c>
      <c r="LE40" s="345">
        <v>0</v>
      </c>
      <c r="LF40" s="345">
        <v>0</v>
      </c>
      <c r="LG40" s="345">
        <v>0</v>
      </c>
      <c r="LH40" s="349">
        <v>0</v>
      </c>
      <c r="LI40" s="350">
        <v>0</v>
      </c>
      <c r="LJ40" s="348">
        <v>0</v>
      </c>
      <c r="LK40" s="345">
        <v>0</v>
      </c>
      <c r="LL40" s="349">
        <v>0</v>
      </c>
      <c r="LM40" s="404">
        <v>0</v>
      </c>
      <c r="LN40" s="345">
        <v>0</v>
      </c>
      <c r="LO40" s="345">
        <v>0</v>
      </c>
      <c r="LP40" s="345">
        <v>0</v>
      </c>
      <c r="LQ40" s="345">
        <v>0</v>
      </c>
      <c r="LR40" s="345">
        <v>0</v>
      </c>
      <c r="LS40" s="349">
        <v>0</v>
      </c>
      <c r="LT40" s="347">
        <v>0</v>
      </c>
      <c r="LU40" s="348">
        <v>0</v>
      </c>
      <c r="LV40" s="345">
        <v>0</v>
      </c>
      <c r="LW40" s="349">
        <v>0</v>
      </c>
      <c r="LX40" s="404">
        <v>0</v>
      </c>
      <c r="LY40" s="345">
        <v>0</v>
      </c>
      <c r="LZ40" s="345">
        <v>0</v>
      </c>
      <c r="MA40" s="345">
        <v>0</v>
      </c>
      <c r="MB40" s="345">
        <v>0</v>
      </c>
      <c r="MC40" s="345">
        <v>0</v>
      </c>
      <c r="MD40" s="349">
        <v>0</v>
      </c>
      <c r="ME40" s="350">
        <v>0</v>
      </c>
      <c r="MF40" s="348">
        <v>0</v>
      </c>
      <c r="MG40" s="345">
        <v>0</v>
      </c>
      <c r="MH40" s="349">
        <v>0</v>
      </c>
      <c r="MI40" s="404">
        <v>0</v>
      </c>
      <c r="MJ40" s="345">
        <v>219880</v>
      </c>
      <c r="MK40" s="345">
        <v>0</v>
      </c>
      <c r="ML40" s="345">
        <v>539680</v>
      </c>
      <c r="MM40" s="345">
        <v>275160</v>
      </c>
      <c r="MN40" s="345">
        <v>839426</v>
      </c>
      <c r="MO40" s="349">
        <v>1874146</v>
      </c>
      <c r="MP40" s="354">
        <v>1874146</v>
      </c>
      <c r="MQ40" s="348">
        <v>0</v>
      </c>
      <c r="MR40" s="345">
        <v>0</v>
      </c>
      <c r="MS40" s="349">
        <v>0</v>
      </c>
      <c r="MT40" s="404">
        <v>0</v>
      </c>
      <c r="MU40" s="345">
        <v>0</v>
      </c>
      <c r="MV40" s="345">
        <v>0</v>
      </c>
      <c r="MW40" s="345">
        <v>0</v>
      </c>
      <c r="MX40" s="345">
        <v>275160</v>
      </c>
      <c r="MY40" s="345">
        <v>839426</v>
      </c>
      <c r="MZ40" s="349">
        <v>1114586</v>
      </c>
      <c r="NA40" s="354">
        <v>1114586</v>
      </c>
      <c r="NB40" s="348">
        <v>0</v>
      </c>
      <c r="NC40" s="345">
        <v>0</v>
      </c>
      <c r="ND40" s="349">
        <v>0</v>
      </c>
      <c r="NE40" s="404">
        <v>0</v>
      </c>
      <c r="NF40" s="345">
        <v>219880</v>
      </c>
      <c r="NG40" s="345">
        <v>0</v>
      </c>
      <c r="NH40" s="345">
        <v>539680</v>
      </c>
      <c r="NI40" s="345">
        <v>0</v>
      </c>
      <c r="NJ40" s="345">
        <v>0</v>
      </c>
      <c r="NK40" s="349">
        <v>759560</v>
      </c>
      <c r="NL40" s="347">
        <v>759560</v>
      </c>
      <c r="NM40" s="348">
        <v>0</v>
      </c>
      <c r="NN40" s="345">
        <v>0</v>
      </c>
      <c r="NO40" s="349">
        <v>0</v>
      </c>
      <c r="NP40" s="404">
        <v>0</v>
      </c>
      <c r="NQ40" s="345">
        <v>0</v>
      </c>
      <c r="NR40" s="345">
        <v>0</v>
      </c>
      <c r="NS40" s="345">
        <v>0</v>
      </c>
      <c r="NT40" s="345">
        <v>0</v>
      </c>
      <c r="NU40" s="345">
        <v>0</v>
      </c>
      <c r="NV40" s="349">
        <v>0</v>
      </c>
      <c r="NW40" s="350">
        <v>0</v>
      </c>
      <c r="NX40" s="348">
        <v>0</v>
      </c>
      <c r="NY40" s="345">
        <v>0</v>
      </c>
      <c r="NZ40" s="349">
        <v>0</v>
      </c>
      <c r="OA40" s="404">
        <v>0</v>
      </c>
      <c r="OB40" s="345">
        <v>0</v>
      </c>
      <c r="OC40" s="345">
        <v>0</v>
      </c>
      <c r="OD40" s="345">
        <v>0</v>
      </c>
      <c r="OE40" s="345">
        <v>0</v>
      </c>
      <c r="OF40" s="345">
        <v>0</v>
      </c>
      <c r="OG40" s="349">
        <v>0</v>
      </c>
      <c r="OH40" s="350">
        <v>0</v>
      </c>
      <c r="OI40" s="348">
        <v>115128</v>
      </c>
      <c r="OJ40" s="345">
        <v>70536</v>
      </c>
      <c r="OK40" s="346">
        <v>185664</v>
      </c>
      <c r="OL40" s="351">
        <v>0</v>
      </c>
      <c r="OM40" s="345">
        <v>1531973</v>
      </c>
      <c r="ON40" s="345">
        <v>1958822</v>
      </c>
      <c r="OO40" s="345">
        <v>675680</v>
      </c>
      <c r="OP40" s="345">
        <v>1118104</v>
      </c>
      <c r="OQ40" s="345">
        <v>1343042</v>
      </c>
      <c r="OR40" s="349">
        <v>6627621</v>
      </c>
      <c r="OS40" s="354">
        <v>6813285</v>
      </c>
    </row>
    <row r="41" spans="2:409" s="70" customFormat="1" ht="21" customHeight="1" x14ac:dyDescent="0.2">
      <c r="B41" s="410" t="s">
        <v>36</v>
      </c>
      <c r="C41" s="326">
        <v>4000</v>
      </c>
      <c r="D41" s="327">
        <v>77633</v>
      </c>
      <c r="E41" s="328">
        <v>81633</v>
      </c>
      <c r="F41" s="329">
        <v>0</v>
      </c>
      <c r="G41" s="327">
        <v>842064</v>
      </c>
      <c r="H41" s="327">
        <v>440189</v>
      </c>
      <c r="I41" s="327">
        <v>31471</v>
      </c>
      <c r="J41" s="327">
        <v>933274</v>
      </c>
      <c r="K41" s="327">
        <v>489498</v>
      </c>
      <c r="L41" s="367">
        <v>2736496</v>
      </c>
      <c r="M41" s="330">
        <v>2818129</v>
      </c>
      <c r="N41" s="326">
        <v>0</v>
      </c>
      <c r="O41" s="327">
        <v>27392</v>
      </c>
      <c r="P41" s="328">
        <v>27392</v>
      </c>
      <c r="Q41" s="326">
        <v>0</v>
      </c>
      <c r="R41" s="327">
        <v>216519</v>
      </c>
      <c r="S41" s="327">
        <v>50816</v>
      </c>
      <c r="T41" s="327">
        <v>0</v>
      </c>
      <c r="U41" s="327">
        <v>285937</v>
      </c>
      <c r="V41" s="327">
        <v>462698</v>
      </c>
      <c r="W41" s="328">
        <v>1015970</v>
      </c>
      <c r="X41" s="330">
        <v>1043362</v>
      </c>
      <c r="Y41" s="326">
        <v>0</v>
      </c>
      <c r="Z41" s="327">
        <v>0</v>
      </c>
      <c r="AA41" s="328">
        <v>0</v>
      </c>
      <c r="AB41" s="326">
        <v>0</v>
      </c>
      <c r="AC41" s="327">
        <v>37576</v>
      </c>
      <c r="AD41" s="327">
        <v>0</v>
      </c>
      <c r="AE41" s="327">
        <v>0</v>
      </c>
      <c r="AF41" s="327">
        <v>254825</v>
      </c>
      <c r="AG41" s="327">
        <v>313372</v>
      </c>
      <c r="AH41" s="328">
        <v>605773</v>
      </c>
      <c r="AI41" s="330">
        <v>605773</v>
      </c>
      <c r="AJ41" s="326">
        <v>0</v>
      </c>
      <c r="AK41" s="327">
        <v>0</v>
      </c>
      <c r="AL41" s="328">
        <v>0</v>
      </c>
      <c r="AM41" s="326">
        <v>0</v>
      </c>
      <c r="AN41" s="327">
        <v>0</v>
      </c>
      <c r="AO41" s="327">
        <v>0</v>
      </c>
      <c r="AP41" s="327">
        <v>0</v>
      </c>
      <c r="AQ41" s="327">
        <v>0</v>
      </c>
      <c r="AR41" s="327">
        <v>96530</v>
      </c>
      <c r="AS41" s="328">
        <v>96530</v>
      </c>
      <c r="AT41" s="330">
        <v>96530</v>
      </c>
      <c r="AU41" s="326">
        <v>0</v>
      </c>
      <c r="AV41" s="327">
        <v>27392</v>
      </c>
      <c r="AW41" s="328">
        <v>27392</v>
      </c>
      <c r="AX41" s="326">
        <v>0</v>
      </c>
      <c r="AY41" s="327">
        <v>136959</v>
      </c>
      <c r="AZ41" s="327">
        <v>0</v>
      </c>
      <c r="BA41" s="327">
        <v>0</v>
      </c>
      <c r="BB41" s="327">
        <v>0</v>
      </c>
      <c r="BC41" s="327">
        <v>30828</v>
      </c>
      <c r="BD41" s="328">
        <v>167787</v>
      </c>
      <c r="BE41" s="330">
        <v>195179</v>
      </c>
      <c r="BF41" s="326">
        <v>0</v>
      </c>
      <c r="BG41" s="327">
        <v>0</v>
      </c>
      <c r="BH41" s="331">
        <v>0</v>
      </c>
      <c r="BI41" s="332">
        <v>0</v>
      </c>
      <c r="BJ41" s="327">
        <v>0</v>
      </c>
      <c r="BK41" s="327">
        <v>21200</v>
      </c>
      <c r="BL41" s="327">
        <v>0</v>
      </c>
      <c r="BM41" s="327">
        <v>0</v>
      </c>
      <c r="BN41" s="327">
        <v>0</v>
      </c>
      <c r="BO41" s="328">
        <v>21200</v>
      </c>
      <c r="BP41" s="330">
        <v>21200</v>
      </c>
      <c r="BQ41" s="326">
        <v>0</v>
      </c>
      <c r="BR41" s="327">
        <v>0</v>
      </c>
      <c r="BS41" s="328">
        <v>0</v>
      </c>
      <c r="BT41" s="326">
        <v>0</v>
      </c>
      <c r="BU41" s="327">
        <v>41984</v>
      </c>
      <c r="BV41" s="327">
        <v>29616</v>
      </c>
      <c r="BW41" s="327">
        <v>0</v>
      </c>
      <c r="BX41" s="327">
        <v>31112</v>
      </c>
      <c r="BY41" s="327">
        <v>21968</v>
      </c>
      <c r="BZ41" s="328">
        <v>124680</v>
      </c>
      <c r="CA41" s="330">
        <v>124680</v>
      </c>
      <c r="CB41" s="326">
        <v>0</v>
      </c>
      <c r="CC41" s="327">
        <v>38241</v>
      </c>
      <c r="CD41" s="328">
        <v>38241</v>
      </c>
      <c r="CE41" s="326">
        <v>0</v>
      </c>
      <c r="CF41" s="327">
        <v>92476</v>
      </c>
      <c r="CG41" s="327">
        <v>136791</v>
      </c>
      <c r="CH41" s="327">
        <v>0</v>
      </c>
      <c r="CI41" s="327">
        <v>0</v>
      </c>
      <c r="CJ41" s="327">
        <v>0</v>
      </c>
      <c r="CK41" s="328">
        <v>229267</v>
      </c>
      <c r="CL41" s="330">
        <v>267508</v>
      </c>
      <c r="CM41" s="326">
        <v>0</v>
      </c>
      <c r="CN41" s="327">
        <v>0</v>
      </c>
      <c r="CO41" s="328">
        <v>0</v>
      </c>
      <c r="CP41" s="332">
        <v>0</v>
      </c>
      <c r="CQ41" s="327">
        <v>0</v>
      </c>
      <c r="CR41" s="327">
        <v>86489</v>
      </c>
      <c r="CS41" s="327">
        <v>0</v>
      </c>
      <c r="CT41" s="327">
        <v>0</v>
      </c>
      <c r="CU41" s="327">
        <v>0</v>
      </c>
      <c r="CV41" s="328">
        <v>86489</v>
      </c>
      <c r="CW41" s="330">
        <v>86489</v>
      </c>
      <c r="CX41" s="326">
        <v>0</v>
      </c>
      <c r="CY41" s="327">
        <v>38241</v>
      </c>
      <c r="CZ41" s="328">
        <v>38241</v>
      </c>
      <c r="DA41" s="326">
        <v>0</v>
      </c>
      <c r="DB41" s="327">
        <v>92476</v>
      </c>
      <c r="DC41" s="327">
        <v>50302</v>
      </c>
      <c r="DD41" s="327">
        <v>0</v>
      </c>
      <c r="DE41" s="327">
        <v>0</v>
      </c>
      <c r="DF41" s="327">
        <v>0</v>
      </c>
      <c r="DG41" s="328">
        <v>142778</v>
      </c>
      <c r="DH41" s="330">
        <v>181019</v>
      </c>
      <c r="DI41" s="326">
        <v>0</v>
      </c>
      <c r="DJ41" s="327">
        <v>0</v>
      </c>
      <c r="DK41" s="331">
        <v>0</v>
      </c>
      <c r="DL41" s="332">
        <v>0</v>
      </c>
      <c r="DM41" s="327">
        <v>0</v>
      </c>
      <c r="DN41" s="327">
        <v>23572</v>
      </c>
      <c r="DO41" s="327">
        <v>0</v>
      </c>
      <c r="DP41" s="327">
        <v>0</v>
      </c>
      <c r="DQ41" s="327">
        <v>0</v>
      </c>
      <c r="DR41" s="328">
        <v>23572</v>
      </c>
      <c r="DS41" s="330">
        <v>23572</v>
      </c>
      <c r="DT41" s="326">
        <v>0</v>
      </c>
      <c r="DU41" s="327">
        <v>0</v>
      </c>
      <c r="DV41" s="328">
        <v>0</v>
      </c>
      <c r="DW41" s="326">
        <v>0</v>
      </c>
      <c r="DX41" s="327">
        <v>0</v>
      </c>
      <c r="DY41" s="327">
        <v>23572</v>
      </c>
      <c r="DZ41" s="327">
        <v>0</v>
      </c>
      <c r="EA41" s="327">
        <v>0</v>
      </c>
      <c r="EB41" s="327">
        <v>0</v>
      </c>
      <c r="EC41" s="328">
        <v>23572</v>
      </c>
      <c r="ED41" s="330">
        <v>23572</v>
      </c>
      <c r="EE41" s="326">
        <v>0</v>
      </c>
      <c r="EF41" s="331">
        <v>0</v>
      </c>
      <c r="EG41" s="328">
        <v>0</v>
      </c>
      <c r="EH41" s="326">
        <v>0</v>
      </c>
      <c r="EI41" s="327">
        <v>0</v>
      </c>
      <c r="EJ41" s="327">
        <v>0</v>
      </c>
      <c r="EK41" s="327">
        <v>0</v>
      </c>
      <c r="EL41" s="327">
        <v>0</v>
      </c>
      <c r="EM41" s="327">
        <v>0</v>
      </c>
      <c r="EN41" s="331">
        <v>0</v>
      </c>
      <c r="EO41" s="330">
        <v>0</v>
      </c>
      <c r="EP41" s="326">
        <v>0</v>
      </c>
      <c r="EQ41" s="327">
        <v>0</v>
      </c>
      <c r="ER41" s="331">
        <v>0</v>
      </c>
      <c r="ES41" s="332">
        <v>0</v>
      </c>
      <c r="ET41" s="327">
        <v>0</v>
      </c>
      <c r="EU41" s="327">
        <v>0</v>
      </c>
      <c r="EV41" s="327">
        <v>0</v>
      </c>
      <c r="EW41" s="327">
        <v>0</v>
      </c>
      <c r="EX41" s="327">
        <v>0</v>
      </c>
      <c r="EY41" s="328">
        <v>0</v>
      </c>
      <c r="EZ41" s="330">
        <v>0</v>
      </c>
      <c r="FA41" s="326">
        <v>0</v>
      </c>
      <c r="FB41" s="327">
        <v>0</v>
      </c>
      <c r="FC41" s="331">
        <v>0</v>
      </c>
      <c r="FD41" s="332">
        <v>0</v>
      </c>
      <c r="FE41" s="327">
        <v>0</v>
      </c>
      <c r="FF41" s="327">
        <v>0</v>
      </c>
      <c r="FG41" s="327">
        <v>0</v>
      </c>
      <c r="FH41" s="327">
        <v>0</v>
      </c>
      <c r="FI41" s="327">
        <v>0</v>
      </c>
      <c r="FJ41" s="328">
        <v>0</v>
      </c>
      <c r="FK41" s="330">
        <v>0</v>
      </c>
      <c r="FL41" s="326">
        <v>4000</v>
      </c>
      <c r="FM41" s="327">
        <v>12000</v>
      </c>
      <c r="FN41" s="328">
        <v>16000</v>
      </c>
      <c r="FO41" s="326">
        <v>0</v>
      </c>
      <c r="FP41" s="327">
        <v>53944</v>
      </c>
      <c r="FQ41" s="327">
        <v>49984</v>
      </c>
      <c r="FR41" s="327">
        <v>10400</v>
      </c>
      <c r="FS41" s="327">
        <v>25800</v>
      </c>
      <c r="FT41" s="327">
        <v>26800</v>
      </c>
      <c r="FU41" s="328">
        <v>166928</v>
      </c>
      <c r="FV41" s="330">
        <v>182928</v>
      </c>
      <c r="FW41" s="333">
        <v>4000</v>
      </c>
      <c r="FX41" s="327">
        <v>12000</v>
      </c>
      <c r="FY41" s="331">
        <v>16000</v>
      </c>
      <c r="FZ41" s="332">
        <v>0</v>
      </c>
      <c r="GA41" s="327">
        <v>53944</v>
      </c>
      <c r="GB41" s="327">
        <v>49984</v>
      </c>
      <c r="GC41" s="327">
        <v>10400</v>
      </c>
      <c r="GD41" s="327">
        <v>25800</v>
      </c>
      <c r="GE41" s="327">
        <v>26800</v>
      </c>
      <c r="GF41" s="328">
        <v>166928</v>
      </c>
      <c r="GG41" s="334">
        <v>182928</v>
      </c>
      <c r="GH41" s="333">
        <v>0</v>
      </c>
      <c r="GI41" s="327">
        <v>0</v>
      </c>
      <c r="GJ41" s="331">
        <v>0</v>
      </c>
      <c r="GK41" s="332">
        <v>0</v>
      </c>
      <c r="GL41" s="327">
        <v>0</v>
      </c>
      <c r="GM41" s="327">
        <v>0</v>
      </c>
      <c r="GN41" s="327">
        <v>0</v>
      </c>
      <c r="GO41" s="327">
        <v>0</v>
      </c>
      <c r="GP41" s="327">
        <v>0</v>
      </c>
      <c r="GQ41" s="328">
        <v>0</v>
      </c>
      <c r="GR41" s="330">
        <v>0</v>
      </c>
      <c r="GS41" s="326">
        <v>0</v>
      </c>
      <c r="GT41" s="327">
        <v>0</v>
      </c>
      <c r="GU41" s="328">
        <v>0</v>
      </c>
      <c r="GV41" s="326">
        <v>0</v>
      </c>
      <c r="GW41" s="327">
        <v>0</v>
      </c>
      <c r="GX41" s="327">
        <v>0</v>
      </c>
      <c r="GY41" s="327">
        <v>0</v>
      </c>
      <c r="GZ41" s="327">
        <v>0</v>
      </c>
      <c r="HA41" s="327">
        <v>0</v>
      </c>
      <c r="HB41" s="331">
        <v>0</v>
      </c>
      <c r="HC41" s="330">
        <v>0</v>
      </c>
      <c r="HD41" s="326">
        <v>0</v>
      </c>
      <c r="HE41" s="327">
        <v>0</v>
      </c>
      <c r="HF41" s="331">
        <v>0</v>
      </c>
      <c r="HG41" s="332">
        <v>0</v>
      </c>
      <c r="HH41" s="327">
        <v>479125</v>
      </c>
      <c r="HI41" s="327">
        <v>179026</v>
      </c>
      <c r="HJ41" s="327">
        <v>21071</v>
      </c>
      <c r="HK41" s="327">
        <v>621537</v>
      </c>
      <c r="HL41" s="327">
        <v>0</v>
      </c>
      <c r="HM41" s="328">
        <v>1300759</v>
      </c>
      <c r="HN41" s="329">
        <v>1300759</v>
      </c>
      <c r="HO41" s="333">
        <v>0</v>
      </c>
      <c r="HP41" s="327">
        <v>0</v>
      </c>
      <c r="HQ41" s="328">
        <v>0</v>
      </c>
      <c r="HR41" s="326">
        <v>0</v>
      </c>
      <c r="HS41" s="327">
        <v>0</v>
      </c>
      <c r="HT41" s="327">
        <v>0</v>
      </c>
      <c r="HU41" s="327">
        <v>0</v>
      </c>
      <c r="HV41" s="327">
        <v>0</v>
      </c>
      <c r="HW41" s="327">
        <v>0</v>
      </c>
      <c r="HX41" s="331">
        <v>0</v>
      </c>
      <c r="HY41" s="330">
        <v>0</v>
      </c>
      <c r="HZ41" s="335">
        <v>0</v>
      </c>
      <c r="IA41" s="336">
        <v>0</v>
      </c>
      <c r="IB41" s="337">
        <v>0</v>
      </c>
      <c r="IC41" s="338">
        <v>0</v>
      </c>
      <c r="ID41" s="336">
        <v>104001</v>
      </c>
      <c r="IE41" s="339">
        <v>13960</v>
      </c>
      <c r="IF41" s="337">
        <v>0</v>
      </c>
      <c r="IG41" s="336">
        <v>0</v>
      </c>
      <c r="IH41" s="337">
        <v>0</v>
      </c>
      <c r="II41" s="340">
        <v>117961</v>
      </c>
      <c r="IJ41" s="341">
        <v>117961</v>
      </c>
      <c r="IK41" s="342">
        <v>0</v>
      </c>
      <c r="IL41" s="343">
        <v>0</v>
      </c>
      <c r="IM41" s="344">
        <v>0</v>
      </c>
      <c r="IN41" s="404">
        <v>0</v>
      </c>
      <c r="IO41" s="345">
        <v>0</v>
      </c>
      <c r="IP41" s="345">
        <v>0</v>
      </c>
      <c r="IQ41" s="345">
        <v>0</v>
      </c>
      <c r="IR41" s="345">
        <v>0</v>
      </c>
      <c r="IS41" s="345">
        <v>0</v>
      </c>
      <c r="IT41" s="346">
        <v>0</v>
      </c>
      <c r="IU41" s="347">
        <v>0</v>
      </c>
      <c r="IV41" s="348">
        <v>0</v>
      </c>
      <c r="IW41" s="345">
        <v>0</v>
      </c>
      <c r="IX41" s="349">
        <v>0</v>
      </c>
      <c r="IY41" s="404">
        <v>0</v>
      </c>
      <c r="IZ41" s="345">
        <v>0</v>
      </c>
      <c r="JA41" s="345">
        <v>0</v>
      </c>
      <c r="JB41" s="345">
        <v>0</v>
      </c>
      <c r="JC41" s="345">
        <v>0</v>
      </c>
      <c r="JD41" s="345">
        <v>0</v>
      </c>
      <c r="JE41" s="349">
        <v>0</v>
      </c>
      <c r="JF41" s="350">
        <v>0</v>
      </c>
      <c r="JG41" s="348">
        <v>0</v>
      </c>
      <c r="JH41" s="345">
        <v>0</v>
      </c>
      <c r="JI41" s="346">
        <v>0</v>
      </c>
      <c r="JJ41" s="351">
        <v>0</v>
      </c>
      <c r="JK41" s="345">
        <v>104001</v>
      </c>
      <c r="JL41" s="345">
        <v>13960</v>
      </c>
      <c r="JM41" s="345">
        <v>0</v>
      </c>
      <c r="JN41" s="345">
        <v>0</v>
      </c>
      <c r="JO41" s="345">
        <v>0</v>
      </c>
      <c r="JP41" s="349">
        <v>117961</v>
      </c>
      <c r="JQ41" s="347">
        <v>117961</v>
      </c>
      <c r="JR41" s="348">
        <v>0</v>
      </c>
      <c r="JS41" s="345">
        <v>0</v>
      </c>
      <c r="JT41" s="346">
        <v>0</v>
      </c>
      <c r="JU41" s="351">
        <v>0</v>
      </c>
      <c r="JV41" s="345">
        <v>0</v>
      </c>
      <c r="JW41" s="345">
        <v>0</v>
      </c>
      <c r="JX41" s="345">
        <v>0</v>
      </c>
      <c r="JY41" s="345">
        <v>0</v>
      </c>
      <c r="JZ41" s="345">
        <v>0</v>
      </c>
      <c r="KA41" s="349">
        <v>0</v>
      </c>
      <c r="KB41" s="347">
        <v>0</v>
      </c>
      <c r="KC41" s="352">
        <v>0</v>
      </c>
      <c r="KD41" s="353">
        <v>0</v>
      </c>
      <c r="KE41" s="349">
        <v>0</v>
      </c>
      <c r="KF41" s="351">
        <v>0</v>
      </c>
      <c r="KG41" s="345">
        <v>0</v>
      </c>
      <c r="KH41" s="345">
        <v>0</v>
      </c>
      <c r="KI41" s="345">
        <v>0</v>
      </c>
      <c r="KJ41" s="345">
        <v>0</v>
      </c>
      <c r="KK41" s="345">
        <v>0</v>
      </c>
      <c r="KL41" s="349">
        <v>0</v>
      </c>
      <c r="KM41" s="354">
        <v>0</v>
      </c>
      <c r="KN41" s="342">
        <v>0</v>
      </c>
      <c r="KO41" s="343">
        <v>0</v>
      </c>
      <c r="KP41" s="344">
        <v>0</v>
      </c>
      <c r="KQ41" s="404">
        <v>0</v>
      </c>
      <c r="KR41" s="345">
        <v>0</v>
      </c>
      <c r="KS41" s="345">
        <v>0</v>
      </c>
      <c r="KT41" s="345">
        <v>0</v>
      </c>
      <c r="KU41" s="345">
        <v>0</v>
      </c>
      <c r="KV41" s="345">
        <v>0</v>
      </c>
      <c r="KW41" s="349">
        <v>0</v>
      </c>
      <c r="KX41" s="347">
        <v>0</v>
      </c>
      <c r="KY41" s="348">
        <v>0</v>
      </c>
      <c r="KZ41" s="345">
        <v>0</v>
      </c>
      <c r="LA41" s="349">
        <v>0</v>
      </c>
      <c r="LB41" s="404">
        <v>0</v>
      </c>
      <c r="LC41" s="345">
        <v>0</v>
      </c>
      <c r="LD41" s="345">
        <v>0</v>
      </c>
      <c r="LE41" s="345">
        <v>0</v>
      </c>
      <c r="LF41" s="345">
        <v>0</v>
      </c>
      <c r="LG41" s="345">
        <v>0</v>
      </c>
      <c r="LH41" s="349">
        <v>0</v>
      </c>
      <c r="LI41" s="350">
        <v>0</v>
      </c>
      <c r="LJ41" s="348">
        <v>0</v>
      </c>
      <c r="LK41" s="345">
        <v>0</v>
      </c>
      <c r="LL41" s="349">
        <v>0</v>
      </c>
      <c r="LM41" s="404">
        <v>0</v>
      </c>
      <c r="LN41" s="345">
        <v>0</v>
      </c>
      <c r="LO41" s="345">
        <v>0</v>
      </c>
      <c r="LP41" s="345">
        <v>0</v>
      </c>
      <c r="LQ41" s="345">
        <v>0</v>
      </c>
      <c r="LR41" s="345">
        <v>0</v>
      </c>
      <c r="LS41" s="349">
        <v>0</v>
      </c>
      <c r="LT41" s="347">
        <v>0</v>
      </c>
      <c r="LU41" s="348">
        <v>0</v>
      </c>
      <c r="LV41" s="345">
        <v>0</v>
      </c>
      <c r="LW41" s="349">
        <v>0</v>
      </c>
      <c r="LX41" s="404">
        <v>0</v>
      </c>
      <c r="LY41" s="345">
        <v>0</v>
      </c>
      <c r="LZ41" s="345">
        <v>0</v>
      </c>
      <c r="MA41" s="345">
        <v>0</v>
      </c>
      <c r="MB41" s="345">
        <v>0</v>
      </c>
      <c r="MC41" s="345">
        <v>0</v>
      </c>
      <c r="MD41" s="349">
        <v>0</v>
      </c>
      <c r="ME41" s="350">
        <v>0</v>
      </c>
      <c r="MF41" s="348">
        <v>0</v>
      </c>
      <c r="MG41" s="345">
        <v>0</v>
      </c>
      <c r="MH41" s="349">
        <v>0</v>
      </c>
      <c r="MI41" s="404">
        <v>0</v>
      </c>
      <c r="MJ41" s="345">
        <v>0</v>
      </c>
      <c r="MK41" s="345">
        <v>0</v>
      </c>
      <c r="ML41" s="345">
        <v>806344</v>
      </c>
      <c r="MM41" s="345">
        <v>906218</v>
      </c>
      <c r="MN41" s="345">
        <v>317818</v>
      </c>
      <c r="MO41" s="349">
        <v>2030380</v>
      </c>
      <c r="MP41" s="354">
        <v>2030380</v>
      </c>
      <c r="MQ41" s="348">
        <v>0</v>
      </c>
      <c r="MR41" s="345">
        <v>0</v>
      </c>
      <c r="MS41" s="349">
        <v>0</v>
      </c>
      <c r="MT41" s="404">
        <v>0</v>
      </c>
      <c r="MU41" s="345">
        <v>0</v>
      </c>
      <c r="MV41" s="345">
        <v>0</v>
      </c>
      <c r="MW41" s="345">
        <v>267033</v>
      </c>
      <c r="MX41" s="345">
        <v>553896</v>
      </c>
      <c r="MY41" s="345">
        <v>0</v>
      </c>
      <c r="MZ41" s="349">
        <v>820929</v>
      </c>
      <c r="NA41" s="354">
        <v>820929</v>
      </c>
      <c r="NB41" s="348">
        <v>0</v>
      </c>
      <c r="NC41" s="345">
        <v>0</v>
      </c>
      <c r="ND41" s="349">
        <v>0</v>
      </c>
      <c r="NE41" s="404">
        <v>0</v>
      </c>
      <c r="NF41" s="345">
        <v>0</v>
      </c>
      <c r="NG41" s="345">
        <v>0</v>
      </c>
      <c r="NH41" s="345">
        <v>539311</v>
      </c>
      <c r="NI41" s="345">
        <v>352322</v>
      </c>
      <c r="NJ41" s="345">
        <v>317818</v>
      </c>
      <c r="NK41" s="349">
        <v>1209451</v>
      </c>
      <c r="NL41" s="347">
        <v>1209451</v>
      </c>
      <c r="NM41" s="348">
        <v>0</v>
      </c>
      <c r="NN41" s="345">
        <v>0</v>
      </c>
      <c r="NO41" s="349">
        <v>0</v>
      </c>
      <c r="NP41" s="404">
        <v>0</v>
      </c>
      <c r="NQ41" s="345">
        <v>0</v>
      </c>
      <c r="NR41" s="345">
        <v>0</v>
      </c>
      <c r="NS41" s="345">
        <v>0</v>
      </c>
      <c r="NT41" s="345">
        <v>0</v>
      </c>
      <c r="NU41" s="345">
        <v>0</v>
      </c>
      <c r="NV41" s="349">
        <v>0</v>
      </c>
      <c r="NW41" s="350">
        <v>0</v>
      </c>
      <c r="NX41" s="348">
        <v>0</v>
      </c>
      <c r="NY41" s="345">
        <v>0</v>
      </c>
      <c r="NZ41" s="349">
        <v>0</v>
      </c>
      <c r="OA41" s="404">
        <v>0</v>
      </c>
      <c r="OB41" s="345">
        <v>0</v>
      </c>
      <c r="OC41" s="345">
        <v>0</v>
      </c>
      <c r="OD41" s="345">
        <v>0</v>
      </c>
      <c r="OE41" s="345">
        <v>0</v>
      </c>
      <c r="OF41" s="345">
        <v>0</v>
      </c>
      <c r="OG41" s="349">
        <v>0</v>
      </c>
      <c r="OH41" s="350">
        <v>0</v>
      </c>
      <c r="OI41" s="348">
        <v>4000</v>
      </c>
      <c r="OJ41" s="345">
        <v>77633</v>
      </c>
      <c r="OK41" s="346">
        <v>81633</v>
      </c>
      <c r="OL41" s="351">
        <v>0</v>
      </c>
      <c r="OM41" s="345">
        <v>946065</v>
      </c>
      <c r="ON41" s="345">
        <v>454149</v>
      </c>
      <c r="OO41" s="345">
        <v>837815</v>
      </c>
      <c r="OP41" s="345">
        <v>1839492</v>
      </c>
      <c r="OQ41" s="345">
        <v>807316</v>
      </c>
      <c r="OR41" s="349">
        <v>4884837</v>
      </c>
      <c r="OS41" s="354">
        <v>4966470</v>
      </c>
    </row>
    <row r="42" spans="2:409" s="70" customFormat="1" ht="21" customHeight="1" thickBot="1" x14ac:dyDescent="0.25">
      <c r="B42" s="411" t="s">
        <v>37</v>
      </c>
      <c r="C42" s="371">
        <v>0</v>
      </c>
      <c r="D42" s="372">
        <v>0</v>
      </c>
      <c r="E42" s="373">
        <v>0</v>
      </c>
      <c r="F42" s="374">
        <v>0</v>
      </c>
      <c r="G42" s="372">
        <v>19333</v>
      </c>
      <c r="H42" s="372">
        <v>118554</v>
      </c>
      <c r="I42" s="372">
        <v>0</v>
      </c>
      <c r="J42" s="372">
        <v>219840</v>
      </c>
      <c r="K42" s="372">
        <v>0</v>
      </c>
      <c r="L42" s="374">
        <v>357727</v>
      </c>
      <c r="M42" s="375">
        <v>357727</v>
      </c>
      <c r="N42" s="371">
        <v>0</v>
      </c>
      <c r="O42" s="372">
        <v>0</v>
      </c>
      <c r="P42" s="373">
        <v>0</v>
      </c>
      <c r="Q42" s="371">
        <v>0</v>
      </c>
      <c r="R42" s="372">
        <v>0</v>
      </c>
      <c r="S42" s="372">
        <v>0</v>
      </c>
      <c r="T42" s="372">
        <v>0</v>
      </c>
      <c r="U42" s="372">
        <v>0</v>
      </c>
      <c r="V42" s="372">
        <v>0</v>
      </c>
      <c r="W42" s="373">
        <v>0</v>
      </c>
      <c r="X42" s="375">
        <v>0</v>
      </c>
      <c r="Y42" s="371">
        <v>0</v>
      </c>
      <c r="Z42" s="372">
        <v>0</v>
      </c>
      <c r="AA42" s="373">
        <v>0</v>
      </c>
      <c r="AB42" s="371">
        <v>0</v>
      </c>
      <c r="AC42" s="372">
        <v>0</v>
      </c>
      <c r="AD42" s="372">
        <v>0</v>
      </c>
      <c r="AE42" s="372">
        <v>0</v>
      </c>
      <c r="AF42" s="372">
        <v>0</v>
      </c>
      <c r="AG42" s="372">
        <v>0</v>
      </c>
      <c r="AH42" s="373">
        <v>0</v>
      </c>
      <c r="AI42" s="375">
        <v>0</v>
      </c>
      <c r="AJ42" s="371">
        <v>0</v>
      </c>
      <c r="AK42" s="372">
        <v>0</v>
      </c>
      <c r="AL42" s="373">
        <v>0</v>
      </c>
      <c r="AM42" s="371">
        <v>0</v>
      </c>
      <c r="AN42" s="372">
        <v>0</v>
      </c>
      <c r="AO42" s="372">
        <v>0</v>
      </c>
      <c r="AP42" s="372">
        <v>0</v>
      </c>
      <c r="AQ42" s="372">
        <v>0</v>
      </c>
      <c r="AR42" s="372">
        <v>0</v>
      </c>
      <c r="AS42" s="373">
        <v>0</v>
      </c>
      <c r="AT42" s="375">
        <v>0</v>
      </c>
      <c r="AU42" s="371">
        <v>0</v>
      </c>
      <c r="AV42" s="372">
        <v>0</v>
      </c>
      <c r="AW42" s="373">
        <v>0</v>
      </c>
      <c r="AX42" s="371">
        <v>0</v>
      </c>
      <c r="AY42" s="372">
        <v>0</v>
      </c>
      <c r="AZ42" s="372">
        <v>0</v>
      </c>
      <c r="BA42" s="372">
        <v>0</v>
      </c>
      <c r="BB42" s="372">
        <v>0</v>
      </c>
      <c r="BC42" s="372">
        <v>0</v>
      </c>
      <c r="BD42" s="373">
        <v>0</v>
      </c>
      <c r="BE42" s="375">
        <v>0</v>
      </c>
      <c r="BF42" s="371">
        <v>0</v>
      </c>
      <c r="BG42" s="372">
        <v>0</v>
      </c>
      <c r="BH42" s="376">
        <v>0</v>
      </c>
      <c r="BI42" s="377">
        <v>0</v>
      </c>
      <c r="BJ42" s="372">
        <v>0</v>
      </c>
      <c r="BK42" s="372">
        <v>0</v>
      </c>
      <c r="BL42" s="372">
        <v>0</v>
      </c>
      <c r="BM42" s="372">
        <v>0</v>
      </c>
      <c r="BN42" s="372">
        <v>0</v>
      </c>
      <c r="BO42" s="373">
        <v>0</v>
      </c>
      <c r="BP42" s="375">
        <v>0</v>
      </c>
      <c r="BQ42" s="371">
        <v>0</v>
      </c>
      <c r="BR42" s="372">
        <v>0</v>
      </c>
      <c r="BS42" s="373">
        <v>0</v>
      </c>
      <c r="BT42" s="371">
        <v>0</v>
      </c>
      <c r="BU42" s="372">
        <v>0</v>
      </c>
      <c r="BV42" s="372">
        <v>0</v>
      </c>
      <c r="BW42" s="372">
        <v>0</v>
      </c>
      <c r="BX42" s="372">
        <v>0</v>
      </c>
      <c r="BY42" s="372">
        <v>0</v>
      </c>
      <c r="BZ42" s="373">
        <v>0</v>
      </c>
      <c r="CA42" s="375">
        <v>0</v>
      </c>
      <c r="CB42" s="371">
        <v>0</v>
      </c>
      <c r="CC42" s="372">
        <v>0</v>
      </c>
      <c r="CD42" s="373">
        <v>0</v>
      </c>
      <c r="CE42" s="371">
        <v>0</v>
      </c>
      <c r="CF42" s="372">
        <v>18133</v>
      </c>
      <c r="CG42" s="372">
        <v>80834</v>
      </c>
      <c r="CH42" s="372">
        <v>0</v>
      </c>
      <c r="CI42" s="372">
        <v>0</v>
      </c>
      <c r="CJ42" s="372">
        <v>0</v>
      </c>
      <c r="CK42" s="373">
        <v>98967</v>
      </c>
      <c r="CL42" s="375">
        <v>98967</v>
      </c>
      <c r="CM42" s="371">
        <v>0</v>
      </c>
      <c r="CN42" s="372">
        <v>0</v>
      </c>
      <c r="CO42" s="373">
        <v>0</v>
      </c>
      <c r="CP42" s="377">
        <v>0</v>
      </c>
      <c r="CQ42" s="372">
        <v>0</v>
      </c>
      <c r="CR42" s="372">
        <v>0</v>
      </c>
      <c r="CS42" s="372">
        <v>0</v>
      </c>
      <c r="CT42" s="372">
        <v>0</v>
      </c>
      <c r="CU42" s="372">
        <v>0</v>
      </c>
      <c r="CV42" s="373">
        <v>0</v>
      </c>
      <c r="CW42" s="375">
        <v>0</v>
      </c>
      <c r="CX42" s="371">
        <v>0</v>
      </c>
      <c r="CY42" s="372">
        <v>0</v>
      </c>
      <c r="CZ42" s="373">
        <v>0</v>
      </c>
      <c r="DA42" s="371">
        <v>0</v>
      </c>
      <c r="DB42" s="372">
        <v>18133</v>
      </c>
      <c r="DC42" s="372">
        <v>80834</v>
      </c>
      <c r="DD42" s="372">
        <v>0</v>
      </c>
      <c r="DE42" s="372">
        <v>0</v>
      </c>
      <c r="DF42" s="372">
        <v>0</v>
      </c>
      <c r="DG42" s="373">
        <v>98967</v>
      </c>
      <c r="DH42" s="375">
        <v>98967</v>
      </c>
      <c r="DI42" s="371">
        <v>0</v>
      </c>
      <c r="DJ42" s="372">
        <v>0</v>
      </c>
      <c r="DK42" s="376">
        <v>0</v>
      </c>
      <c r="DL42" s="377">
        <v>0</v>
      </c>
      <c r="DM42" s="372">
        <v>0</v>
      </c>
      <c r="DN42" s="372">
        <v>0</v>
      </c>
      <c r="DO42" s="372">
        <v>0</v>
      </c>
      <c r="DP42" s="372">
        <v>0</v>
      </c>
      <c r="DQ42" s="372">
        <v>0</v>
      </c>
      <c r="DR42" s="373">
        <v>0</v>
      </c>
      <c r="DS42" s="375">
        <v>0</v>
      </c>
      <c r="DT42" s="371">
        <v>0</v>
      </c>
      <c r="DU42" s="372">
        <v>0</v>
      </c>
      <c r="DV42" s="373">
        <v>0</v>
      </c>
      <c r="DW42" s="371">
        <v>0</v>
      </c>
      <c r="DX42" s="372">
        <v>0</v>
      </c>
      <c r="DY42" s="372">
        <v>0</v>
      </c>
      <c r="DZ42" s="372">
        <v>0</v>
      </c>
      <c r="EA42" s="372">
        <v>0</v>
      </c>
      <c r="EB42" s="372">
        <v>0</v>
      </c>
      <c r="EC42" s="373">
        <v>0</v>
      </c>
      <c r="ED42" s="375">
        <v>0</v>
      </c>
      <c r="EE42" s="371">
        <v>0</v>
      </c>
      <c r="EF42" s="376">
        <v>0</v>
      </c>
      <c r="EG42" s="373">
        <v>0</v>
      </c>
      <c r="EH42" s="371">
        <v>0</v>
      </c>
      <c r="EI42" s="372">
        <v>0</v>
      </c>
      <c r="EJ42" s="372">
        <v>0</v>
      </c>
      <c r="EK42" s="372">
        <v>0</v>
      </c>
      <c r="EL42" s="372">
        <v>0</v>
      </c>
      <c r="EM42" s="372">
        <v>0</v>
      </c>
      <c r="EN42" s="376">
        <v>0</v>
      </c>
      <c r="EO42" s="375">
        <v>0</v>
      </c>
      <c r="EP42" s="371">
        <v>0</v>
      </c>
      <c r="EQ42" s="372">
        <v>0</v>
      </c>
      <c r="ER42" s="376">
        <v>0</v>
      </c>
      <c r="ES42" s="377">
        <v>0</v>
      </c>
      <c r="ET42" s="372">
        <v>0</v>
      </c>
      <c r="EU42" s="372">
        <v>0</v>
      </c>
      <c r="EV42" s="372">
        <v>0</v>
      </c>
      <c r="EW42" s="372">
        <v>0</v>
      </c>
      <c r="EX42" s="372">
        <v>0</v>
      </c>
      <c r="EY42" s="373">
        <v>0</v>
      </c>
      <c r="EZ42" s="375">
        <v>0</v>
      </c>
      <c r="FA42" s="371">
        <v>0</v>
      </c>
      <c r="FB42" s="372">
        <v>0</v>
      </c>
      <c r="FC42" s="376">
        <v>0</v>
      </c>
      <c r="FD42" s="377">
        <v>0</v>
      </c>
      <c r="FE42" s="372">
        <v>0</v>
      </c>
      <c r="FF42" s="372">
        <v>0</v>
      </c>
      <c r="FG42" s="372">
        <v>0</v>
      </c>
      <c r="FH42" s="372">
        <v>0</v>
      </c>
      <c r="FI42" s="372">
        <v>0</v>
      </c>
      <c r="FJ42" s="373">
        <v>0</v>
      </c>
      <c r="FK42" s="375">
        <v>0</v>
      </c>
      <c r="FL42" s="371">
        <v>0</v>
      </c>
      <c r="FM42" s="372">
        <v>0</v>
      </c>
      <c r="FN42" s="373">
        <v>0</v>
      </c>
      <c r="FO42" s="371">
        <v>0</v>
      </c>
      <c r="FP42" s="372">
        <v>1200</v>
      </c>
      <c r="FQ42" s="372">
        <v>37720</v>
      </c>
      <c r="FR42" s="372">
        <v>0</v>
      </c>
      <c r="FS42" s="372">
        <v>219840</v>
      </c>
      <c r="FT42" s="372">
        <v>0</v>
      </c>
      <c r="FU42" s="373">
        <v>258760</v>
      </c>
      <c r="FV42" s="375">
        <v>258760</v>
      </c>
      <c r="FW42" s="378">
        <v>0</v>
      </c>
      <c r="FX42" s="372">
        <v>0</v>
      </c>
      <c r="FY42" s="376">
        <v>0</v>
      </c>
      <c r="FZ42" s="377">
        <v>0</v>
      </c>
      <c r="GA42" s="372">
        <v>1200</v>
      </c>
      <c r="GB42" s="372">
        <v>37720</v>
      </c>
      <c r="GC42" s="372">
        <v>0</v>
      </c>
      <c r="GD42" s="372">
        <v>0</v>
      </c>
      <c r="GE42" s="372">
        <v>0</v>
      </c>
      <c r="GF42" s="373">
        <v>38920</v>
      </c>
      <c r="GG42" s="379">
        <v>38920</v>
      </c>
      <c r="GH42" s="378">
        <v>0</v>
      </c>
      <c r="GI42" s="372">
        <v>0</v>
      </c>
      <c r="GJ42" s="376">
        <v>0</v>
      </c>
      <c r="GK42" s="377">
        <v>0</v>
      </c>
      <c r="GL42" s="372">
        <v>0</v>
      </c>
      <c r="GM42" s="372">
        <v>0</v>
      </c>
      <c r="GN42" s="372">
        <v>0</v>
      </c>
      <c r="GO42" s="372">
        <v>59840</v>
      </c>
      <c r="GP42" s="372">
        <v>0</v>
      </c>
      <c r="GQ42" s="373">
        <v>59840</v>
      </c>
      <c r="GR42" s="375">
        <v>59840</v>
      </c>
      <c r="GS42" s="371">
        <v>0</v>
      </c>
      <c r="GT42" s="372">
        <v>0</v>
      </c>
      <c r="GU42" s="373">
        <v>0</v>
      </c>
      <c r="GV42" s="371">
        <v>0</v>
      </c>
      <c r="GW42" s="372">
        <v>0</v>
      </c>
      <c r="GX42" s="372">
        <v>0</v>
      </c>
      <c r="GY42" s="372">
        <v>0</v>
      </c>
      <c r="GZ42" s="372">
        <v>160000</v>
      </c>
      <c r="HA42" s="372">
        <v>0</v>
      </c>
      <c r="HB42" s="376">
        <v>160000</v>
      </c>
      <c r="HC42" s="375">
        <v>160000</v>
      </c>
      <c r="HD42" s="371">
        <v>0</v>
      </c>
      <c r="HE42" s="372">
        <v>0</v>
      </c>
      <c r="HF42" s="376">
        <v>0</v>
      </c>
      <c r="HG42" s="377">
        <v>0</v>
      </c>
      <c r="HH42" s="372">
        <v>0</v>
      </c>
      <c r="HI42" s="372">
        <v>0</v>
      </c>
      <c r="HJ42" s="372">
        <v>0</v>
      </c>
      <c r="HK42" s="372">
        <v>0</v>
      </c>
      <c r="HL42" s="372">
        <v>0</v>
      </c>
      <c r="HM42" s="373">
        <v>0</v>
      </c>
      <c r="HN42" s="374">
        <v>0</v>
      </c>
      <c r="HO42" s="378">
        <v>0</v>
      </c>
      <c r="HP42" s="372">
        <v>0</v>
      </c>
      <c r="HQ42" s="373">
        <v>0</v>
      </c>
      <c r="HR42" s="371">
        <v>0</v>
      </c>
      <c r="HS42" s="372">
        <v>0</v>
      </c>
      <c r="HT42" s="372">
        <v>0</v>
      </c>
      <c r="HU42" s="372">
        <v>0</v>
      </c>
      <c r="HV42" s="372">
        <v>0</v>
      </c>
      <c r="HW42" s="372">
        <v>0</v>
      </c>
      <c r="HX42" s="376">
        <v>0</v>
      </c>
      <c r="HY42" s="375">
        <v>0</v>
      </c>
      <c r="HZ42" s="380">
        <v>0</v>
      </c>
      <c r="IA42" s="381">
        <v>0</v>
      </c>
      <c r="IB42" s="382">
        <v>0</v>
      </c>
      <c r="IC42" s="383">
        <v>0</v>
      </c>
      <c r="ID42" s="384">
        <v>0</v>
      </c>
      <c r="IE42" s="385">
        <v>0</v>
      </c>
      <c r="IF42" s="386">
        <v>0</v>
      </c>
      <c r="IG42" s="384">
        <v>0</v>
      </c>
      <c r="IH42" s="386">
        <v>0</v>
      </c>
      <c r="II42" s="387">
        <v>0</v>
      </c>
      <c r="IJ42" s="388">
        <v>0</v>
      </c>
      <c r="IK42" s="389">
        <v>0</v>
      </c>
      <c r="IL42" s="390">
        <v>0</v>
      </c>
      <c r="IM42" s="391">
        <v>0</v>
      </c>
      <c r="IN42" s="405">
        <v>0</v>
      </c>
      <c r="IO42" s="392">
        <v>0</v>
      </c>
      <c r="IP42" s="392">
        <v>0</v>
      </c>
      <c r="IQ42" s="392">
        <v>0</v>
      </c>
      <c r="IR42" s="392">
        <v>0</v>
      </c>
      <c r="IS42" s="392">
        <v>0</v>
      </c>
      <c r="IT42" s="393">
        <v>0</v>
      </c>
      <c r="IU42" s="394">
        <v>0</v>
      </c>
      <c r="IV42" s="395">
        <v>0</v>
      </c>
      <c r="IW42" s="392">
        <v>0</v>
      </c>
      <c r="IX42" s="396">
        <v>0</v>
      </c>
      <c r="IY42" s="405">
        <v>0</v>
      </c>
      <c r="IZ42" s="392">
        <v>0</v>
      </c>
      <c r="JA42" s="392">
        <v>0</v>
      </c>
      <c r="JB42" s="392">
        <v>0</v>
      </c>
      <c r="JC42" s="392">
        <v>0</v>
      </c>
      <c r="JD42" s="392">
        <v>0</v>
      </c>
      <c r="JE42" s="396">
        <v>0</v>
      </c>
      <c r="JF42" s="397">
        <v>0</v>
      </c>
      <c r="JG42" s="395">
        <v>0</v>
      </c>
      <c r="JH42" s="392">
        <v>0</v>
      </c>
      <c r="JI42" s="393">
        <v>0</v>
      </c>
      <c r="JJ42" s="398">
        <v>0</v>
      </c>
      <c r="JK42" s="392">
        <v>0</v>
      </c>
      <c r="JL42" s="392">
        <v>0</v>
      </c>
      <c r="JM42" s="392">
        <v>0</v>
      </c>
      <c r="JN42" s="392">
        <v>0</v>
      </c>
      <c r="JO42" s="392">
        <v>0</v>
      </c>
      <c r="JP42" s="396">
        <v>0</v>
      </c>
      <c r="JQ42" s="394">
        <v>0</v>
      </c>
      <c r="JR42" s="395">
        <v>0</v>
      </c>
      <c r="JS42" s="392">
        <v>0</v>
      </c>
      <c r="JT42" s="393">
        <v>0</v>
      </c>
      <c r="JU42" s="398">
        <v>0</v>
      </c>
      <c r="JV42" s="392">
        <v>0</v>
      </c>
      <c r="JW42" s="392">
        <v>0</v>
      </c>
      <c r="JX42" s="392">
        <v>0</v>
      </c>
      <c r="JY42" s="392">
        <v>0</v>
      </c>
      <c r="JZ42" s="392">
        <v>0</v>
      </c>
      <c r="KA42" s="396">
        <v>0</v>
      </c>
      <c r="KB42" s="394">
        <v>0</v>
      </c>
      <c r="KC42" s="399">
        <v>0</v>
      </c>
      <c r="KD42" s="400">
        <v>0</v>
      </c>
      <c r="KE42" s="396">
        <v>0</v>
      </c>
      <c r="KF42" s="398">
        <v>0</v>
      </c>
      <c r="KG42" s="392">
        <v>0</v>
      </c>
      <c r="KH42" s="392">
        <v>0</v>
      </c>
      <c r="KI42" s="392">
        <v>0</v>
      </c>
      <c r="KJ42" s="392">
        <v>0</v>
      </c>
      <c r="KK42" s="392">
        <v>0</v>
      </c>
      <c r="KL42" s="396">
        <v>0</v>
      </c>
      <c r="KM42" s="401">
        <v>0</v>
      </c>
      <c r="KN42" s="389">
        <v>0</v>
      </c>
      <c r="KO42" s="390">
        <v>0</v>
      </c>
      <c r="KP42" s="391">
        <v>0</v>
      </c>
      <c r="KQ42" s="405">
        <v>0</v>
      </c>
      <c r="KR42" s="392">
        <v>0</v>
      </c>
      <c r="KS42" s="392">
        <v>0</v>
      </c>
      <c r="KT42" s="392">
        <v>0</v>
      </c>
      <c r="KU42" s="392">
        <v>0</v>
      </c>
      <c r="KV42" s="392">
        <v>0</v>
      </c>
      <c r="KW42" s="396">
        <v>0</v>
      </c>
      <c r="KX42" s="394">
        <v>0</v>
      </c>
      <c r="KY42" s="395">
        <v>0</v>
      </c>
      <c r="KZ42" s="392">
        <v>0</v>
      </c>
      <c r="LA42" s="396">
        <v>0</v>
      </c>
      <c r="LB42" s="405">
        <v>0</v>
      </c>
      <c r="LC42" s="392">
        <v>0</v>
      </c>
      <c r="LD42" s="392">
        <v>0</v>
      </c>
      <c r="LE42" s="392">
        <v>0</v>
      </c>
      <c r="LF42" s="392">
        <v>0</v>
      </c>
      <c r="LG42" s="392">
        <v>0</v>
      </c>
      <c r="LH42" s="396">
        <v>0</v>
      </c>
      <c r="LI42" s="397">
        <v>0</v>
      </c>
      <c r="LJ42" s="395">
        <v>0</v>
      </c>
      <c r="LK42" s="392">
        <v>0</v>
      </c>
      <c r="LL42" s="396">
        <v>0</v>
      </c>
      <c r="LM42" s="405">
        <v>0</v>
      </c>
      <c r="LN42" s="392">
        <v>0</v>
      </c>
      <c r="LO42" s="392">
        <v>0</v>
      </c>
      <c r="LP42" s="392">
        <v>0</v>
      </c>
      <c r="LQ42" s="392">
        <v>0</v>
      </c>
      <c r="LR42" s="392">
        <v>0</v>
      </c>
      <c r="LS42" s="396">
        <v>0</v>
      </c>
      <c r="LT42" s="394">
        <v>0</v>
      </c>
      <c r="LU42" s="395">
        <v>0</v>
      </c>
      <c r="LV42" s="392">
        <v>0</v>
      </c>
      <c r="LW42" s="396">
        <v>0</v>
      </c>
      <c r="LX42" s="405">
        <v>0</v>
      </c>
      <c r="LY42" s="392">
        <v>0</v>
      </c>
      <c r="LZ42" s="392">
        <v>0</v>
      </c>
      <c r="MA42" s="392">
        <v>0</v>
      </c>
      <c r="MB42" s="392">
        <v>0</v>
      </c>
      <c r="MC42" s="392">
        <v>0</v>
      </c>
      <c r="MD42" s="396">
        <v>0</v>
      </c>
      <c r="ME42" s="397">
        <v>0</v>
      </c>
      <c r="MF42" s="395">
        <v>0</v>
      </c>
      <c r="MG42" s="392">
        <v>0</v>
      </c>
      <c r="MH42" s="396">
        <v>0</v>
      </c>
      <c r="MI42" s="405">
        <v>0</v>
      </c>
      <c r="MJ42" s="392">
        <v>0</v>
      </c>
      <c r="MK42" s="392">
        <v>0</v>
      </c>
      <c r="ML42" s="392">
        <v>241905</v>
      </c>
      <c r="MM42" s="392">
        <v>0</v>
      </c>
      <c r="MN42" s="392">
        <v>0</v>
      </c>
      <c r="MO42" s="396">
        <v>241905</v>
      </c>
      <c r="MP42" s="401">
        <v>241905</v>
      </c>
      <c r="MQ42" s="395">
        <v>0</v>
      </c>
      <c r="MR42" s="392">
        <v>0</v>
      </c>
      <c r="MS42" s="396">
        <v>0</v>
      </c>
      <c r="MT42" s="405">
        <v>0</v>
      </c>
      <c r="MU42" s="392">
        <v>0</v>
      </c>
      <c r="MV42" s="392">
        <v>0</v>
      </c>
      <c r="MW42" s="392">
        <v>241905</v>
      </c>
      <c r="MX42" s="392">
        <v>0</v>
      </c>
      <c r="MY42" s="392">
        <v>0</v>
      </c>
      <c r="MZ42" s="396">
        <v>241905</v>
      </c>
      <c r="NA42" s="401">
        <v>241905</v>
      </c>
      <c r="NB42" s="395">
        <v>0</v>
      </c>
      <c r="NC42" s="392">
        <v>0</v>
      </c>
      <c r="ND42" s="396">
        <v>0</v>
      </c>
      <c r="NE42" s="405">
        <v>0</v>
      </c>
      <c r="NF42" s="392">
        <v>0</v>
      </c>
      <c r="NG42" s="392">
        <v>0</v>
      </c>
      <c r="NH42" s="392">
        <v>0</v>
      </c>
      <c r="NI42" s="392">
        <v>0</v>
      </c>
      <c r="NJ42" s="392">
        <v>0</v>
      </c>
      <c r="NK42" s="396">
        <v>0</v>
      </c>
      <c r="NL42" s="394">
        <v>0</v>
      </c>
      <c r="NM42" s="395">
        <v>0</v>
      </c>
      <c r="NN42" s="392">
        <v>0</v>
      </c>
      <c r="NO42" s="396">
        <v>0</v>
      </c>
      <c r="NP42" s="405">
        <v>0</v>
      </c>
      <c r="NQ42" s="392">
        <v>0</v>
      </c>
      <c r="NR42" s="392">
        <v>0</v>
      </c>
      <c r="NS42" s="392">
        <v>0</v>
      </c>
      <c r="NT42" s="392">
        <v>0</v>
      </c>
      <c r="NU42" s="392">
        <v>0</v>
      </c>
      <c r="NV42" s="396">
        <v>0</v>
      </c>
      <c r="NW42" s="397">
        <v>0</v>
      </c>
      <c r="NX42" s="395">
        <v>0</v>
      </c>
      <c r="NY42" s="392">
        <v>0</v>
      </c>
      <c r="NZ42" s="396">
        <v>0</v>
      </c>
      <c r="OA42" s="405">
        <v>0</v>
      </c>
      <c r="OB42" s="392">
        <v>0</v>
      </c>
      <c r="OC42" s="392">
        <v>0</v>
      </c>
      <c r="OD42" s="392">
        <v>0</v>
      </c>
      <c r="OE42" s="392">
        <v>0</v>
      </c>
      <c r="OF42" s="392">
        <v>0</v>
      </c>
      <c r="OG42" s="396">
        <v>0</v>
      </c>
      <c r="OH42" s="397">
        <v>0</v>
      </c>
      <c r="OI42" s="395">
        <v>0</v>
      </c>
      <c r="OJ42" s="392">
        <v>0</v>
      </c>
      <c r="OK42" s="393">
        <v>0</v>
      </c>
      <c r="OL42" s="398">
        <v>0</v>
      </c>
      <c r="OM42" s="392">
        <v>19333</v>
      </c>
      <c r="ON42" s="392">
        <v>118554</v>
      </c>
      <c r="OO42" s="392">
        <v>241905</v>
      </c>
      <c r="OP42" s="392">
        <v>219840</v>
      </c>
      <c r="OQ42" s="392">
        <v>0</v>
      </c>
      <c r="OR42" s="396">
        <v>599632</v>
      </c>
      <c r="OS42" s="401">
        <v>599632</v>
      </c>
    </row>
    <row r="43" spans="2:409" x14ac:dyDescent="0.2">
      <c r="B43" s="71" t="s">
        <v>84</v>
      </c>
    </row>
  </sheetData>
  <mergeCells count="158">
    <mergeCell ref="OH7:OH8"/>
    <mergeCell ref="OI7:OK7"/>
    <mergeCell ref="OL7:OR7"/>
    <mergeCell ref="OS7:OS8"/>
    <mergeCell ref="NL7:NL8"/>
    <mergeCell ref="NM7:NO7"/>
    <mergeCell ref="NP7:NV7"/>
    <mergeCell ref="NW7:NW8"/>
    <mergeCell ref="NX7:NZ7"/>
    <mergeCell ref="NA7:NA8"/>
    <mergeCell ref="NB7:ND7"/>
    <mergeCell ref="NE7:NK7"/>
    <mergeCell ref="LX7:MD7"/>
    <mergeCell ref="ME7:ME8"/>
    <mergeCell ref="MF7:MH7"/>
    <mergeCell ref="MI7:MO7"/>
    <mergeCell ref="MP7:MP8"/>
    <mergeCell ref="OA7:OG7"/>
    <mergeCell ref="LT7:LT8"/>
    <mergeCell ref="LU7:LW7"/>
    <mergeCell ref="KN7:KP7"/>
    <mergeCell ref="KQ7:KW7"/>
    <mergeCell ref="KX7:KX8"/>
    <mergeCell ref="KY7:LA7"/>
    <mergeCell ref="LB7:LH7"/>
    <mergeCell ref="MQ7:MS7"/>
    <mergeCell ref="MT7:MZ7"/>
    <mergeCell ref="JU7:KA7"/>
    <mergeCell ref="KB7:KB8"/>
    <mergeCell ref="KC7:KE7"/>
    <mergeCell ref="KF7:KL7"/>
    <mergeCell ref="KM7:KM8"/>
    <mergeCell ref="NB5:NL6"/>
    <mergeCell ref="NM5:NW6"/>
    <mergeCell ref="NX5:OH6"/>
    <mergeCell ref="HZ7:IB7"/>
    <mergeCell ref="IC7:II7"/>
    <mergeCell ref="IJ7:IJ8"/>
    <mergeCell ref="IK7:IM7"/>
    <mergeCell ref="IN7:IT7"/>
    <mergeCell ref="IU7:IU8"/>
    <mergeCell ref="IV7:IX7"/>
    <mergeCell ref="IY7:JE7"/>
    <mergeCell ref="JF7:JF8"/>
    <mergeCell ref="JG7:JI7"/>
    <mergeCell ref="JJ7:JP7"/>
    <mergeCell ref="JQ7:JQ8"/>
    <mergeCell ref="JR7:JT7"/>
    <mergeCell ref="LI7:LI8"/>
    <mergeCell ref="LJ7:LL7"/>
    <mergeCell ref="LM7:LS7"/>
    <mergeCell ref="ID1:IE1"/>
    <mergeCell ref="HZ4:ME4"/>
    <mergeCell ref="MF4:OH4"/>
    <mergeCell ref="OI4:OS6"/>
    <mergeCell ref="HZ5:IJ6"/>
    <mergeCell ref="IK5:IU6"/>
    <mergeCell ref="IV5:JF6"/>
    <mergeCell ref="JG5:JQ6"/>
    <mergeCell ref="JR5:KB6"/>
    <mergeCell ref="KC5:KM6"/>
    <mergeCell ref="KN5:KX6"/>
    <mergeCell ref="KY5:LI6"/>
    <mergeCell ref="LJ5:LT6"/>
    <mergeCell ref="LU5:ME6"/>
    <mergeCell ref="MF5:MP6"/>
    <mergeCell ref="MQ5:NA6"/>
    <mergeCell ref="DI5:FK5"/>
    <mergeCell ref="B4:B8"/>
    <mergeCell ref="C4:M6"/>
    <mergeCell ref="N4:HY4"/>
    <mergeCell ref="N5:CA5"/>
    <mergeCell ref="CB5:DH5"/>
    <mergeCell ref="FL5:HC5"/>
    <mergeCell ref="HD5:HN6"/>
    <mergeCell ref="HO5:HY6"/>
    <mergeCell ref="EE6:EO6"/>
    <mergeCell ref="N6:X6"/>
    <mergeCell ref="Y6:AI6"/>
    <mergeCell ref="AJ6:AT6"/>
    <mergeCell ref="AU6:BE6"/>
    <mergeCell ref="BF6:BP6"/>
    <mergeCell ref="BQ6:CA6"/>
    <mergeCell ref="CB6:CL6"/>
    <mergeCell ref="CM6:CW6"/>
    <mergeCell ref="CX6:DH6"/>
    <mergeCell ref="DI6:DS6"/>
    <mergeCell ref="DT6:ED6"/>
    <mergeCell ref="C7:E7"/>
    <mergeCell ref="F7:L7"/>
    <mergeCell ref="M7:M8"/>
    <mergeCell ref="N7:P7"/>
    <mergeCell ref="Q7:W7"/>
    <mergeCell ref="BI7:BO7"/>
    <mergeCell ref="X7:X8"/>
    <mergeCell ref="Y7:AA7"/>
    <mergeCell ref="AB7:AH7"/>
    <mergeCell ref="AI7:AI8"/>
    <mergeCell ref="AJ7:AL7"/>
    <mergeCell ref="AM7:AS7"/>
    <mergeCell ref="AT7:AT8"/>
    <mergeCell ref="AU7:AW7"/>
    <mergeCell ref="AX7:BD7"/>
    <mergeCell ref="EP7:ER7"/>
    <mergeCell ref="BE7:BE8"/>
    <mergeCell ref="BF7:BH7"/>
    <mergeCell ref="DA7:DG7"/>
    <mergeCell ref="BP7:BP8"/>
    <mergeCell ref="BQ7:BS7"/>
    <mergeCell ref="BT7:BZ7"/>
    <mergeCell ref="CA7:CA8"/>
    <mergeCell ref="CB7:CD7"/>
    <mergeCell ref="CE7:CK7"/>
    <mergeCell ref="CL7:CL8"/>
    <mergeCell ref="CM7:CO7"/>
    <mergeCell ref="CP7:CV7"/>
    <mergeCell ref="CW7:CW8"/>
    <mergeCell ref="CX7:CZ7"/>
    <mergeCell ref="DW7:EC7"/>
    <mergeCell ref="ED7:ED8"/>
    <mergeCell ref="EE7:EG7"/>
    <mergeCell ref="DH7:DH8"/>
    <mergeCell ref="DI7:DK7"/>
    <mergeCell ref="DL7:DR7"/>
    <mergeCell ref="DS7:DS8"/>
    <mergeCell ref="GH6:GR6"/>
    <mergeCell ref="GR7:GR8"/>
    <mergeCell ref="GS7:GU7"/>
    <mergeCell ref="ES7:EY7"/>
    <mergeCell ref="FA7:FC7"/>
    <mergeCell ref="FD7:FJ7"/>
    <mergeCell ref="FK7:FK8"/>
    <mergeCell ref="GS6:HC6"/>
    <mergeCell ref="FA6:FK6"/>
    <mergeCell ref="G1:H1"/>
    <mergeCell ref="HY7:HY8"/>
    <mergeCell ref="HC7:HC8"/>
    <mergeCell ref="HD7:HF7"/>
    <mergeCell ref="HG7:HM7"/>
    <mergeCell ref="HN7:HN8"/>
    <mergeCell ref="HO7:HQ7"/>
    <mergeCell ref="HR7:HX7"/>
    <mergeCell ref="GV7:HB7"/>
    <mergeCell ref="EZ7:EZ8"/>
    <mergeCell ref="FL7:FN7"/>
    <mergeCell ref="FO7:FU7"/>
    <mergeCell ref="FV7:FV8"/>
    <mergeCell ref="FW7:FY7"/>
    <mergeCell ref="FZ7:GF7"/>
    <mergeCell ref="GG7:GG8"/>
    <mergeCell ref="EH7:EN7"/>
    <mergeCell ref="EO7:EO8"/>
    <mergeCell ref="DT7:DV7"/>
    <mergeCell ref="GH7:GJ7"/>
    <mergeCell ref="GK7:GQ7"/>
    <mergeCell ref="EP6:EZ6"/>
    <mergeCell ref="FL6:FV6"/>
    <mergeCell ref="FW6:GG6"/>
  </mergeCells>
  <phoneticPr fontId="4"/>
  <pageMargins left="0.78740157480314965" right="0.78740157480314965" top="0.39370078740157483" bottom="0.43307086614173229" header="0.19685039370078741" footer="0.19685039370078741"/>
  <pageSetup paperSize="9" scale="55" orientation="landscape" r:id="rId1"/>
  <headerFooter alignWithMargins="0">
    <oddFooter>&amp;L&amp;20&amp;A&amp;C&amp;P/&amp;N</oddFooter>
  </headerFooter>
  <colBreaks count="9" manualBreakCount="9">
    <brk id="24" max="1048575" man="1"/>
    <brk id="46" max="1048575" man="1"/>
    <brk id="68" max="1048575" man="1"/>
    <brk id="90" max="1048575" man="1"/>
    <brk id="112" max="1048575" man="1"/>
    <brk id="134" max="1048575" man="1"/>
    <brk id="167" max="1048575" man="1"/>
    <brk id="189" max="1048575" man="1"/>
    <brk id="211" max="1048575" man="1"/>
  </col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OS43"/>
  <sheetViews>
    <sheetView zoomScaleNormal="100" workbookViewId="0">
      <pane xSplit="2" ySplit="9" topLeftCell="C10" activePane="bottomRight" state="frozen"/>
      <selection activeCell="F37" sqref="F37"/>
      <selection pane="topRight" activeCell="F37" sqref="F37"/>
      <selection pane="bottomLeft" activeCell="F37" sqref="F37"/>
      <selection pane="bottomRight" activeCell="C9" sqref="C9"/>
    </sheetView>
  </sheetViews>
  <sheetFormatPr defaultColWidth="8.21875" defaultRowHeight="13.2" x14ac:dyDescent="0.2"/>
  <cols>
    <col min="1" max="1" width="3.77734375" style="71" customWidth="1"/>
    <col min="2" max="2" width="9.77734375" style="71" customWidth="1"/>
    <col min="3" max="3" width="8.21875" style="71" customWidth="1"/>
    <col min="4" max="5" width="10" style="71" customWidth="1"/>
    <col min="6" max="6" width="7.77734375" style="71" customWidth="1"/>
    <col min="7" max="8" width="10" style="71" customWidth="1"/>
    <col min="9" max="9" width="9.88671875" style="71" customWidth="1"/>
    <col min="10" max="10" width="9.77734375" style="71" customWidth="1"/>
    <col min="11" max="11" width="9.88671875" style="71" customWidth="1"/>
    <col min="12" max="12" width="10.88671875" style="71" customWidth="1"/>
    <col min="13" max="13" width="11.109375" style="71" customWidth="1"/>
    <col min="14" max="16" width="8.21875" style="71" customWidth="1"/>
    <col min="17" max="17" width="7.21875" style="71" customWidth="1"/>
    <col min="18" max="18" width="8.21875" style="71" customWidth="1"/>
    <col min="19" max="19" width="10.109375" style="71" customWidth="1"/>
    <col min="20" max="20" width="9.109375" style="71" customWidth="1"/>
    <col min="21" max="21" width="9.77734375" style="71" customWidth="1"/>
    <col min="22" max="22" width="10.33203125" style="71" customWidth="1"/>
    <col min="23" max="23" width="10.44140625" style="71" customWidth="1"/>
    <col min="24" max="24" width="11" style="71" customWidth="1"/>
    <col min="25" max="27" width="8.21875" style="71" customWidth="1"/>
    <col min="28" max="28" width="7" style="71" customWidth="1"/>
    <col min="29" max="33" width="8.21875" style="71" customWidth="1"/>
    <col min="34" max="34" width="10.6640625" style="71" customWidth="1"/>
    <col min="35" max="35" width="10" style="71" customWidth="1"/>
    <col min="36" max="38" width="8.21875" style="71" customWidth="1"/>
    <col min="39" max="39" width="7" style="71" customWidth="1"/>
    <col min="40" max="49" width="8.21875" style="71" customWidth="1"/>
    <col min="50" max="50" width="7.21875" style="71" customWidth="1"/>
    <col min="51" max="55" width="8.21875" style="71" customWidth="1"/>
    <col min="56" max="57" width="9.33203125" style="71" customWidth="1"/>
    <col min="58" max="60" width="8.21875" style="71" customWidth="1"/>
    <col min="61" max="61" width="6.88671875" style="71" customWidth="1"/>
    <col min="62" max="71" width="8.21875" style="71" customWidth="1"/>
    <col min="72" max="72" width="7.21875" style="71" customWidth="1"/>
    <col min="73" max="79" width="8.21875" style="71" customWidth="1"/>
    <col min="80" max="82" width="8.21875" style="247" customWidth="1"/>
    <col min="83" max="83" width="7.6640625" style="247" customWidth="1"/>
    <col min="84" max="84" width="9.88671875" style="247" customWidth="1"/>
    <col min="85" max="85" width="10" style="247" customWidth="1"/>
    <col min="86" max="86" width="9.77734375" style="247" customWidth="1"/>
    <col min="87" max="87" width="9.21875" style="247" customWidth="1"/>
    <col min="88" max="88" width="8.77734375" style="247" customWidth="1"/>
    <col min="89" max="89" width="9.88671875" style="247" customWidth="1"/>
    <col min="90" max="90" width="9.77734375" style="247" customWidth="1"/>
    <col min="91" max="93" width="8.21875" style="71" customWidth="1"/>
    <col min="94" max="94" width="7.33203125" style="71" customWidth="1"/>
    <col min="95" max="95" width="9.88671875" style="71" bestFit="1" customWidth="1"/>
    <col min="96" max="96" width="10" style="71" customWidth="1"/>
    <col min="97" max="97" width="9.6640625" style="71" customWidth="1"/>
    <col min="98" max="99" width="8.21875" style="71" customWidth="1"/>
    <col min="100" max="101" width="9.88671875" style="71" customWidth="1"/>
    <col min="102" max="104" width="8.21875" style="71" customWidth="1"/>
    <col min="105" max="105" width="7.44140625" style="71" customWidth="1"/>
    <col min="106" max="110" width="8.21875" style="71" customWidth="1"/>
    <col min="111" max="111" width="10" style="71" customWidth="1"/>
    <col min="112" max="112" width="9.88671875" style="71" customWidth="1"/>
    <col min="113" max="115" width="8.21875" style="247" customWidth="1"/>
    <col min="116" max="116" width="7.21875" style="247" customWidth="1"/>
    <col min="117" max="121" width="8.21875" style="247" customWidth="1"/>
    <col min="122" max="122" width="10.109375" style="247" customWidth="1"/>
    <col min="123" max="123" width="9.77734375" style="247" customWidth="1"/>
    <col min="124" max="126" width="8.21875" style="71" customWidth="1"/>
    <col min="127" max="127" width="7.33203125" style="71" customWidth="1"/>
    <col min="128" max="132" width="8.21875" style="71" customWidth="1"/>
    <col min="133" max="133" width="10.33203125" style="71" customWidth="1"/>
    <col min="134" max="134" width="10.109375" style="71" customWidth="1"/>
    <col min="135" max="137" width="8.21875" style="71" customWidth="1"/>
    <col min="138" max="138" width="7.109375" style="71" customWidth="1"/>
    <col min="139" max="148" width="8.21875" style="71" customWidth="1"/>
    <col min="149" max="149" width="7.21875" style="71" customWidth="1"/>
    <col min="150" max="159" width="8.21875" style="71" customWidth="1"/>
    <col min="160" max="160" width="7.21875" style="71" customWidth="1"/>
    <col min="161" max="167" width="8.21875" style="71" customWidth="1"/>
    <col min="168" max="170" width="8.21875" style="247" customWidth="1"/>
    <col min="171" max="171" width="6.6640625" style="247" customWidth="1"/>
    <col min="172" max="176" width="8.21875" style="247" customWidth="1"/>
    <col min="177" max="177" width="10.109375" style="247" customWidth="1"/>
    <col min="178" max="178" width="9.88671875" style="247" customWidth="1"/>
    <col min="179" max="181" width="8.21875" style="71" customWidth="1"/>
    <col min="182" max="182" width="7.33203125" style="71" customWidth="1"/>
    <col min="183" max="187" width="8.21875" style="71" customWidth="1"/>
    <col min="188" max="188" width="10" style="71" customWidth="1"/>
    <col min="189" max="189" width="10.6640625" style="71" customWidth="1"/>
    <col min="190" max="192" width="8.21875" style="71" customWidth="1"/>
    <col min="193" max="193" width="7.21875" style="71" customWidth="1"/>
    <col min="194" max="203" width="8.21875" style="71" customWidth="1"/>
    <col min="204" max="204" width="7.109375" style="71" customWidth="1"/>
    <col min="205" max="214" width="8.21875" style="71" customWidth="1"/>
    <col min="215" max="215" width="7.109375" style="71" customWidth="1"/>
    <col min="216" max="220" width="8.21875" style="71" customWidth="1"/>
    <col min="221" max="222" width="9.77734375" style="71" customWidth="1"/>
    <col min="223" max="225" width="8.21875" style="71" customWidth="1"/>
    <col min="226" max="226" width="7.21875" style="71" customWidth="1"/>
    <col min="227" max="231" width="8.21875" style="71" customWidth="1"/>
    <col min="232" max="233" width="10" style="71" customWidth="1"/>
    <col min="234" max="235" width="7.44140625" style="247" customWidth="1"/>
    <col min="236" max="236" width="9.33203125" style="247" customWidth="1"/>
    <col min="237" max="237" width="7.44140625" style="247" customWidth="1"/>
    <col min="238" max="244" width="10.109375" style="247" customWidth="1"/>
    <col min="245" max="247" width="10.109375" style="71" customWidth="1"/>
    <col min="248" max="248" width="7.109375" style="71" customWidth="1"/>
    <col min="249" max="258" width="10.109375" style="71" customWidth="1"/>
    <col min="259" max="259" width="7.33203125" style="71" customWidth="1"/>
    <col min="260" max="269" width="10.109375" style="71" customWidth="1"/>
    <col min="270" max="270" width="7.21875" style="71" customWidth="1"/>
    <col min="271" max="280" width="10.109375" style="71" customWidth="1"/>
    <col min="281" max="281" width="7.6640625" style="71" customWidth="1"/>
    <col min="282" max="291" width="10.109375" style="71" customWidth="1"/>
    <col min="292" max="292" width="6.33203125" style="71" customWidth="1"/>
    <col min="293" max="302" width="10.109375" style="71" customWidth="1"/>
    <col min="303" max="303" width="7.44140625" style="71" customWidth="1"/>
    <col min="304" max="310" width="10.109375" style="71" customWidth="1"/>
    <col min="311" max="313" width="10.109375" style="247" customWidth="1"/>
    <col min="314" max="314" width="7.109375" style="247" customWidth="1"/>
    <col min="315" max="324" width="10.109375" style="247" customWidth="1"/>
    <col min="325" max="325" width="7.44140625" style="247" customWidth="1"/>
    <col min="326" max="335" width="10.109375" style="247" customWidth="1"/>
    <col min="336" max="336" width="6.88671875" style="247" customWidth="1"/>
    <col min="337" max="343" width="10.109375" style="247" customWidth="1"/>
    <col min="344" max="346" width="10.109375" style="71" customWidth="1"/>
    <col min="347" max="347" width="7.21875" style="71" customWidth="1"/>
    <col min="348" max="357" width="10.109375" style="71" customWidth="1"/>
    <col min="358" max="358" width="7.21875" style="71" customWidth="1"/>
    <col min="359" max="368" width="10.109375" style="71" customWidth="1"/>
    <col min="369" max="369" width="7" style="71" customWidth="1"/>
    <col min="370" max="379" width="10.109375" style="71" customWidth="1"/>
    <col min="380" max="380" width="6.88671875" style="71" customWidth="1"/>
    <col min="381" max="385" width="10.109375" style="71" customWidth="1"/>
    <col min="386" max="387" width="10.33203125" style="71" customWidth="1"/>
    <col min="388" max="390" width="10.109375" style="71" customWidth="1"/>
    <col min="391" max="391" width="6.88671875" style="71" customWidth="1"/>
    <col min="392" max="396" width="10.109375" style="71" customWidth="1"/>
    <col min="397" max="398" width="10.33203125" style="71" customWidth="1"/>
    <col min="399" max="401" width="9.21875" style="71" customWidth="1"/>
    <col min="402" max="402" width="7" style="71" customWidth="1"/>
    <col min="403" max="404" width="9.21875" style="71" customWidth="1"/>
    <col min="405" max="405" width="10.44140625" style="71" customWidth="1"/>
    <col min="406" max="406" width="12.109375" style="71" customWidth="1"/>
    <col min="407" max="407" width="10.109375" style="71" customWidth="1"/>
    <col min="408" max="409" width="10.33203125" style="71" customWidth="1"/>
    <col min="410" max="16384" width="8.21875" style="71"/>
  </cols>
  <sheetData>
    <row r="1" spans="2:409" ht="24" customHeight="1" x14ac:dyDescent="0.2">
      <c r="B1" s="10" t="s">
        <v>132</v>
      </c>
      <c r="E1" s="63">
        <f>第１表!F2</f>
        <v>7</v>
      </c>
      <c r="F1" s="16">
        <f>第１表!G2</f>
        <v>2</v>
      </c>
      <c r="G1" s="531">
        <f>IF(F1&lt;3,F1-2+12,F1-2)</f>
        <v>12</v>
      </c>
      <c r="H1" s="531"/>
      <c r="IB1" s="42"/>
      <c r="IC1" s="22"/>
      <c r="ID1" s="542"/>
      <c r="IE1" s="542"/>
    </row>
    <row r="2" spans="2:409" ht="24" customHeight="1" x14ac:dyDescent="0.2">
      <c r="B2" s="10" t="s">
        <v>143</v>
      </c>
      <c r="E2" s="19"/>
      <c r="F2" s="20"/>
      <c r="G2" s="248"/>
      <c r="H2" s="248"/>
      <c r="IB2" s="21"/>
      <c r="IC2" s="22"/>
      <c r="ID2" s="248"/>
      <c r="IE2" s="248"/>
    </row>
    <row r="3" spans="2:409" ht="24" customHeight="1" thickBot="1" x14ac:dyDescent="0.25">
      <c r="B3" s="10" t="s">
        <v>152</v>
      </c>
    </row>
    <row r="4" spans="2:409" ht="21" customHeight="1" thickBot="1" x14ac:dyDescent="0.25">
      <c r="B4" s="547" t="s">
        <v>42</v>
      </c>
      <c r="C4" s="550" t="s">
        <v>63</v>
      </c>
      <c r="D4" s="550"/>
      <c r="E4" s="550"/>
      <c r="F4" s="550"/>
      <c r="G4" s="550"/>
      <c r="H4" s="550"/>
      <c r="I4" s="550"/>
      <c r="J4" s="550"/>
      <c r="K4" s="550"/>
      <c r="L4" s="550"/>
      <c r="M4" s="550"/>
      <c r="N4" s="508"/>
      <c r="O4" s="508"/>
      <c r="P4" s="508"/>
      <c r="Q4" s="508"/>
      <c r="R4" s="508"/>
      <c r="S4" s="508"/>
      <c r="T4" s="508"/>
      <c r="U4" s="508"/>
      <c r="V4" s="508"/>
      <c r="W4" s="508"/>
      <c r="X4" s="508"/>
      <c r="Y4" s="508"/>
      <c r="Z4" s="508"/>
      <c r="AA4" s="508"/>
      <c r="AB4" s="508"/>
      <c r="AC4" s="508"/>
      <c r="AD4" s="508"/>
      <c r="AE4" s="508"/>
      <c r="AF4" s="508"/>
      <c r="AG4" s="508"/>
      <c r="AH4" s="508"/>
      <c r="AI4" s="508"/>
      <c r="AJ4" s="508"/>
      <c r="AK4" s="508"/>
      <c r="AL4" s="508"/>
      <c r="AM4" s="508"/>
      <c r="AN4" s="508"/>
      <c r="AO4" s="508"/>
      <c r="AP4" s="508"/>
      <c r="AQ4" s="508"/>
      <c r="AR4" s="508"/>
      <c r="AS4" s="508"/>
      <c r="AT4" s="508"/>
      <c r="AU4" s="508"/>
      <c r="AV4" s="508"/>
      <c r="AW4" s="508"/>
      <c r="AX4" s="508"/>
      <c r="AY4" s="508"/>
      <c r="AZ4" s="508"/>
      <c r="BA4" s="508"/>
      <c r="BB4" s="508"/>
      <c r="BC4" s="508"/>
      <c r="BD4" s="508"/>
      <c r="BE4" s="508"/>
      <c r="BF4" s="508"/>
      <c r="BG4" s="508"/>
      <c r="BH4" s="508"/>
      <c r="BI4" s="508"/>
      <c r="BJ4" s="508"/>
      <c r="BK4" s="508"/>
      <c r="BL4" s="508"/>
      <c r="BM4" s="508"/>
      <c r="BN4" s="508"/>
      <c r="BO4" s="508"/>
      <c r="BP4" s="508"/>
      <c r="BQ4" s="508"/>
      <c r="BR4" s="508"/>
      <c r="BS4" s="508"/>
      <c r="BT4" s="508"/>
      <c r="BU4" s="508"/>
      <c r="BV4" s="508"/>
      <c r="BW4" s="508"/>
      <c r="BX4" s="508"/>
      <c r="BY4" s="508"/>
      <c r="BZ4" s="508"/>
      <c r="CA4" s="508"/>
      <c r="CB4" s="508"/>
      <c r="CC4" s="508"/>
      <c r="CD4" s="508"/>
      <c r="CE4" s="508"/>
      <c r="CF4" s="508"/>
      <c r="CG4" s="508"/>
      <c r="CH4" s="508"/>
      <c r="CI4" s="508"/>
      <c r="CJ4" s="508"/>
      <c r="CK4" s="508"/>
      <c r="CL4" s="508"/>
      <c r="CM4" s="508"/>
      <c r="CN4" s="508"/>
      <c r="CO4" s="508"/>
      <c r="CP4" s="508"/>
      <c r="CQ4" s="508"/>
      <c r="CR4" s="508"/>
      <c r="CS4" s="508"/>
      <c r="CT4" s="508"/>
      <c r="CU4" s="508"/>
      <c r="CV4" s="508"/>
      <c r="CW4" s="508"/>
      <c r="CX4" s="508"/>
      <c r="CY4" s="508"/>
      <c r="CZ4" s="508"/>
      <c r="DA4" s="508"/>
      <c r="DB4" s="508"/>
      <c r="DC4" s="508"/>
      <c r="DD4" s="508"/>
      <c r="DE4" s="508"/>
      <c r="DF4" s="508"/>
      <c r="DG4" s="508"/>
      <c r="DH4" s="508"/>
      <c r="DI4" s="508"/>
      <c r="DJ4" s="508"/>
      <c r="DK4" s="508"/>
      <c r="DL4" s="508"/>
      <c r="DM4" s="508"/>
      <c r="DN4" s="508"/>
      <c r="DO4" s="508"/>
      <c r="DP4" s="508"/>
      <c r="DQ4" s="508"/>
      <c r="DR4" s="508"/>
      <c r="DS4" s="508"/>
      <c r="DT4" s="508"/>
      <c r="DU4" s="508"/>
      <c r="DV4" s="508"/>
      <c r="DW4" s="508"/>
      <c r="DX4" s="508"/>
      <c r="DY4" s="508"/>
      <c r="DZ4" s="508"/>
      <c r="EA4" s="508"/>
      <c r="EB4" s="508"/>
      <c r="EC4" s="508"/>
      <c r="ED4" s="508"/>
      <c r="EE4" s="508"/>
      <c r="EF4" s="508"/>
      <c r="EG4" s="508"/>
      <c r="EH4" s="508"/>
      <c r="EI4" s="508"/>
      <c r="EJ4" s="508"/>
      <c r="EK4" s="508"/>
      <c r="EL4" s="508"/>
      <c r="EM4" s="508"/>
      <c r="EN4" s="508"/>
      <c r="EO4" s="508"/>
      <c r="EP4" s="508"/>
      <c r="EQ4" s="508"/>
      <c r="ER4" s="508"/>
      <c r="ES4" s="508"/>
      <c r="ET4" s="508"/>
      <c r="EU4" s="508"/>
      <c r="EV4" s="508"/>
      <c r="EW4" s="508"/>
      <c r="EX4" s="508"/>
      <c r="EY4" s="508"/>
      <c r="EZ4" s="508"/>
      <c r="FA4" s="508"/>
      <c r="FB4" s="508"/>
      <c r="FC4" s="508"/>
      <c r="FD4" s="508"/>
      <c r="FE4" s="508"/>
      <c r="FF4" s="508"/>
      <c r="FG4" s="508"/>
      <c r="FH4" s="508"/>
      <c r="FI4" s="508"/>
      <c r="FJ4" s="508"/>
      <c r="FK4" s="508"/>
      <c r="FL4" s="508"/>
      <c r="FM4" s="508"/>
      <c r="FN4" s="508"/>
      <c r="FO4" s="508"/>
      <c r="FP4" s="508"/>
      <c r="FQ4" s="508"/>
      <c r="FR4" s="508"/>
      <c r="FS4" s="508"/>
      <c r="FT4" s="508"/>
      <c r="FU4" s="508"/>
      <c r="FV4" s="508"/>
      <c r="FW4" s="508"/>
      <c r="FX4" s="508"/>
      <c r="FY4" s="508"/>
      <c r="FZ4" s="508"/>
      <c r="GA4" s="508"/>
      <c r="GB4" s="508"/>
      <c r="GC4" s="508"/>
      <c r="GD4" s="508"/>
      <c r="GE4" s="508"/>
      <c r="GF4" s="508"/>
      <c r="GG4" s="508"/>
      <c r="GH4" s="508"/>
      <c r="GI4" s="508"/>
      <c r="GJ4" s="508"/>
      <c r="GK4" s="508"/>
      <c r="GL4" s="508"/>
      <c r="GM4" s="508"/>
      <c r="GN4" s="508"/>
      <c r="GO4" s="508"/>
      <c r="GP4" s="508"/>
      <c r="GQ4" s="508"/>
      <c r="GR4" s="508"/>
      <c r="GS4" s="508"/>
      <c r="GT4" s="508"/>
      <c r="GU4" s="508"/>
      <c r="GV4" s="508"/>
      <c r="GW4" s="508"/>
      <c r="GX4" s="508"/>
      <c r="GY4" s="508"/>
      <c r="GZ4" s="508"/>
      <c r="HA4" s="508"/>
      <c r="HB4" s="508"/>
      <c r="HC4" s="508"/>
      <c r="HD4" s="508"/>
      <c r="HE4" s="508"/>
      <c r="HF4" s="508"/>
      <c r="HG4" s="508"/>
      <c r="HH4" s="508"/>
      <c r="HI4" s="508"/>
      <c r="HJ4" s="508"/>
      <c r="HK4" s="508"/>
      <c r="HL4" s="508"/>
      <c r="HM4" s="508"/>
      <c r="HN4" s="508"/>
      <c r="HO4" s="508"/>
      <c r="HP4" s="508"/>
      <c r="HQ4" s="508"/>
      <c r="HR4" s="508"/>
      <c r="HS4" s="508"/>
      <c r="HT4" s="508"/>
      <c r="HU4" s="508"/>
      <c r="HV4" s="508"/>
      <c r="HW4" s="508"/>
      <c r="HX4" s="508"/>
      <c r="HY4" s="509"/>
      <c r="HZ4" s="439" t="s">
        <v>85</v>
      </c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0"/>
      <c r="JR4" s="440"/>
      <c r="JS4" s="440"/>
      <c r="JT4" s="440"/>
      <c r="JU4" s="440"/>
      <c r="JV4" s="440"/>
      <c r="JW4" s="440"/>
      <c r="JX4" s="440"/>
      <c r="JY4" s="440"/>
      <c r="JZ4" s="440"/>
      <c r="KA4" s="440"/>
      <c r="KB4" s="440"/>
      <c r="KC4" s="440"/>
      <c r="KD4" s="440"/>
      <c r="KE4" s="440"/>
      <c r="KF4" s="440"/>
      <c r="KG4" s="440"/>
      <c r="KH4" s="440"/>
      <c r="KI4" s="440"/>
      <c r="KJ4" s="440"/>
      <c r="KK4" s="440"/>
      <c r="KL4" s="440"/>
      <c r="KM4" s="440"/>
      <c r="KN4" s="440"/>
      <c r="KO4" s="440"/>
      <c r="KP4" s="440"/>
      <c r="KQ4" s="440"/>
      <c r="KR4" s="440"/>
      <c r="KS4" s="440"/>
      <c r="KT4" s="440"/>
      <c r="KU4" s="440"/>
      <c r="KV4" s="440"/>
      <c r="KW4" s="440"/>
      <c r="KX4" s="440"/>
      <c r="KY4" s="440"/>
      <c r="KZ4" s="440"/>
      <c r="LA4" s="440"/>
      <c r="LB4" s="440"/>
      <c r="LC4" s="440"/>
      <c r="LD4" s="440"/>
      <c r="LE4" s="440"/>
      <c r="LF4" s="440"/>
      <c r="LG4" s="440"/>
      <c r="LH4" s="440"/>
      <c r="LI4" s="440"/>
      <c r="LJ4" s="440"/>
      <c r="LK4" s="440"/>
      <c r="LL4" s="440"/>
      <c r="LM4" s="440"/>
      <c r="LN4" s="440"/>
      <c r="LO4" s="440"/>
      <c r="LP4" s="440"/>
      <c r="LQ4" s="440"/>
      <c r="LR4" s="440"/>
      <c r="LS4" s="440"/>
      <c r="LT4" s="440"/>
      <c r="LU4" s="440"/>
      <c r="LV4" s="440"/>
      <c r="LW4" s="440"/>
      <c r="LX4" s="440"/>
      <c r="LY4" s="440"/>
      <c r="LZ4" s="440"/>
      <c r="MA4" s="440"/>
      <c r="MB4" s="440"/>
      <c r="MC4" s="440"/>
      <c r="MD4" s="440"/>
      <c r="ME4" s="441"/>
      <c r="MF4" s="439" t="s">
        <v>86</v>
      </c>
      <c r="MG4" s="440"/>
      <c r="MH4" s="440"/>
      <c r="MI4" s="440"/>
      <c r="MJ4" s="440"/>
      <c r="MK4" s="440"/>
      <c r="ML4" s="440"/>
      <c r="MM4" s="440"/>
      <c r="MN4" s="440"/>
      <c r="MO4" s="440"/>
      <c r="MP4" s="440"/>
      <c r="MQ4" s="440"/>
      <c r="MR4" s="440"/>
      <c r="MS4" s="440"/>
      <c r="MT4" s="440"/>
      <c r="MU4" s="440"/>
      <c r="MV4" s="440"/>
      <c r="MW4" s="440"/>
      <c r="MX4" s="440"/>
      <c r="MY4" s="440"/>
      <c r="MZ4" s="440"/>
      <c r="NA4" s="440"/>
      <c r="NB4" s="440"/>
      <c r="NC4" s="440"/>
      <c r="ND4" s="440"/>
      <c r="NE4" s="440"/>
      <c r="NF4" s="440"/>
      <c r="NG4" s="440"/>
      <c r="NH4" s="440"/>
      <c r="NI4" s="440"/>
      <c r="NJ4" s="440"/>
      <c r="NK4" s="440"/>
      <c r="NL4" s="440"/>
      <c r="NM4" s="440"/>
      <c r="NN4" s="440"/>
      <c r="NO4" s="440"/>
      <c r="NP4" s="440"/>
      <c r="NQ4" s="440"/>
      <c r="NR4" s="440"/>
      <c r="NS4" s="440"/>
      <c r="NT4" s="440"/>
      <c r="NU4" s="440"/>
      <c r="NV4" s="440"/>
      <c r="NW4" s="440"/>
      <c r="NX4" s="440"/>
      <c r="NY4" s="440"/>
      <c r="NZ4" s="440"/>
      <c r="OA4" s="440"/>
      <c r="OB4" s="440"/>
      <c r="OC4" s="440"/>
      <c r="OD4" s="440"/>
      <c r="OE4" s="440"/>
      <c r="OF4" s="440"/>
      <c r="OG4" s="440"/>
      <c r="OH4" s="441"/>
      <c r="OI4" s="425" t="s">
        <v>60</v>
      </c>
      <c r="OJ4" s="426"/>
      <c r="OK4" s="426"/>
      <c r="OL4" s="426"/>
      <c r="OM4" s="426"/>
      <c r="ON4" s="426"/>
      <c r="OO4" s="426"/>
      <c r="OP4" s="426"/>
      <c r="OQ4" s="426"/>
      <c r="OR4" s="426"/>
      <c r="OS4" s="427"/>
    </row>
    <row r="5" spans="2:409" ht="21" customHeight="1" thickBot="1" x14ac:dyDescent="0.25">
      <c r="B5" s="548"/>
      <c r="C5" s="551"/>
      <c r="D5" s="551"/>
      <c r="E5" s="551"/>
      <c r="F5" s="551"/>
      <c r="G5" s="551"/>
      <c r="H5" s="551"/>
      <c r="I5" s="551"/>
      <c r="J5" s="551"/>
      <c r="K5" s="551"/>
      <c r="L5" s="551"/>
      <c r="M5" s="551"/>
      <c r="N5" s="553" t="s">
        <v>64</v>
      </c>
      <c r="O5" s="554"/>
      <c r="P5" s="554"/>
      <c r="Q5" s="554"/>
      <c r="R5" s="554"/>
      <c r="S5" s="554"/>
      <c r="T5" s="554"/>
      <c r="U5" s="554"/>
      <c r="V5" s="554"/>
      <c r="W5" s="554"/>
      <c r="X5" s="554"/>
      <c r="Y5" s="554"/>
      <c r="Z5" s="554"/>
      <c r="AA5" s="554"/>
      <c r="AB5" s="554"/>
      <c r="AC5" s="554"/>
      <c r="AD5" s="554"/>
      <c r="AE5" s="554"/>
      <c r="AF5" s="554"/>
      <c r="AG5" s="554"/>
      <c r="AH5" s="554"/>
      <c r="AI5" s="554"/>
      <c r="AJ5" s="554"/>
      <c r="AK5" s="554"/>
      <c r="AL5" s="554"/>
      <c r="AM5" s="554"/>
      <c r="AN5" s="554"/>
      <c r="AO5" s="554"/>
      <c r="AP5" s="554"/>
      <c r="AQ5" s="554"/>
      <c r="AR5" s="554"/>
      <c r="AS5" s="554"/>
      <c r="AT5" s="554"/>
      <c r="AU5" s="554"/>
      <c r="AV5" s="554"/>
      <c r="AW5" s="554"/>
      <c r="AX5" s="554"/>
      <c r="AY5" s="554"/>
      <c r="AZ5" s="554"/>
      <c r="BA5" s="554"/>
      <c r="BB5" s="554"/>
      <c r="BC5" s="554"/>
      <c r="BD5" s="554"/>
      <c r="BE5" s="554"/>
      <c r="BF5" s="554"/>
      <c r="BG5" s="554"/>
      <c r="BH5" s="554"/>
      <c r="BI5" s="554"/>
      <c r="BJ5" s="554"/>
      <c r="BK5" s="554"/>
      <c r="BL5" s="554"/>
      <c r="BM5" s="554"/>
      <c r="BN5" s="554"/>
      <c r="BO5" s="554"/>
      <c r="BP5" s="554"/>
      <c r="BQ5" s="554"/>
      <c r="BR5" s="554"/>
      <c r="BS5" s="554"/>
      <c r="BT5" s="554"/>
      <c r="BU5" s="554"/>
      <c r="BV5" s="554"/>
      <c r="BW5" s="554"/>
      <c r="BX5" s="554"/>
      <c r="BY5" s="554"/>
      <c r="BZ5" s="554"/>
      <c r="CA5" s="555"/>
      <c r="CB5" s="553" t="s">
        <v>65</v>
      </c>
      <c r="CC5" s="554"/>
      <c r="CD5" s="554"/>
      <c r="CE5" s="554"/>
      <c r="CF5" s="554"/>
      <c r="CG5" s="554"/>
      <c r="CH5" s="554"/>
      <c r="CI5" s="554"/>
      <c r="CJ5" s="554"/>
      <c r="CK5" s="554"/>
      <c r="CL5" s="554"/>
      <c r="CM5" s="554"/>
      <c r="CN5" s="554"/>
      <c r="CO5" s="554"/>
      <c r="CP5" s="554"/>
      <c r="CQ5" s="554"/>
      <c r="CR5" s="554"/>
      <c r="CS5" s="554"/>
      <c r="CT5" s="554"/>
      <c r="CU5" s="554"/>
      <c r="CV5" s="554"/>
      <c r="CW5" s="554"/>
      <c r="CX5" s="554"/>
      <c r="CY5" s="554"/>
      <c r="CZ5" s="554"/>
      <c r="DA5" s="554"/>
      <c r="DB5" s="554"/>
      <c r="DC5" s="554"/>
      <c r="DD5" s="554"/>
      <c r="DE5" s="554"/>
      <c r="DF5" s="554"/>
      <c r="DG5" s="554"/>
      <c r="DH5" s="555"/>
      <c r="DI5" s="439" t="s">
        <v>66</v>
      </c>
      <c r="DJ5" s="440"/>
      <c r="DK5" s="440"/>
      <c r="DL5" s="440"/>
      <c r="DM5" s="440"/>
      <c r="DN5" s="440"/>
      <c r="DO5" s="440"/>
      <c r="DP5" s="440"/>
      <c r="DQ5" s="440"/>
      <c r="DR5" s="440"/>
      <c r="DS5" s="440"/>
      <c r="DT5" s="440"/>
      <c r="DU5" s="440"/>
      <c r="DV5" s="440"/>
      <c r="DW5" s="440"/>
      <c r="DX5" s="440"/>
      <c r="DY5" s="440"/>
      <c r="DZ5" s="440"/>
      <c r="EA5" s="440"/>
      <c r="EB5" s="440"/>
      <c r="EC5" s="440"/>
      <c r="ED5" s="440"/>
      <c r="EE5" s="440"/>
      <c r="EF5" s="440"/>
      <c r="EG5" s="440"/>
      <c r="EH5" s="440"/>
      <c r="EI5" s="440"/>
      <c r="EJ5" s="440"/>
      <c r="EK5" s="440"/>
      <c r="EL5" s="440"/>
      <c r="EM5" s="440"/>
      <c r="EN5" s="440"/>
      <c r="EO5" s="440"/>
      <c r="EP5" s="440"/>
      <c r="EQ5" s="440"/>
      <c r="ER5" s="440"/>
      <c r="ES5" s="440"/>
      <c r="ET5" s="440"/>
      <c r="EU5" s="440"/>
      <c r="EV5" s="440"/>
      <c r="EW5" s="440"/>
      <c r="EX5" s="440"/>
      <c r="EY5" s="440"/>
      <c r="EZ5" s="440"/>
      <c r="FA5" s="440"/>
      <c r="FB5" s="440"/>
      <c r="FC5" s="440"/>
      <c r="FD5" s="440"/>
      <c r="FE5" s="440"/>
      <c r="FF5" s="440"/>
      <c r="FG5" s="440"/>
      <c r="FH5" s="440"/>
      <c r="FI5" s="440"/>
      <c r="FJ5" s="440"/>
      <c r="FK5" s="441"/>
      <c r="FL5" s="553" t="s">
        <v>67</v>
      </c>
      <c r="FM5" s="554"/>
      <c r="FN5" s="554"/>
      <c r="FO5" s="554"/>
      <c r="FP5" s="554"/>
      <c r="FQ5" s="554"/>
      <c r="FR5" s="554"/>
      <c r="FS5" s="554"/>
      <c r="FT5" s="554"/>
      <c r="FU5" s="554"/>
      <c r="FV5" s="554"/>
      <c r="FW5" s="554"/>
      <c r="FX5" s="554"/>
      <c r="FY5" s="554"/>
      <c r="FZ5" s="554"/>
      <c r="GA5" s="554"/>
      <c r="GB5" s="554"/>
      <c r="GC5" s="554"/>
      <c r="GD5" s="554"/>
      <c r="GE5" s="554"/>
      <c r="GF5" s="554"/>
      <c r="GG5" s="554"/>
      <c r="GH5" s="554"/>
      <c r="GI5" s="554"/>
      <c r="GJ5" s="554"/>
      <c r="GK5" s="554"/>
      <c r="GL5" s="554"/>
      <c r="GM5" s="554"/>
      <c r="GN5" s="554"/>
      <c r="GO5" s="554"/>
      <c r="GP5" s="554"/>
      <c r="GQ5" s="554"/>
      <c r="GR5" s="554"/>
      <c r="GS5" s="554"/>
      <c r="GT5" s="554"/>
      <c r="GU5" s="554"/>
      <c r="GV5" s="554"/>
      <c r="GW5" s="554"/>
      <c r="GX5" s="554"/>
      <c r="GY5" s="554"/>
      <c r="GZ5" s="554"/>
      <c r="HA5" s="554"/>
      <c r="HB5" s="554"/>
      <c r="HC5" s="555"/>
      <c r="HD5" s="539" t="s">
        <v>68</v>
      </c>
      <c r="HE5" s="540"/>
      <c r="HF5" s="540"/>
      <c r="HG5" s="540"/>
      <c r="HH5" s="540"/>
      <c r="HI5" s="540"/>
      <c r="HJ5" s="540"/>
      <c r="HK5" s="540"/>
      <c r="HL5" s="540"/>
      <c r="HM5" s="540"/>
      <c r="HN5" s="541"/>
      <c r="HO5" s="539" t="s">
        <v>69</v>
      </c>
      <c r="HP5" s="540"/>
      <c r="HQ5" s="540"/>
      <c r="HR5" s="540"/>
      <c r="HS5" s="540"/>
      <c r="HT5" s="540"/>
      <c r="HU5" s="540"/>
      <c r="HV5" s="540"/>
      <c r="HW5" s="540"/>
      <c r="HX5" s="540"/>
      <c r="HY5" s="541"/>
      <c r="HZ5" s="572"/>
      <c r="IA5" s="573"/>
      <c r="IB5" s="573"/>
      <c r="IC5" s="573"/>
      <c r="ID5" s="573"/>
      <c r="IE5" s="573"/>
      <c r="IF5" s="573"/>
      <c r="IG5" s="573"/>
      <c r="IH5" s="573"/>
      <c r="II5" s="573"/>
      <c r="IJ5" s="574"/>
      <c r="IK5" s="425" t="s">
        <v>94</v>
      </c>
      <c r="IL5" s="426"/>
      <c r="IM5" s="426"/>
      <c r="IN5" s="426"/>
      <c r="IO5" s="426"/>
      <c r="IP5" s="426"/>
      <c r="IQ5" s="426"/>
      <c r="IR5" s="426"/>
      <c r="IS5" s="426"/>
      <c r="IT5" s="426"/>
      <c r="IU5" s="427"/>
      <c r="IV5" s="425" t="s">
        <v>88</v>
      </c>
      <c r="IW5" s="426"/>
      <c r="IX5" s="426"/>
      <c r="IY5" s="426"/>
      <c r="IZ5" s="426"/>
      <c r="JA5" s="426"/>
      <c r="JB5" s="426"/>
      <c r="JC5" s="426"/>
      <c r="JD5" s="426"/>
      <c r="JE5" s="426"/>
      <c r="JF5" s="427"/>
      <c r="JG5" s="425" t="s">
        <v>140</v>
      </c>
      <c r="JH5" s="426"/>
      <c r="JI5" s="426"/>
      <c r="JJ5" s="426"/>
      <c r="JK5" s="426"/>
      <c r="JL5" s="426"/>
      <c r="JM5" s="426"/>
      <c r="JN5" s="426"/>
      <c r="JO5" s="426"/>
      <c r="JP5" s="426"/>
      <c r="JQ5" s="427"/>
      <c r="JR5" s="425" t="s">
        <v>90</v>
      </c>
      <c r="JS5" s="426"/>
      <c r="JT5" s="426"/>
      <c r="JU5" s="426"/>
      <c r="JV5" s="426"/>
      <c r="JW5" s="426"/>
      <c r="JX5" s="426"/>
      <c r="JY5" s="426"/>
      <c r="JZ5" s="426"/>
      <c r="KA5" s="426"/>
      <c r="KB5" s="427"/>
      <c r="KC5" s="425" t="s">
        <v>89</v>
      </c>
      <c r="KD5" s="426"/>
      <c r="KE5" s="426"/>
      <c r="KF5" s="426"/>
      <c r="KG5" s="426"/>
      <c r="KH5" s="426"/>
      <c r="KI5" s="426"/>
      <c r="KJ5" s="426"/>
      <c r="KK5" s="426"/>
      <c r="KL5" s="426"/>
      <c r="KM5" s="427"/>
      <c r="KN5" s="425" t="s">
        <v>91</v>
      </c>
      <c r="KO5" s="426"/>
      <c r="KP5" s="426"/>
      <c r="KQ5" s="426"/>
      <c r="KR5" s="426"/>
      <c r="KS5" s="426"/>
      <c r="KT5" s="426"/>
      <c r="KU5" s="426"/>
      <c r="KV5" s="426"/>
      <c r="KW5" s="426"/>
      <c r="KX5" s="427"/>
      <c r="KY5" s="425" t="s">
        <v>92</v>
      </c>
      <c r="KZ5" s="426"/>
      <c r="LA5" s="426"/>
      <c r="LB5" s="426"/>
      <c r="LC5" s="426"/>
      <c r="LD5" s="426"/>
      <c r="LE5" s="426"/>
      <c r="LF5" s="426"/>
      <c r="LG5" s="426"/>
      <c r="LH5" s="426"/>
      <c r="LI5" s="427"/>
      <c r="LJ5" s="575" t="s">
        <v>93</v>
      </c>
      <c r="LK5" s="576"/>
      <c r="LL5" s="576"/>
      <c r="LM5" s="576"/>
      <c r="LN5" s="576"/>
      <c r="LO5" s="576"/>
      <c r="LP5" s="576"/>
      <c r="LQ5" s="576"/>
      <c r="LR5" s="576"/>
      <c r="LS5" s="576"/>
      <c r="LT5" s="577"/>
      <c r="LU5" s="575" t="s">
        <v>141</v>
      </c>
      <c r="LV5" s="576"/>
      <c r="LW5" s="576"/>
      <c r="LX5" s="576"/>
      <c r="LY5" s="576"/>
      <c r="LZ5" s="576"/>
      <c r="MA5" s="576"/>
      <c r="MB5" s="576"/>
      <c r="MC5" s="576"/>
      <c r="MD5" s="576"/>
      <c r="ME5" s="577"/>
      <c r="MF5" s="572"/>
      <c r="MG5" s="573"/>
      <c r="MH5" s="573"/>
      <c r="MI5" s="573"/>
      <c r="MJ5" s="573"/>
      <c r="MK5" s="573"/>
      <c r="ML5" s="573"/>
      <c r="MM5" s="573"/>
      <c r="MN5" s="573"/>
      <c r="MO5" s="573"/>
      <c r="MP5" s="574"/>
      <c r="MQ5" s="425" t="s">
        <v>57</v>
      </c>
      <c r="MR5" s="426"/>
      <c r="MS5" s="426"/>
      <c r="MT5" s="426"/>
      <c r="MU5" s="426"/>
      <c r="MV5" s="426"/>
      <c r="MW5" s="426"/>
      <c r="MX5" s="426"/>
      <c r="MY5" s="426"/>
      <c r="MZ5" s="426"/>
      <c r="NA5" s="427"/>
      <c r="NB5" s="425" t="s">
        <v>58</v>
      </c>
      <c r="NC5" s="426"/>
      <c r="ND5" s="426"/>
      <c r="NE5" s="426"/>
      <c r="NF5" s="426"/>
      <c r="NG5" s="426"/>
      <c r="NH5" s="426"/>
      <c r="NI5" s="426"/>
      <c r="NJ5" s="426"/>
      <c r="NK5" s="426"/>
      <c r="NL5" s="427"/>
      <c r="NM5" s="425" t="s">
        <v>59</v>
      </c>
      <c r="NN5" s="426"/>
      <c r="NO5" s="426"/>
      <c r="NP5" s="426"/>
      <c r="NQ5" s="426"/>
      <c r="NR5" s="426"/>
      <c r="NS5" s="426"/>
      <c r="NT5" s="426"/>
      <c r="NU5" s="426"/>
      <c r="NV5" s="426"/>
      <c r="NW5" s="427"/>
      <c r="NX5" s="425" t="s">
        <v>147</v>
      </c>
      <c r="NY5" s="426"/>
      <c r="NZ5" s="426"/>
      <c r="OA5" s="426"/>
      <c r="OB5" s="426"/>
      <c r="OC5" s="426"/>
      <c r="OD5" s="426"/>
      <c r="OE5" s="426"/>
      <c r="OF5" s="426"/>
      <c r="OG5" s="426"/>
      <c r="OH5" s="427"/>
      <c r="OI5" s="443"/>
      <c r="OJ5" s="570"/>
      <c r="OK5" s="570"/>
      <c r="OL5" s="570"/>
      <c r="OM5" s="570"/>
      <c r="ON5" s="570"/>
      <c r="OO5" s="570"/>
      <c r="OP5" s="570"/>
      <c r="OQ5" s="570"/>
      <c r="OR5" s="570"/>
      <c r="OS5" s="571"/>
    </row>
    <row r="6" spans="2:409" ht="21" customHeight="1" thickBot="1" x14ac:dyDescent="0.25">
      <c r="B6" s="548"/>
      <c r="C6" s="552"/>
      <c r="D6" s="552"/>
      <c r="E6" s="552"/>
      <c r="F6" s="552"/>
      <c r="G6" s="552"/>
      <c r="H6" s="552"/>
      <c r="I6" s="552"/>
      <c r="J6" s="552"/>
      <c r="K6" s="552"/>
      <c r="L6" s="552"/>
      <c r="M6" s="552"/>
      <c r="N6" s="431"/>
      <c r="O6" s="432"/>
      <c r="P6" s="432"/>
      <c r="Q6" s="432"/>
      <c r="R6" s="432"/>
      <c r="S6" s="432"/>
      <c r="T6" s="432"/>
      <c r="U6" s="432"/>
      <c r="V6" s="432"/>
      <c r="W6" s="432"/>
      <c r="X6" s="433"/>
      <c r="Y6" s="434" t="s">
        <v>70</v>
      </c>
      <c r="Z6" s="435"/>
      <c r="AA6" s="435"/>
      <c r="AB6" s="435"/>
      <c r="AC6" s="435"/>
      <c r="AD6" s="435"/>
      <c r="AE6" s="435"/>
      <c r="AF6" s="435"/>
      <c r="AG6" s="435"/>
      <c r="AH6" s="435"/>
      <c r="AI6" s="436"/>
      <c r="AJ6" s="536" t="s">
        <v>71</v>
      </c>
      <c r="AK6" s="537"/>
      <c r="AL6" s="537"/>
      <c r="AM6" s="537"/>
      <c r="AN6" s="537"/>
      <c r="AO6" s="537"/>
      <c r="AP6" s="537"/>
      <c r="AQ6" s="537"/>
      <c r="AR6" s="537"/>
      <c r="AS6" s="537"/>
      <c r="AT6" s="538"/>
      <c r="AU6" s="536" t="s">
        <v>72</v>
      </c>
      <c r="AV6" s="537"/>
      <c r="AW6" s="537"/>
      <c r="AX6" s="537"/>
      <c r="AY6" s="537"/>
      <c r="AZ6" s="537"/>
      <c r="BA6" s="537"/>
      <c r="BB6" s="537"/>
      <c r="BC6" s="537"/>
      <c r="BD6" s="537"/>
      <c r="BE6" s="538"/>
      <c r="BF6" s="536" t="s">
        <v>73</v>
      </c>
      <c r="BG6" s="537"/>
      <c r="BH6" s="537"/>
      <c r="BI6" s="537"/>
      <c r="BJ6" s="537"/>
      <c r="BK6" s="537"/>
      <c r="BL6" s="537"/>
      <c r="BM6" s="537"/>
      <c r="BN6" s="537"/>
      <c r="BO6" s="537"/>
      <c r="BP6" s="538"/>
      <c r="BQ6" s="536" t="s">
        <v>74</v>
      </c>
      <c r="BR6" s="537"/>
      <c r="BS6" s="537"/>
      <c r="BT6" s="537"/>
      <c r="BU6" s="537"/>
      <c r="BV6" s="537"/>
      <c r="BW6" s="537"/>
      <c r="BX6" s="537"/>
      <c r="BY6" s="537"/>
      <c r="BZ6" s="537"/>
      <c r="CA6" s="538"/>
      <c r="CB6" s="533"/>
      <c r="CC6" s="534"/>
      <c r="CD6" s="534"/>
      <c r="CE6" s="534"/>
      <c r="CF6" s="534"/>
      <c r="CG6" s="534"/>
      <c r="CH6" s="534"/>
      <c r="CI6" s="534"/>
      <c r="CJ6" s="534"/>
      <c r="CK6" s="534"/>
      <c r="CL6" s="535"/>
      <c r="CM6" s="536" t="s">
        <v>75</v>
      </c>
      <c r="CN6" s="537"/>
      <c r="CO6" s="537"/>
      <c r="CP6" s="537"/>
      <c r="CQ6" s="537"/>
      <c r="CR6" s="537"/>
      <c r="CS6" s="537"/>
      <c r="CT6" s="537"/>
      <c r="CU6" s="537"/>
      <c r="CV6" s="537"/>
      <c r="CW6" s="538"/>
      <c r="CX6" s="536" t="s">
        <v>76</v>
      </c>
      <c r="CY6" s="537"/>
      <c r="CZ6" s="537"/>
      <c r="DA6" s="537"/>
      <c r="DB6" s="537"/>
      <c r="DC6" s="537"/>
      <c r="DD6" s="537"/>
      <c r="DE6" s="537"/>
      <c r="DF6" s="537"/>
      <c r="DG6" s="537"/>
      <c r="DH6" s="538"/>
      <c r="DI6" s="533"/>
      <c r="DJ6" s="534"/>
      <c r="DK6" s="534"/>
      <c r="DL6" s="534"/>
      <c r="DM6" s="534"/>
      <c r="DN6" s="534"/>
      <c r="DO6" s="534"/>
      <c r="DP6" s="534"/>
      <c r="DQ6" s="534"/>
      <c r="DR6" s="534"/>
      <c r="DS6" s="534"/>
      <c r="DT6" s="536" t="s">
        <v>77</v>
      </c>
      <c r="DU6" s="537"/>
      <c r="DV6" s="537"/>
      <c r="DW6" s="537"/>
      <c r="DX6" s="537"/>
      <c r="DY6" s="537"/>
      <c r="DZ6" s="537"/>
      <c r="EA6" s="537"/>
      <c r="EB6" s="537"/>
      <c r="EC6" s="537"/>
      <c r="ED6" s="538"/>
      <c r="EE6" s="536" t="s">
        <v>78</v>
      </c>
      <c r="EF6" s="537"/>
      <c r="EG6" s="537"/>
      <c r="EH6" s="537"/>
      <c r="EI6" s="537"/>
      <c r="EJ6" s="537"/>
      <c r="EK6" s="537"/>
      <c r="EL6" s="537"/>
      <c r="EM6" s="537"/>
      <c r="EN6" s="537"/>
      <c r="EO6" s="538"/>
      <c r="EP6" s="536" t="s">
        <v>79</v>
      </c>
      <c r="EQ6" s="537"/>
      <c r="ER6" s="537"/>
      <c r="ES6" s="537"/>
      <c r="ET6" s="537"/>
      <c r="EU6" s="537"/>
      <c r="EV6" s="537"/>
      <c r="EW6" s="537"/>
      <c r="EX6" s="537"/>
      <c r="EY6" s="537"/>
      <c r="EZ6" s="538"/>
      <c r="FA6" s="536" t="s">
        <v>148</v>
      </c>
      <c r="FB6" s="537"/>
      <c r="FC6" s="537"/>
      <c r="FD6" s="537"/>
      <c r="FE6" s="537"/>
      <c r="FF6" s="537"/>
      <c r="FG6" s="537"/>
      <c r="FH6" s="537"/>
      <c r="FI6" s="537"/>
      <c r="FJ6" s="537"/>
      <c r="FK6" s="538"/>
      <c r="FL6" s="533"/>
      <c r="FM6" s="534"/>
      <c r="FN6" s="534"/>
      <c r="FO6" s="534"/>
      <c r="FP6" s="534"/>
      <c r="FQ6" s="534"/>
      <c r="FR6" s="534"/>
      <c r="FS6" s="534"/>
      <c r="FT6" s="534"/>
      <c r="FU6" s="534"/>
      <c r="FV6" s="534"/>
      <c r="FW6" s="536" t="s">
        <v>80</v>
      </c>
      <c r="FX6" s="537"/>
      <c r="FY6" s="537"/>
      <c r="FZ6" s="537"/>
      <c r="GA6" s="537"/>
      <c r="GB6" s="537"/>
      <c r="GC6" s="537"/>
      <c r="GD6" s="537"/>
      <c r="GE6" s="537"/>
      <c r="GF6" s="537"/>
      <c r="GG6" s="538"/>
      <c r="GH6" s="434" t="s">
        <v>81</v>
      </c>
      <c r="GI6" s="435"/>
      <c r="GJ6" s="435"/>
      <c r="GK6" s="435"/>
      <c r="GL6" s="435"/>
      <c r="GM6" s="435"/>
      <c r="GN6" s="435"/>
      <c r="GO6" s="435"/>
      <c r="GP6" s="435"/>
      <c r="GQ6" s="435"/>
      <c r="GR6" s="436"/>
      <c r="GS6" s="434" t="s">
        <v>82</v>
      </c>
      <c r="GT6" s="435"/>
      <c r="GU6" s="435"/>
      <c r="GV6" s="435"/>
      <c r="GW6" s="435"/>
      <c r="GX6" s="435"/>
      <c r="GY6" s="435"/>
      <c r="GZ6" s="435"/>
      <c r="HA6" s="435"/>
      <c r="HB6" s="435"/>
      <c r="HC6" s="436"/>
      <c r="HD6" s="556"/>
      <c r="HE6" s="557"/>
      <c r="HF6" s="557"/>
      <c r="HG6" s="557"/>
      <c r="HH6" s="557"/>
      <c r="HI6" s="557"/>
      <c r="HJ6" s="557"/>
      <c r="HK6" s="557"/>
      <c r="HL6" s="557"/>
      <c r="HM6" s="557"/>
      <c r="HN6" s="558"/>
      <c r="HO6" s="556"/>
      <c r="HP6" s="557"/>
      <c r="HQ6" s="557"/>
      <c r="HR6" s="557"/>
      <c r="HS6" s="557"/>
      <c r="HT6" s="557"/>
      <c r="HU6" s="557"/>
      <c r="HV6" s="557"/>
      <c r="HW6" s="557"/>
      <c r="HX6" s="557"/>
      <c r="HY6" s="558"/>
      <c r="HZ6" s="533"/>
      <c r="IA6" s="534"/>
      <c r="IB6" s="534"/>
      <c r="IC6" s="534"/>
      <c r="ID6" s="534"/>
      <c r="IE6" s="534"/>
      <c r="IF6" s="534"/>
      <c r="IG6" s="534"/>
      <c r="IH6" s="534"/>
      <c r="II6" s="534"/>
      <c r="IJ6" s="535"/>
      <c r="IK6" s="431"/>
      <c r="IL6" s="432"/>
      <c r="IM6" s="432"/>
      <c r="IN6" s="432"/>
      <c r="IO6" s="432"/>
      <c r="IP6" s="432"/>
      <c r="IQ6" s="432"/>
      <c r="IR6" s="432"/>
      <c r="IS6" s="432"/>
      <c r="IT6" s="432"/>
      <c r="IU6" s="433"/>
      <c r="IV6" s="431"/>
      <c r="IW6" s="432"/>
      <c r="IX6" s="432"/>
      <c r="IY6" s="432"/>
      <c r="IZ6" s="432"/>
      <c r="JA6" s="432"/>
      <c r="JB6" s="432"/>
      <c r="JC6" s="432"/>
      <c r="JD6" s="432"/>
      <c r="JE6" s="432"/>
      <c r="JF6" s="433"/>
      <c r="JG6" s="431"/>
      <c r="JH6" s="432"/>
      <c r="JI6" s="432"/>
      <c r="JJ6" s="432"/>
      <c r="JK6" s="432"/>
      <c r="JL6" s="432"/>
      <c r="JM6" s="432"/>
      <c r="JN6" s="432"/>
      <c r="JO6" s="432"/>
      <c r="JP6" s="432"/>
      <c r="JQ6" s="433"/>
      <c r="JR6" s="431"/>
      <c r="JS6" s="432"/>
      <c r="JT6" s="432"/>
      <c r="JU6" s="432"/>
      <c r="JV6" s="432"/>
      <c r="JW6" s="432"/>
      <c r="JX6" s="432"/>
      <c r="JY6" s="432"/>
      <c r="JZ6" s="432"/>
      <c r="KA6" s="432"/>
      <c r="KB6" s="433"/>
      <c r="KC6" s="431"/>
      <c r="KD6" s="432"/>
      <c r="KE6" s="432"/>
      <c r="KF6" s="432"/>
      <c r="KG6" s="432"/>
      <c r="KH6" s="432"/>
      <c r="KI6" s="432"/>
      <c r="KJ6" s="432"/>
      <c r="KK6" s="432"/>
      <c r="KL6" s="432"/>
      <c r="KM6" s="433"/>
      <c r="KN6" s="431"/>
      <c r="KO6" s="432"/>
      <c r="KP6" s="432"/>
      <c r="KQ6" s="432"/>
      <c r="KR6" s="432"/>
      <c r="KS6" s="432"/>
      <c r="KT6" s="432"/>
      <c r="KU6" s="432"/>
      <c r="KV6" s="432"/>
      <c r="KW6" s="432"/>
      <c r="KX6" s="433"/>
      <c r="KY6" s="431"/>
      <c r="KZ6" s="432"/>
      <c r="LA6" s="432"/>
      <c r="LB6" s="432"/>
      <c r="LC6" s="432"/>
      <c r="LD6" s="432"/>
      <c r="LE6" s="432"/>
      <c r="LF6" s="432"/>
      <c r="LG6" s="432"/>
      <c r="LH6" s="432"/>
      <c r="LI6" s="433"/>
      <c r="LJ6" s="533"/>
      <c r="LK6" s="534"/>
      <c r="LL6" s="534"/>
      <c r="LM6" s="534"/>
      <c r="LN6" s="534"/>
      <c r="LO6" s="534"/>
      <c r="LP6" s="534"/>
      <c r="LQ6" s="534"/>
      <c r="LR6" s="534"/>
      <c r="LS6" s="534"/>
      <c r="LT6" s="535"/>
      <c r="LU6" s="533"/>
      <c r="LV6" s="534"/>
      <c r="LW6" s="534"/>
      <c r="LX6" s="534"/>
      <c r="LY6" s="534"/>
      <c r="LZ6" s="534"/>
      <c r="MA6" s="534"/>
      <c r="MB6" s="534"/>
      <c r="MC6" s="534"/>
      <c r="MD6" s="534"/>
      <c r="ME6" s="535"/>
      <c r="MF6" s="533"/>
      <c r="MG6" s="534"/>
      <c r="MH6" s="534"/>
      <c r="MI6" s="534"/>
      <c r="MJ6" s="534"/>
      <c r="MK6" s="534"/>
      <c r="ML6" s="534"/>
      <c r="MM6" s="534"/>
      <c r="MN6" s="534"/>
      <c r="MO6" s="534"/>
      <c r="MP6" s="535"/>
      <c r="MQ6" s="431"/>
      <c r="MR6" s="432"/>
      <c r="MS6" s="432"/>
      <c r="MT6" s="432"/>
      <c r="MU6" s="432"/>
      <c r="MV6" s="432"/>
      <c r="MW6" s="432"/>
      <c r="MX6" s="432"/>
      <c r="MY6" s="432"/>
      <c r="MZ6" s="432"/>
      <c r="NA6" s="433"/>
      <c r="NB6" s="431"/>
      <c r="NC6" s="432"/>
      <c r="ND6" s="432"/>
      <c r="NE6" s="432"/>
      <c r="NF6" s="432"/>
      <c r="NG6" s="432"/>
      <c r="NH6" s="432"/>
      <c r="NI6" s="432"/>
      <c r="NJ6" s="432"/>
      <c r="NK6" s="432"/>
      <c r="NL6" s="433"/>
      <c r="NM6" s="431"/>
      <c r="NN6" s="432"/>
      <c r="NO6" s="432"/>
      <c r="NP6" s="432"/>
      <c r="NQ6" s="432"/>
      <c r="NR6" s="432"/>
      <c r="NS6" s="432"/>
      <c r="NT6" s="432"/>
      <c r="NU6" s="432"/>
      <c r="NV6" s="432"/>
      <c r="NW6" s="433"/>
      <c r="NX6" s="431"/>
      <c r="NY6" s="432"/>
      <c r="NZ6" s="432"/>
      <c r="OA6" s="432"/>
      <c r="OB6" s="432"/>
      <c r="OC6" s="432"/>
      <c r="OD6" s="432"/>
      <c r="OE6" s="432"/>
      <c r="OF6" s="432"/>
      <c r="OG6" s="432"/>
      <c r="OH6" s="433"/>
      <c r="OI6" s="431"/>
      <c r="OJ6" s="432"/>
      <c r="OK6" s="432"/>
      <c r="OL6" s="432"/>
      <c r="OM6" s="432"/>
      <c r="ON6" s="432"/>
      <c r="OO6" s="432"/>
      <c r="OP6" s="432"/>
      <c r="OQ6" s="432"/>
      <c r="OR6" s="432"/>
      <c r="OS6" s="433"/>
    </row>
    <row r="7" spans="2:409" ht="21" customHeight="1" x14ac:dyDescent="0.2">
      <c r="B7" s="548"/>
      <c r="C7" s="516" t="s">
        <v>61</v>
      </c>
      <c r="D7" s="516"/>
      <c r="E7" s="516"/>
      <c r="F7" s="515" t="s">
        <v>62</v>
      </c>
      <c r="G7" s="516"/>
      <c r="H7" s="516"/>
      <c r="I7" s="516"/>
      <c r="J7" s="516"/>
      <c r="K7" s="516"/>
      <c r="L7" s="516"/>
      <c r="M7" s="515" t="s">
        <v>52</v>
      </c>
      <c r="N7" s="560" t="s">
        <v>61</v>
      </c>
      <c r="O7" s="516"/>
      <c r="P7" s="516"/>
      <c r="Q7" s="515" t="s">
        <v>62</v>
      </c>
      <c r="R7" s="516"/>
      <c r="S7" s="516"/>
      <c r="T7" s="516"/>
      <c r="U7" s="516"/>
      <c r="V7" s="516"/>
      <c r="W7" s="517"/>
      <c r="X7" s="545" t="s">
        <v>52</v>
      </c>
      <c r="Y7" s="431" t="s">
        <v>61</v>
      </c>
      <c r="Z7" s="432"/>
      <c r="AA7" s="524"/>
      <c r="AB7" s="523" t="s">
        <v>62</v>
      </c>
      <c r="AC7" s="432"/>
      <c r="AD7" s="432"/>
      <c r="AE7" s="432"/>
      <c r="AF7" s="432"/>
      <c r="AG7" s="432"/>
      <c r="AH7" s="524"/>
      <c r="AI7" s="433" t="s">
        <v>52</v>
      </c>
      <c r="AJ7" s="520" t="s">
        <v>61</v>
      </c>
      <c r="AK7" s="521"/>
      <c r="AL7" s="522"/>
      <c r="AM7" s="543" t="s">
        <v>62</v>
      </c>
      <c r="AN7" s="521"/>
      <c r="AO7" s="521"/>
      <c r="AP7" s="521"/>
      <c r="AQ7" s="521"/>
      <c r="AR7" s="521"/>
      <c r="AS7" s="544"/>
      <c r="AT7" s="433" t="s">
        <v>52</v>
      </c>
      <c r="AU7" s="520" t="s">
        <v>61</v>
      </c>
      <c r="AV7" s="521"/>
      <c r="AW7" s="522"/>
      <c r="AX7" s="543" t="s">
        <v>62</v>
      </c>
      <c r="AY7" s="521"/>
      <c r="AZ7" s="521"/>
      <c r="BA7" s="521"/>
      <c r="BB7" s="521"/>
      <c r="BC7" s="521"/>
      <c r="BD7" s="544"/>
      <c r="BE7" s="433" t="s">
        <v>52</v>
      </c>
      <c r="BF7" s="520" t="s">
        <v>61</v>
      </c>
      <c r="BG7" s="521"/>
      <c r="BH7" s="522"/>
      <c r="BI7" s="543" t="s">
        <v>62</v>
      </c>
      <c r="BJ7" s="521"/>
      <c r="BK7" s="521"/>
      <c r="BL7" s="521"/>
      <c r="BM7" s="521"/>
      <c r="BN7" s="521"/>
      <c r="BO7" s="544"/>
      <c r="BP7" s="433" t="s">
        <v>52</v>
      </c>
      <c r="BQ7" s="520" t="s">
        <v>61</v>
      </c>
      <c r="BR7" s="521"/>
      <c r="BS7" s="522"/>
      <c r="BT7" s="543" t="s">
        <v>62</v>
      </c>
      <c r="BU7" s="521"/>
      <c r="BV7" s="521"/>
      <c r="BW7" s="521"/>
      <c r="BX7" s="521"/>
      <c r="BY7" s="521"/>
      <c r="BZ7" s="544"/>
      <c r="CA7" s="433" t="s">
        <v>52</v>
      </c>
      <c r="CB7" s="512" t="s">
        <v>61</v>
      </c>
      <c r="CC7" s="513"/>
      <c r="CD7" s="514"/>
      <c r="CE7" s="561" t="s">
        <v>62</v>
      </c>
      <c r="CF7" s="513"/>
      <c r="CG7" s="513"/>
      <c r="CH7" s="513"/>
      <c r="CI7" s="513"/>
      <c r="CJ7" s="513"/>
      <c r="CK7" s="562"/>
      <c r="CL7" s="545" t="s">
        <v>52</v>
      </c>
      <c r="CM7" s="520" t="s">
        <v>61</v>
      </c>
      <c r="CN7" s="521"/>
      <c r="CO7" s="544"/>
      <c r="CP7" s="543" t="s">
        <v>62</v>
      </c>
      <c r="CQ7" s="521"/>
      <c r="CR7" s="521"/>
      <c r="CS7" s="521"/>
      <c r="CT7" s="521"/>
      <c r="CU7" s="521"/>
      <c r="CV7" s="544"/>
      <c r="CW7" s="567" t="s">
        <v>52</v>
      </c>
      <c r="CX7" s="520" t="s">
        <v>61</v>
      </c>
      <c r="CY7" s="521"/>
      <c r="CZ7" s="544"/>
      <c r="DA7" s="543" t="s">
        <v>62</v>
      </c>
      <c r="DB7" s="521"/>
      <c r="DC7" s="521"/>
      <c r="DD7" s="521"/>
      <c r="DE7" s="521"/>
      <c r="DF7" s="521"/>
      <c r="DG7" s="544"/>
      <c r="DH7" s="567" t="s">
        <v>52</v>
      </c>
      <c r="DI7" s="512" t="s">
        <v>61</v>
      </c>
      <c r="DJ7" s="513"/>
      <c r="DK7" s="562"/>
      <c r="DL7" s="561" t="s">
        <v>62</v>
      </c>
      <c r="DM7" s="513"/>
      <c r="DN7" s="513"/>
      <c r="DO7" s="513"/>
      <c r="DP7" s="513"/>
      <c r="DQ7" s="513"/>
      <c r="DR7" s="562"/>
      <c r="DS7" s="545" t="s">
        <v>52</v>
      </c>
      <c r="DT7" s="520" t="s">
        <v>61</v>
      </c>
      <c r="DU7" s="521"/>
      <c r="DV7" s="522"/>
      <c r="DW7" s="543" t="s">
        <v>62</v>
      </c>
      <c r="DX7" s="521"/>
      <c r="DY7" s="521"/>
      <c r="DZ7" s="521"/>
      <c r="EA7" s="521"/>
      <c r="EB7" s="521"/>
      <c r="EC7" s="544"/>
      <c r="ED7" s="433" t="s">
        <v>52</v>
      </c>
      <c r="EE7" s="520" t="s">
        <v>61</v>
      </c>
      <c r="EF7" s="521"/>
      <c r="EG7" s="522"/>
      <c r="EH7" s="543" t="s">
        <v>62</v>
      </c>
      <c r="EI7" s="521"/>
      <c r="EJ7" s="521"/>
      <c r="EK7" s="521"/>
      <c r="EL7" s="521"/>
      <c r="EM7" s="521"/>
      <c r="EN7" s="544"/>
      <c r="EO7" s="433" t="s">
        <v>52</v>
      </c>
      <c r="EP7" s="520" t="s">
        <v>61</v>
      </c>
      <c r="EQ7" s="521"/>
      <c r="ER7" s="522"/>
      <c r="ES7" s="543" t="s">
        <v>62</v>
      </c>
      <c r="ET7" s="521"/>
      <c r="EU7" s="521"/>
      <c r="EV7" s="521"/>
      <c r="EW7" s="521"/>
      <c r="EX7" s="521"/>
      <c r="EY7" s="544"/>
      <c r="EZ7" s="433" t="s">
        <v>52</v>
      </c>
      <c r="FA7" s="520" t="s">
        <v>61</v>
      </c>
      <c r="FB7" s="521"/>
      <c r="FC7" s="522"/>
      <c r="FD7" s="543" t="s">
        <v>62</v>
      </c>
      <c r="FE7" s="521"/>
      <c r="FF7" s="521"/>
      <c r="FG7" s="521"/>
      <c r="FH7" s="521"/>
      <c r="FI7" s="521"/>
      <c r="FJ7" s="544"/>
      <c r="FK7" s="433" t="s">
        <v>52</v>
      </c>
      <c r="FL7" s="512" t="s">
        <v>61</v>
      </c>
      <c r="FM7" s="513"/>
      <c r="FN7" s="514"/>
      <c r="FO7" s="561" t="s">
        <v>62</v>
      </c>
      <c r="FP7" s="513"/>
      <c r="FQ7" s="513"/>
      <c r="FR7" s="513"/>
      <c r="FS7" s="513"/>
      <c r="FT7" s="513"/>
      <c r="FU7" s="562"/>
      <c r="FV7" s="516" t="s">
        <v>52</v>
      </c>
      <c r="FW7" s="520" t="s">
        <v>61</v>
      </c>
      <c r="FX7" s="521"/>
      <c r="FY7" s="522"/>
      <c r="FZ7" s="543" t="s">
        <v>62</v>
      </c>
      <c r="GA7" s="521"/>
      <c r="GB7" s="521"/>
      <c r="GC7" s="521"/>
      <c r="GD7" s="521"/>
      <c r="GE7" s="521"/>
      <c r="GF7" s="544"/>
      <c r="GG7" s="433" t="s">
        <v>52</v>
      </c>
      <c r="GH7" s="431" t="s">
        <v>61</v>
      </c>
      <c r="GI7" s="432"/>
      <c r="GJ7" s="432"/>
      <c r="GK7" s="523" t="s">
        <v>62</v>
      </c>
      <c r="GL7" s="432"/>
      <c r="GM7" s="432"/>
      <c r="GN7" s="432"/>
      <c r="GO7" s="432"/>
      <c r="GP7" s="432"/>
      <c r="GQ7" s="524"/>
      <c r="GR7" s="564" t="s">
        <v>52</v>
      </c>
      <c r="GS7" s="431" t="s">
        <v>61</v>
      </c>
      <c r="GT7" s="432"/>
      <c r="GU7" s="524"/>
      <c r="GV7" s="523" t="s">
        <v>62</v>
      </c>
      <c r="GW7" s="432"/>
      <c r="GX7" s="432"/>
      <c r="GY7" s="432"/>
      <c r="GZ7" s="432"/>
      <c r="HA7" s="432"/>
      <c r="HB7" s="524"/>
      <c r="HC7" s="564" t="s">
        <v>52</v>
      </c>
      <c r="HD7" s="520" t="s">
        <v>61</v>
      </c>
      <c r="HE7" s="521"/>
      <c r="HF7" s="522"/>
      <c r="HG7" s="543" t="s">
        <v>62</v>
      </c>
      <c r="HH7" s="521"/>
      <c r="HI7" s="521"/>
      <c r="HJ7" s="521"/>
      <c r="HK7" s="521"/>
      <c r="HL7" s="521"/>
      <c r="HM7" s="544"/>
      <c r="HN7" s="433" t="s">
        <v>52</v>
      </c>
      <c r="HO7" s="520" t="s">
        <v>61</v>
      </c>
      <c r="HP7" s="521"/>
      <c r="HQ7" s="522"/>
      <c r="HR7" s="543" t="s">
        <v>62</v>
      </c>
      <c r="HS7" s="521"/>
      <c r="HT7" s="521"/>
      <c r="HU7" s="521"/>
      <c r="HV7" s="521"/>
      <c r="HW7" s="521"/>
      <c r="HX7" s="544"/>
      <c r="HY7" s="433" t="s">
        <v>52</v>
      </c>
      <c r="HZ7" s="512" t="s">
        <v>61</v>
      </c>
      <c r="IA7" s="513"/>
      <c r="IB7" s="514"/>
      <c r="IC7" s="561" t="s">
        <v>62</v>
      </c>
      <c r="ID7" s="513"/>
      <c r="IE7" s="513"/>
      <c r="IF7" s="513"/>
      <c r="IG7" s="513"/>
      <c r="IH7" s="513"/>
      <c r="II7" s="562"/>
      <c r="IJ7" s="516" t="s">
        <v>52</v>
      </c>
      <c r="IK7" s="520" t="s">
        <v>61</v>
      </c>
      <c r="IL7" s="521"/>
      <c r="IM7" s="522"/>
      <c r="IN7" s="543" t="s">
        <v>62</v>
      </c>
      <c r="IO7" s="521"/>
      <c r="IP7" s="521"/>
      <c r="IQ7" s="521"/>
      <c r="IR7" s="521"/>
      <c r="IS7" s="521"/>
      <c r="IT7" s="544"/>
      <c r="IU7" s="433" t="s">
        <v>52</v>
      </c>
      <c r="IV7" s="520" t="s">
        <v>61</v>
      </c>
      <c r="IW7" s="521"/>
      <c r="IX7" s="544"/>
      <c r="IY7" s="543" t="s">
        <v>62</v>
      </c>
      <c r="IZ7" s="521"/>
      <c r="JA7" s="521"/>
      <c r="JB7" s="521"/>
      <c r="JC7" s="521"/>
      <c r="JD7" s="521"/>
      <c r="JE7" s="544"/>
      <c r="JF7" s="433" t="s">
        <v>52</v>
      </c>
      <c r="JG7" s="520" t="s">
        <v>61</v>
      </c>
      <c r="JH7" s="521"/>
      <c r="JI7" s="522"/>
      <c r="JJ7" s="543" t="s">
        <v>62</v>
      </c>
      <c r="JK7" s="521"/>
      <c r="JL7" s="521"/>
      <c r="JM7" s="521"/>
      <c r="JN7" s="521"/>
      <c r="JO7" s="521"/>
      <c r="JP7" s="544"/>
      <c r="JQ7" s="567" t="s">
        <v>52</v>
      </c>
      <c r="JR7" s="520" t="s">
        <v>61</v>
      </c>
      <c r="JS7" s="521"/>
      <c r="JT7" s="522"/>
      <c r="JU7" s="543" t="s">
        <v>62</v>
      </c>
      <c r="JV7" s="521"/>
      <c r="JW7" s="521"/>
      <c r="JX7" s="521"/>
      <c r="JY7" s="521"/>
      <c r="JZ7" s="521"/>
      <c r="KA7" s="544"/>
      <c r="KB7" s="567" t="s">
        <v>52</v>
      </c>
      <c r="KC7" s="520" t="s">
        <v>61</v>
      </c>
      <c r="KD7" s="521"/>
      <c r="KE7" s="522"/>
      <c r="KF7" s="543" t="s">
        <v>62</v>
      </c>
      <c r="KG7" s="521"/>
      <c r="KH7" s="521"/>
      <c r="KI7" s="521"/>
      <c r="KJ7" s="521"/>
      <c r="KK7" s="521"/>
      <c r="KL7" s="544"/>
      <c r="KM7" s="567" t="s">
        <v>52</v>
      </c>
      <c r="KN7" s="520" t="s">
        <v>61</v>
      </c>
      <c r="KO7" s="521"/>
      <c r="KP7" s="522"/>
      <c r="KQ7" s="543" t="s">
        <v>62</v>
      </c>
      <c r="KR7" s="521"/>
      <c r="KS7" s="521"/>
      <c r="KT7" s="521"/>
      <c r="KU7" s="521"/>
      <c r="KV7" s="521"/>
      <c r="KW7" s="544"/>
      <c r="KX7" s="567" t="s">
        <v>52</v>
      </c>
      <c r="KY7" s="520" t="s">
        <v>61</v>
      </c>
      <c r="KZ7" s="521"/>
      <c r="LA7" s="522"/>
      <c r="LB7" s="543" t="s">
        <v>62</v>
      </c>
      <c r="LC7" s="521"/>
      <c r="LD7" s="521"/>
      <c r="LE7" s="521"/>
      <c r="LF7" s="521"/>
      <c r="LG7" s="521"/>
      <c r="LH7" s="544"/>
      <c r="LI7" s="567" t="s">
        <v>52</v>
      </c>
      <c r="LJ7" s="520" t="s">
        <v>61</v>
      </c>
      <c r="LK7" s="521"/>
      <c r="LL7" s="522"/>
      <c r="LM7" s="543" t="s">
        <v>62</v>
      </c>
      <c r="LN7" s="521"/>
      <c r="LO7" s="521"/>
      <c r="LP7" s="521"/>
      <c r="LQ7" s="521"/>
      <c r="LR7" s="521"/>
      <c r="LS7" s="544"/>
      <c r="LT7" s="567" t="s">
        <v>52</v>
      </c>
      <c r="LU7" s="520" t="s">
        <v>61</v>
      </c>
      <c r="LV7" s="521"/>
      <c r="LW7" s="522"/>
      <c r="LX7" s="543" t="s">
        <v>62</v>
      </c>
      <c r="LY7" s="521"/>
      <c r="LZ7" s="521"/>
      <c r="MA7" s="521"/>
      <c r="MB7" s="521"/>
      <c r="MC7" s="521"/>
      <c r="MD7" s="544"/>
      <c r="ME7" s="567" t="s">
        <v>52</v>
      </c>
      <c r="MF7" s="512" t="s">
        <v>61</v>
      </c>
      <c r="MG7" s="513"/>
      <c r="MH7" s="514"/>
      <c r="MI7" s="561" t="s">
        <v>62</v>
      </c>
      <c r="MJ7" s="513"/>
      <c r="MK7" s="513"/>
      <c r="ML7" s="513"/>
      <c r="MM7" s="513"/>
      <c r="MN7" s="513"/>
      <c r="MO7" s="562"/>
      <c r="MP7" s="545" t="s">
        <v>52</v>
      </c>
      <c r="MQ7" s="520" t="s">
        <v>61</v>
      </c>
      <c r="MR7" s="521"/>
      <c r="MS7" s="522"/>
      <c r="MT7" s="543" t="s">
        <v>62</v>
      </c>
      <c r="MU7" s="521"/>
      <c r="MV7" s="521"/>
      <c r="MW7" s="521"/>
      <c r="MX7" s="521"/>
      <c r="MY7" s="521"/>
      <c r="MZ7" s="544"/>
      <c r="NA7" s="567" t="s">
        <v>52</v>
      </c>
      <c r="NB7" s="520" t="s">
        <v>61</v>
      </c>
      <c r="NC7" s="521"/>
      <c r="ND7" s="522"/>
      <c r="NE7" s="543" t="s">
        <v>62</v>
      </c>
      <c r="NF7" s="521"/>
      <c r="NG7" s="521"/>
      <c r="NH7" s="521"/>
      <c r="NI7" s="521"/>
      <c r="NJ7" s="521"/>
      <c r="NK7" s="544"/>
      <c r="NL7" s="567" t="s">
        <v>52</v>
      </c>
      <c r="NM7" s="520" t="s">
        <v>61</v>
      </c>
      <c r="NN7" s="521"/>
      <c r="NO7" s="522"/>
      <c r="NP7" s="543" t="s">
        <v>62</v>
      </c>
      <c r="NQ7" s="521"/>
      <c r="NR7" s="521"/>
      <c r="NS7" s="521"/>
      <c r="NT7" s="521"/>
      <c r="NU7" s="521"/>
      <c r="NV7" s="544"/>
      <c r="NW7" s="567" t="s">
        <v>52</v>
      </c>
      <c r="NX7" s="520" t="s">
        <v>61</v>
      </c>
      <c r="NY7" s="521"/>
      <c r="NZ7" s="522"/>
      <c r="OA7" s="543" t="s">
        <v>62</v>
      </c>
      <c r="OB7" s="521"/>
      <c r="OC7" s="521"/>
      <c r="OD7" s="521"/>
      <c r="OE7" s="521"/>
      <c r="OF7" s="521"/>
      <c r="OG7" s="544"/>
      <c r="OH7" s="567" t="s">
        <v>52</v>
      </c>
      <c r="OI7" s="512" t="s">
        <v>61</v>
      </c>
      <c r="OJ7" s="513"/>
      <c r="OK7" s="514"/>
      <c r="OL7" s="561" t="s">
        <v>62</v>
      </c>
      <c r="OM7" s="513"/>
      <c r="ON7" s="513"/>
      <c r="OO7" s="513"/>
      <c r="OP7" s="513"/>
      <c r="OQ7" s="513"/>
      <c r="OR7" s="562"/>
      <c r="OS7" s="545" t="s">
        <v>52</v>
      </c>
    </row>
    <row r="8" spans="2:409" ht="30" customHeight="1" thickBot="1" x14ac:dyDescent="0.25">
      <c r="B8" s="549"/>
      <c r="C8" s="249" t="s">
        <v>43</v>
      </c>
      <c r="D8" s="74" t="s">
        <v>44</v>
      </c>
      <c r="E8" s="250" t="s">
        <v>45</v>
      </c>
      <c r="F8" s="76" t="s">
        <v>83</v>
      </c>
      <c r="G8" s="74" t="s">
        <v>47</v>
      </c>
      <c r="H8" s="74" t="s">
        <v>48</v>
      </c>
      <c r="I8" s="74" t="s">
        <v>49</v>
      </c>
      <c r="J8" s="74" t="s">
        <v>50</v>
      </c>
      <c r="K8" s="74" t="s">
        <v>51</v>
      </c>
      <c r="L8" s="75" t="s">
        <v>45</v>
      </c>
      <c r="M8" s="559"/>
      <c r="N8" s="73" t="s">
        <v>43</v>
      </c>
      <c r="O8" s="74" t="s">
        <v>44</v>
      </c>
      <c r="P8" s="75" t="s">
        <v>45</v>
      </c>
      <c r="Q8" s="76" t="s">
        <v>83</v>
      </c>
      <c r="R8" s="74" t="s">
        <v>47</v>
      </c>
      <c r="S8" s="74" t="s">
        <v>48</v>
      </c>
      <c r="T8" s="74" t="s">
        <v>49</v>
      </c>
      <c r="U8" s="74" t="s">
        <v>50</v>
      </c>
      <c r="V8" s="74" t="s">
        <v>51</v>
      </c>
      <c r="W8" s="75" t="s">
        <v>45</v>
      </c>
      <c r="X8" s="546"/>
      <c r="Y8" s="73" t="s">
        <v>43</v>
      </c>
      <c r="Z8" s="74" t="s">
        <v>44</v>
      </c>
      <c r="AA8" s="75" t="s">
        <v>45</v>
      </c>
      <c r="AB8" s="76" t="s">
        <v>83</v>
      </c>
      <c r="AC8" s="74" t="s">
        <v>47</v>
      </c>
      <c r="AD8" s="74" t="s">
        <v>48</v>
      </c>
      <c r="AE8" s="74" t="s">
        <v>49</v>
      </c>
      <c r="AF8" s="74" t="s">
        <v>50</v>
      </c>
      <c r="AG8" s="74" t="s">
        <v>51</v>
      </c>
      <c r="AH8" s="75" t="s">
        <v>45</v>
      </c>
      <c r="AI8" s="532"/>
      <c r="AJ8" s="73" t="s">
        <v>43</v>
      </c>
      <c r="AK8" s="74" t="s">
        <v>44</v>
      </c>
      <c r="AL8" s="250" t="s">
        <v>45</v>
      </c>
      <c r="AM8" s="76" t="s">
        <v>83</v>
      </c>
      <c r="AN8" s="74" t="s">
        <v>47</v>
      </c>
      <c r="AO8" s="74" t="s">
        <v>48</v>
      </c>
      <c r="AP8" s="74" t="s">
        <v>49</v>
      </c>
      <c r="AQ8" s="74" t="s">
        <v>50</v>
      </c>
      <c r="AR8" s="74" t="s">
        <v>51</v>
      </c>
      <c r="AS8" s="75" t="s">
        <v>45</v>
      </c>
      <c r="AT8" s="532"/>
      <c r="AU8" s="73" t="s">
        <v>43</v>
      </c>
      <c r="AV8" s="74" t="s">
        <v>44</v>
      </c>
      <c r="AW8" s="250" t="s">
        <v>45</v>
      </c>
      <c r="AX8" s="76" t="s">
        <v>83</v>
      </c>
      <c r="AY8" s="74" t="s">
        <v>47</v>
      </c>
      <c r="AZ8" s="74" t="s">
        <v>48</v>
      </c>
      <c r="BA8" s="74" t="s">
        <v>49</v>
      </c>
      <c r="BB8" s="74" t="s">
        <v>50</v>
      </c>
      <c r="BC8" s="74" t="s">
        <v>51</v>
      </c>
      <c r="BD8" s="75" t="s">
        <v>45</v>
      </c>
      <c r="BE8" s="532"/>
      <c r="BF8" s="251" t="s">
        <v>43</v>
      </c>
      <c r="BG8" s="74" t="s">
        <v>44</v>
      </c>
      <c r="BH8" s="250" t="s">
        <v>45</v>
      </c>
      <c r="BI8" s="76" t="s">
        <v>83</v>
      </c>
      <c r="BJ8" s="74" t="s">
        <v>47</v>
      </c>
      <c r="BK8" s="74" t="s">
        <v>48</v>
      </c>
      <c r="BL8" s="74" t="s">
        <v>49</v>
      </c>
      <c r="BM8" s="74" t="s">
        <v>50</v>
      </c>
      <c r="BN8" s="74" t="s">
        <v>51</v>
      </c>
      <c r="BO8" s="75" t="s">
        <v>45</v>
      </c>
      <c r="BP8" s="532"/>
      <c r="BQ8" s="73" t="s">
        <v>43</v>
      </c>
      <c r="BR8" s="74" t="s">
        <v>44</v>
      </c>
      <c r="BS8" s="250" t="s">
        <v>45</v>
      </c>
      <c r="BT8" s="76" t="s">
        <v>83</v>
      </c>
      <c r="BU8" s="74" t="s">
        <v>47</v>
      </c>
      <c r="BV8" s="74" t="s">
        <v>48</v>
      </c>
      <c r="BW8" s="74" t="s">
        <v>49</v>
      </c>
      <c r="BX8" s="74" t="s">
        <v>50</v>
      </c>
      <c r="BY8" s="74" t="s">
        <v>51</v>
      </c>
      <c r="BZ8" s="75" t="s">
        <v>45</v>
      </c>
      <c r="CA8" s="532"/>
      <c r="CB8" s="73" t="s">
        <v>43</v>
      </c>
      <c r="CC8" s="74" t="s">
        <v>44</v>
      </c>
      <c r="CD8" s="250" t="s">
        <v>45</v>
      </c>
      <c r="CE8" s="76" t="s">
        <v>83</v>
      </c>
      <c r="CF8" s="74" t="s">
        <v>47</v>
      </c>
      <c r="CG8" s="74" t="s">
        <v>48</v>
      </c>
      <c r="CH8" s="74" t="s">
        <v>49</v>
      </c>
      <c r="CI8" s="74" t="s">
        <v>50</v>
      </c>
      <c r="CJ8" s="74" t="s">
        <v>51</v>
      </c>
      <c r="CK8" s="75" t="s">
        <v>45</v>
      </c>
      <c r="CL8" s="546"/>
      <c r="CM8" s="73" t="s">
        <v>43</v>
      </c>
      <c r="CN8" s="74" t="s">
        <v>44</v>
      </c>
      <c r="CO8" s="75" t="s">
        <v>45</v>
      </c>
      <c r="CP8" s="76" t="s">
        <v>83</v>
      </c>
      <c r="CQ8" s="74" t="s">
        <v>47</v>
      </c>
      <c r="CR8" s="74" t="s">
        <v>48</v>
      </c>
      <c r="CS8" s="74" t="s">
        <v>49</v>
      </c>
      <c r="CT8" s="74" t="s">
        <v>50</v>
      </c>
      <c r="CU8" s="74" t="s">
        <v>51</v>
      </c>
      <c r="CV8" s="75" t="s">
        <v>45</v>
      </c>
      <c r="CW8" s="546"/>
      <c r="CX8" s="73" t="s">
        <v>43</v>
      </c>
      <c r="CY8" s="74" t="s">
        <v>44</v>
      </c>
      <c r="CZ8" s="75" t="s">
        <v>45</v>
      </c>
      <c r="DA8" s="76" t="s">
        <v>83</v>
      </c>
      <c r="DB8" s="74" t="s">
        <v>47</v>
      </c>
      <c r="DC8" s="74" t="s">
        <v>48</v>
      </c>
      <c r="DD8" s="74" t="s">
        <v>49</v>
      </c>
      <c r="DE8" s="74" t="s">
        <v>50</v>
      </c>
      <c r="DF8" s="74" t="s">
        <v>51</v>
      </c>
      <c r="DG8" s="75" t="s">
        <v>45</v>
      </c>
      <c r="DH8" s="546"/>
      <c r="DI8" s="73" t="s">
        <v>43</v>
      </c>
      <c r="DJ8" s="74" t="s">
        <v>44</v>
      </c>
      <c r="DK8" s="75" t="s">
        <v>45</v>
      </c>
      <c r="DL8" s="76" t="s">
        <v>83</v>
      </c>
      <c r="DM8" s="74" t="s">
        <v>47</v>
      </c>
      <c r="DN8" s="74" t="s">
        <v>48</v>
      </c>
      <c r="DO8" s="74" t="s">
        <v>49</v>
      </c>
      <c r="DP8" s="74" t="s">
        <v>50</v>
      </c>
      <c r="DQ8" s="74" t="s">
        <v>51</v>
      </c>
      <c r="DR8" s="75" t="s">
        <v>45</v>
      </c>
      <c r="DS8" s="546"/>
      <c r="DT8" s="73" t="s">
        <v>43</v>
      </c>
      <c r="DU8" s="74" t="s">
        <v>44</v>
      </c>
      <c r="DV8" s="250" t="s">
        <v>45</v>
      </c>
      <c r="DW8" s="76" t="s">
        <v>83</v>
      </c>
      <c r="DX8" s="74" t="s">
        <v>47</v>
      </c>
      <c r="DY8" s="74" t="s">
        <v>48</v>
      </c>
      <c r="DZ8" s="74" t="s">
        <v>49</v>
      </c>
      <c r="EA8" s="74" t="s">
        <v>50</v>
      </c>
      <c r="EB8" s="74" t="s">
        <v>51</v>
      </c>
      <c r="EC8" s="75" t="s">
        <v>45</v>
      </c>
      <c r="ED8" s="532"/>
      <c r="EE8" s="73" t="s">
        <v>43</v>
      </c>
      <c r="EF8" s="74" t="s">
        <v>44</v>
      </c>
      <c r="EG8" s="250" t="s">
        <v>45</v>
      </c>
      <c r="EH8" s="76" t="s">
        <v>83</v>
      </c>
      <c r="EI8" s="74" t="s">
        <v>47</v>
      </c>
      <c r="EJ8" s="74" t="s">
        <v>48</v>
      </c>
      <c r="EK8" s="74" t="s">
        <v>49</v>
      </c>
      <c r="EL8" s="74" t="s">
        <v>50</v>
      </c>
      <c r="EM8" s="74" t="s">
        <v>51</v>
      </c>
      <c r="EN8" s="75" t="s">
        <v>45</v>
      </c>
      <c r="EO8" s="532"/>
      <c r="EP8" s="73" t="s">
        <v>43</v>
      </c>
      <c r="EQ8" s="74" t="s">
        <v>44</v>
      </c>
      <c r="ER8" s="250" t="s">
        <v>45</v>
      </c>
      <c r="ES8" s="76" t="s">
        <v>83</v>
      </c>
      <c r="ET8" s="74" t="s">
        <v>47</v>
      </c>
      <c r="EU8" s="74" t="s">
        <v>48</v>
      </c>
      <c r="EV8" s="74" t="s">
        <v>49</v>
      </c>
      <c r="EW8" s="74" t="s">
        <v>50</v>
      </c>
      <c r="EX8" s="74" t="s">
        <v>51</v>
      </c>
      <c r="EY8" s="75" t="s">
        <v>45</v>
      </c>
      <c r="EZ8" s="532"/>
      <c r="FA8" s="73" t="s">
        <v>43</v>
      </c>
      <c r="FB8" s="74" t="s">
        <v>44</v>
      </c>
      <c r="FC8" s="250" t="s">
        <v>45</v>
      </c>
      <c r="FD8" s="76" t="s">
        <v>83</v>
      </c>
      <c r="FE8" s="74" t="s">
        <v>47</v>
      </c>
      <c r="FF8" s="74" t="s">
        <v>48</v>
      </c>
      <c r="FG8" s="74" t="s">
        <v>49</v>
      </c>
      <c r="FH8" s="74" t="s">
        <v>50</v>
      </c>
      <c r="FI8" s="74" t="s">
        <v>51</v>
      </c>
      <c r="FJ8" s="75" t="s">
        <v>45</v>
      </c>
      <c r="FK8" s="532"/>
      <c r="FL8" s="73" t="s">
        <v>43</v>
      </c>
      <c r="FM8" s="74" t="s">
        <v>44</v>
      </c>
      <c r="FN8" s="250" t="s">
        <v>45</v>
      </c>
      <c r="FO8" s="76" t="s">
        <v>83</v>
      </c>
      <c r="FP8" s="74" t="s">
        <v>47</v>
      </c>
      <c r="FQ8" s="74" t="s">
        <v>48</v>
      </c>
      <c r="FR8" s="74" t="s">
        <v>49</v>
      </c>
      <c r="FS8" s="74" t="s">
        <v>50</v>
      </c>
      <c r="FT8" s="74" t="s">
        <v>51</v>
      </c>
      <c r="FU8" s="75" t="s">
        <v>45</v>
      </c>
      <c r="FV8" s="566"/>
      <c r="FW8" s="73" t="s">
        <v>43</v>
      </c>
      <c r="FX8" s="74" t="s">
        <v>44</v>
      </c>
      <c r="FY8" s="250" t="s">
        <v>45</v>
      </c>
      <c r="FZ8" s="76" t="s">
        <v>83</v>
      </c>
      <c r="GA8" s="74" t="s">
        <v>47</v>
      </c>
      <c r="GB8" s="74" t="s">
        <v>48</v>
      </c>
      <c r="GC8" s="74" t="s">
        <v>49</v>
      </c>
      <c r="GD8" s="74" t="s">
        <v>50</v>
      </c>
      <c r="GE8" s="74" t="s">
        <v>51</v>
      </c>
      <c r="GF8" s="75" t="s">
        <v>45</v>
      </c>
      <c r="GG8" s="532"/>
      <c r="GH8" s="73" t="s">
        <v>43</v>
      </c>
      <c r="GI8" s="74" t="s">
        <v>44</v>
      </c>
      <c r="GJ8" s="250" t="s">
        <v>45</v>
      </c>
      <c r="GK8" s="76" t="s">
        <v>83</v>
      </c>
      <c r="GL8" s="74" t="s">
        <v>47</v>
      </c>
      <c r="GM8" s="74" t="s">
        <v>48</v>
      </c>
      <c r="GN8" s="74" t="s">
        <v>49</v>
      </c>
      <c r="GO8" s="74" t="s">
        <v>50</v>
      </c>
      <c r="GP8" s="74" t="s">
        <v>51</v>
      </c>
      <c r="GQ8" s="75" t="s">
        <v>45</v>
      </c>
      <c r="GR8" s="565"/>
      <c r="GS8" s="73" t="s">
        <v>43</v>
      </c>
      <c r="GT8" s="74" t="s">
        <v>44</v>
      </c>
      <c r="GU8" s="250" t="s">
        <v>45</v>
      </c>
      <c r="GV8" s="76" t="s">
        <v>83</v>
      </c>
      <c r="GW8" s="74" t="s">
        <v>47</v>
      </c>
      <c r="GX8" s="74" t="s">
        <v>48</v>
      </c>
      <c r="GY8" s="74" t="s">
        <v>49</v>
      </c>
      <c r="GZ8" s="74" t="s">
        <v>50</v>
      </c>
      <c r="HA8" s="74" t="s">
        <v>51</v>
      </c>
      <c r="HB8" s="75" t="s">
        <v>45</v>
      </c>
      <c r="HC8" s="565"/>
      <c r="HD8" s="73" t="s">
        <v>43</v>
      </c>
      <c r="HE8" s="74" t="s">
        <v>44</v>
      </c>
      <c r="HF8" s="250" t="s">
        <v>45</v>
      </c>
      <c r="HG8" s="76" t="s">
        <v>83</v>
      </c>
      <c r="HH8" s="74" t="s">
        <v>47</v>
      </c>
      <c r="HI8" s="74" t="s">
        <v>48</v>
      </c>
      <c r="HJ8" s="74" t="s">
        <v>49</v>
      </c>
      <c r="HK8" s="74" t="s">
        <v>50</v>
      </c>
      <c r="HL8" s="74" t="s">
        <v>51</v>
      </c>
      <c r="HM8" s="75" t="s">
        <v>45</v>
      </c>
      <c r="HN8" s="532"/>
      <c r="HO8" s="73" t="s">
        <v>43</v>
      </c>
      <c r="HP8" s="74" t="s">
        <v>44</v>
      </c>
      <c r="HQ8" s="250" t="s">
        <v>45</v>
      </c>
      <c r="HR8" s="76" t="s">
        <v>83</v>
      </c>
      <c r="HS8" s="74" t="s">
        <v>47</v>
      </c>
      <c r="HT8" s="74" t="s">
        <v>48</v>
      </c>
      <c r="HU8" s="74" t="s">
        <v>49</v>
      </c>
      <c r="HV8" s="74" t="s">
        <v>50</v>
      </c>
      <c r="HW8" s="74" t="s">
        <v>51</v>
      </c>
      <c r="HX8" s="75" t="s">
        <v>45</v>
      </c>
      <c r="HY8" s="532"/>
      <c r="HZ8" s="73" t="s">
        <v>43</v>
      </c>
      <c r="IA8" s="74" t="s">
        <v>44</v>
      </c>
      <c r="IB8" s="250" t="s">
        <v>45</v>
      </c>
      <c r="IC8" s="76" t="s">
        <v>83</v>
      </c>
      <c r="ID8" s="74" t="s">
        <v>47</v>
      </c>
      <c r="IE8" s="74" t="s">
        <v>48</v>
      </c>
      <c r="IF8" s="74" t="s">
        <v>49</v>
      </c>
      <c r="IG8" s="74" t="s">
        <v>50</v>
      </c>
      <c r="IH8" s="74" t="s">
        <v>51</v>
      </c>
      <c r="II8" s="75" t="s">
        <v>45</v>
      </c>
      <c r="IJ8" s="566"/>
      <c r="IK8" s="73" t="s">
        <v>43</v>
      </c>
      <c r="IL8" s="74" t="s">
        <v>44</v>
      </c>
      <c r="IM8" s="250" t="s">
        <v>45</v>
      </c>
      <c r="IN8" s="76" t="s">
        <v>83</v>
      </c>
      <c r="IO8" s="252" t="s">
        <v>47</v>
      </c>
      <c r="IP8" s="252" t="s">
        <v>48</v>
      </c>
      <c r="IQ8" s="252" t="s">
        <v>49</v>
      </c>
      <c r="IR8" s="252" t="s">
        <v>50</v>
      </c>
      <c r="IS8" s="252" t="s">
        <v>51</v>
      </c>
      <c r="IT8" s="253" t="s">
        <v>45</v>
      </c>
      <c r="IU8" s="569"/>
      <c r="IV8" s="251" t="s">
        <v>43</v>
      </c>
      <c r="IW8" s="252" t="s">
        <v>44</v>
      </c>
      <c r="IX8" s="253" t="s">
        <v>45</v>
      </c>
      <c r="IY8" s="76" t="s">
        <v>83</v>
      </c>
      <c r="IZ8" s="252" t="s">
        <v>47</v>
      </c>
      <c r="JA8" s="252" t="s">
        <v>48</v>
      </c>
      <c r="JB8" s="252" t="s">
        <v>49</v>
      </c>
      <c r="JC8" s="252" t="s">
        <v>50</v>
      </c>
      <c r="JD8" s="252" t="s">
        <v>51</v>
      </c>
      <c r="JE8" s="253" t="s">
        <v>45</v>
      </c>
      <c r="JF8" s="569"/>
      <c r="JG8" s="251" t="s">
        <v>43</v>
      </c>
      <c r="JH8" s="252" t="s">
        <v>44</v>
      </c>
      <c r="JI8" s="254" t="s">
        <v>45</v>
      </c>
      <c r="JJ8" s="231" t="s">
        <v>83</v>
      </c>
      <c r="JK8" s="252" t="s">
        <v>47</v>
      </c>
      <c r="JL8" s="252" t="s">
        <v>48</v>
      </c>
      <c r="JM8" s="252" t="s">
        <v>49</v>
      </c>
      <c r="JN8" s="252" t="s">
        <v>50</v>
      </c>
      <c r="JO8" s="252" t="s">
        <v>51</v>
      </c>
      <c r="JP8" s="253" t="s">
        <v>45</v>
      </c>
      <c r="JQ8" s="568"/>
      <c r="JR8" s="251" t="s">
        <v>43</v>
      </c>
      <c r="JS8" s="252" t="s">
        <v>44</v>
      </c>
      <c r="JT8" s="254" t="s">
        <v>45</v>
      </c>
      <c r="JU8" s="231" t="s">
        <v>83</v>
      </c>
      <c r="JV8" s="252" t="s">
        <v>47</v>
      </c>
      <c r="JW8" s="252" t="s">
        <v>48</v>
      </c>
      <c r="JX8" s="252" t="s">
        <v>49</v>
      </c>
      <c r="JY8" s="252" t="s">
        <v>50</v>
      </c>
      <c r="JZ8" s="252" t="s">
        <v>51</v>
      </c>
      <c r="KA8" s="253" t="s">
        <v>45</v>
      </c>
      <c r="KB8" s="568"/>
      <c r="KC8" s="251" t="s">
        <v>43</v>
      </c>
      <c r="KD8" s="252" t="s">
        <v>44</v>
      </c>
      <c r="KE8" s="254" t="s">
        <v>45</v>
      </c>
      <c r="KF8" s="231" t="s">
        <v>83</v>
      </c>
      <c r="KG8" s="252" t="s">
        <v>47</v>
      </c>
      <c r="KH8" s="252" t="s">
        <v>48</v>
      </c>
      <c r="KI8" s="252" t="s">
        <v>49</v>
      </c>
      <c r="KJ8" s="252" t="s">
        <v>50</v>
      </c>
      <c r="KK8" s="252" t="s">
        <v>51</v>
      </c>
      <c r="KL8" s="253" t="s">
        <v>45</v>
      </c>
      <c r="KM8" s="568"/>
      <c r="KN8" s="251" t="s">
        <v>43</v>
      </c>
      <c r="KO8" s="252" t="s">
        <v>44</v>
      </c>
      <c r="KP8" s="254" t="s">
        <v>45</v>
      </c>
      <c r="KQ8" s="76" t="s">
        <v>83</v>
      </c>
      <c r="KR8" s="252" t="s">
        <v>47</v>
      </c>
      <c r="KS8" s="252" t="s">
        <v>48</v>
      </c>
      <c r="KT8" s="252" t="s">
        <v>49</v>
      </c>
      <c r="KU8" s="252" t="s">
        <v>50</v>
      </c>
      <c r="KV8" s="252" t="s">
        <v>51</v>
      </c>
      <c r="KW8" s="253" t="s">
        <v>45</v>
      </c>
      <c r="KX8" s="568"/>
      <c r="KY8" s="251" t="s">
        <v>43</v>
      </c>
      <c r="KZ8" s="252" t="s">
        <v>44</v>
      </c>
      <c r="LA8" s="254" t="s">
        <v>45</v>
      </c>
      <c r="LB8" s="76" t="s">
        <v>83</v>
      </c>
      <c r="LC8" s="252" t="s">
        <v>47</v>
      </c>
      <c r="LD8" s="252" t="s">
        <v>48</v>
      </c>
      <c r="LE8" s="252" t="s">
        <v>49</v>
      </c>
      <c r="LF8" s="252" t="s">
        <v>50</v>
      </c>
      <c r="LG8" s="252" t="s">
        <v>51</v>
      </c>
      <c r="LH8" s="253" t="s">
        <v>45</v>
      </c>
      <c r="LI8" s="568"/>
      <c r="LJ8" s="251" t="s">
        <v>43</v>
      </c>
      <c r="LK8" s="252" t="s">
        <v>44</v>
      </c>
      <c r="LL8" s="254" t="s">
        <v>45</v>
      </c>
      <c r="LM8" s="76" t="s">
        <v>83</v>
      </c>
      <c r="LN8" s="252" t="s">
        <v>47</v>
      </c>
      <c r="LO8" s="252" t="s">
        <v>48</v>
      </c>
      <c r="LP8" s="252" t="s">
        <v>49</v>
      </c>
      <c r="LQ8" s="252" t="s">
        <v>50</v>
      </c>
      <c r="LR8" s="252" t="s">
        <v>51</v>
      </c>
      <c r="LS8" s="253" t="s">
        <v>45</v>
      </c>
      <c r="LT8" s="568"/>
      <c r="LU8" s="251" t="s">
        <v>43</v>
      </c>
      <c r="LV8" s="252" t="s">
        <v>44</v>
      </c>
      <c r="LW8" s="254" t="s">
        <v>45</v>
      </c>
      <c r="LX8" s="76" t="s">
        <v>83</v>
      </c>
      <c r="LY8" s="252" t="s">
        <v>47</v>
      </c>
      <c r="LZ8" s="252" t="s">
        <v>48</v>
      </c>
      <c r="MA8" s="252" t="s">
        <v>49</v>
      </c>
      <c r="MB8" s="252" t="s">
        <v>50</v>
      </c>
      <c r="MC8" s="252" t="s">
        <v>51</v>
      </c>
      <c r="MD8" s="253" t="s">
        <v>45</v>
      </c>
      <c r="ME8" s="568"/>
      <c r="MF8" s="251" t="s">
        <v>43</v>
      </c>
      <c r="MG8" s="252" t="s">
        <v>44</v>
      </c>
      <c r="MH8" s="254" t="s">
        <v>45</v>
      </c>
      <c r="MI8" s="76" t="s">
        <v>83</v>
      </c>
      <c r="MJ8" s="252" t="s">
        <v>47</v>
      </c>
      <c r="MK8" s="252" t="s">
        <v>48</v>
      </c>
      <c r="ML8" s="252" t="s">
        <v>49</v>
      </c>
      <c r="MM8" s="252" t="s">
        <v>50</v>
      </c>
      <c r="MN8" s="252" t="s">
        <v>51</v>
      </c>
      <c r="MO8" s="253" t="s">
        <v>45</v>
      </c>
      <c r="MP8" s="568"/>
      <c r="MQ8" s="251" t="s">
        <v>43</v>
      </c>
      <c r="MR8" s="252" t="s">
        <v>44</v>
      </c>
      <c r="MS8" s="254" t="s">
        <v>45</v>
      </c>
      <c r="MT8" s="76" t="s">
        <v>83</v>
      </c>
      <c r="MU8" s="252" t="s">
        <v>47</v>
      </c>
      <c r="MV8" s="252" t="s">
        <v>48</v>
      </c>
      <c r="MW8" s="252" t="s">
        <v>49</v>
      </c>
      <c r="MX8" s="252" t="s">
        <v>50</v>
      </c>
      <c r="MY8" s="252" t="s">
        <v>51</v>
      </c>
      <c r="MZ8" s="253" t="s">
        <v>45</v>
      </c>
      <c r="NA8" s="568"/>
      <c r="NB8" s="251" t="s">
        <v>43</v>
      </c>
      <c r="NC8" s="252" t="s">
        <v>44</v>
      </c>
      <c r="ND8" s="254" t="s">
        <v>45</v>
      </c>
      <c r="NE8" s="76" t="s">
        <v>83</v>
      </c>
      <c r="NF8" s="252" t="s">
        <v>47</v>
      </c>
      <c r="NG8" s="252" t="s">
        <v>48</v>
      </c>
      <c r="NH8" s="252" t="s">
        <v>49</v>
      </c>
      <c r="NI8" s="252" t="s">
        <v>50</v>
      </c>
      <c r="NJ8" s="252" t="s">
        <v>51</v>
      </c>
      <c r="NK8" s="253" t="s">
        <v>45</v>
      </c>
      <c r="NL8" s="568"/>
      <c r="NM8" s="251" t="s">
        <v>43</v>
      </c>
      <c r="NN8" s="252" t="s">
        <v>44</v>
      </c>
      <c r="NO8" s="254" t="s">
        <v>45</v>
      </c>
      <c r="NP8" s="76" t="s">
        <v>83</v>
      </c>
      <c r="NQ8" s="252" t="s">
        <v>47</v>
      </c>
      <c r="NR8" s="252" t="s">
        <v>48</v>
      </c>
      <c r="NS8" s="252" t="s">
        <v>49</v>
      </c>
      <c r="NT8" s="252" t="s">
        <v>50</v>
      </c>
      <c r="NU8" s="252" t="s">
        <v>51</v>
      </c>
      <c r="NV8" s="253" t="s">
        <v>45</v>
      </c>
      <c r="NW8" s="568"/>
      <c r="NX8" s="251" t="s">
        <v>43</v>
      </c>
      <c r="NY8" s="252" t="s">
        <v>44</v>
      </c>
      <c r="NZ8" s="254" t="s">
        <v>45</v>
      </c>
      <c r="OA8" s="76" t="s">
        <v>83</v>
      </c>
      <c r="OB8" s="252" t="s">
        <v>47</v>
      </c>
      <c r="OC8" s="252" t="s">
        <v>48</v>
      </c>
      <c r="OD8" s="252" t="s">
        <v>49</v>
      </c>
      <c r="OE8" s="252" t="s">
        <v>50</v>
      </c>
      <c r="OF8" s="252" t="s">
        <v>51</v>
      </c>
      <c r="OG8" s="253" t="s">
        <v>45</v>
      </c>
      <c r="OH8" s="568"/>
      <c r="OI8" s="251" t="s">
        <v>43</v>
      </c>
      <c r="OJ8" s="252" t="s">
        <v>44</v>
      </c>
      <c r="OK8" s="254" t="s">
        <v>45</v>
      </c>
      <c r="OL8" s="231" t="s">
        <v>83</v>
      </c>
      <c r="OM8" s="252" t="s">
        <v>47</v>
      </c>
      <c r="ON8" s="252" t="s">
        <v>48</v>
      </c>
      <c r="OO8" s="252" t="s">
        <v>49</v>
      </c>
      <c r="OP8" s="252" t="s">
        <v>50</v>
      </c>
      <c r="OQ8" s="252" t="s">
        <v>51</v>
      </c>
      <c r="OR8" s="253" t="s">
        <v>45</v>
      </c>
      <c r="OS8" s="568"/>
    </row>
    <row r="9" spans="2:409" s="407" customFormat="1" ht="21" customHeight="1" x14ac:dyDescent="0.2">
      <c r="B9" s="84" t="s">
        <v>4</v>
      </c>
      <c r="C9" s="255">
        <v>31023291</v>
      </c>
      <c r="D9" s="256">
        <v>54529168</v>
      </c>
      <c r="E9" s="257">
        <v>85552459</v>
      </c>
      <c r="F9" s="258">
        <v>0</v>
      </c>
      <c r="G9" s="256">
        <v>286223001</v>
      </c>
      <c r="H9" s="256">
        <v>400345560</v>
      </c>
      <c r="I9" s="256">
        <v>319599418</v>
      </c>
      <c r="J9" s="256">
        <v>332603522</v>
      </c>
      <c r="K9" s="256">
        <v>248614861</v>
      </c>
      <c r="L9" s="259">
        <v>1587386362</v>
      </c>
      <c r="M9" s="260">
        <v>1672938821</v>
      </c>
      <c r="N9" s="255">
        <v>9173568</v>
      </c>
      <c r="O9" s="256">
        <v>19895472</v>
      </c>
      <c r="P9" s="261">
        <v>29069040</v>
      </c>
      <c r="Q9" s="255">
        <v>0</v>
      </c>
      <c r="R9" s="256">
        <v>90617332</v>
      </c>
      <c r="S9" s="256">
        <v>140930305</v>
      </c>
      <c r="T9" s="256">
        <v>106642781</v>
      </c>
      <c r="U9" s="256">
        <v>122558885</v>
      </c>
      <c r="V9" s="256">
        <v>115237387</v>
      </c>
      <c r="W9" s="261">
        <v>575986690</v>
      </c>
      <c r="X9" s="260">
        <v>605055730</v>
      </c>
      <c r="Y9" s="255">
        <v>0</v>
      </c>
      <c r="Z9" s="256">
        <v>0</v>
      </c>
      <c r="AA9" s="261">
        <v>0</v>
      </c>
      <c r="AB9" s="262">
        <v>0</v>
      </c>
      <c r="AC9" s="263">
        <v>34886214</v>
      </c>
      <c r="AD9" s="263">
        <v>57444407</v>
      </c>
      <c r="AE9" s="263">
        <v>50441830</v>
      </c>
      <c r="AF9" s="263">
        <v>61710307</v>
      </c>
      <c r="AG9" s="263">
        <v>62449053</v>
      </c>
      <c r="AH9" s="261">
        <v>266931811</v>
      </c>
      <c r="AI9" s="260">
        <v>266931811</v>
      </c>
      <c r="AJ9" s="264">
        <v>0</v>
      </c>
      <c r="AK9" s="263">
        <v>66824</v>
      </c>
      <c r="AL9" s="261">
        <v>66824</v>
      </c>
      <c r="AM9" s="262">
        <v>0</v>
      </c>
      <c r="AN9" s="263">
        <v>349392</v>
      </c>
      <c r="AO9" s="259">
        <v>988517</v>
      </c>
      <c r="AP9" s="263">
        <v>2533515</v>
      </c>
      <c r="AQ9" s="263">
        <v>7204884</v>
      </c>
      <c r="AR9" s="263">
        <v>13180994</v>
      </c>
      <c r="AS9" s="261">
        <v>24257302</v>
      </c>
      <c r="AT9" s="260">
        <v>24324126</v>
      </c>
      <c r="AU9" s="264">
        <v>4974107</v>
      </c>
      <c r="AV9" s="263">
        <v>13543209</v>
      </c>
      <c r="AW9" s="261">
        <v>18517316</v>
      </c>
      <c r="AX9" s="262">
        <v>0</v>
      </c>
      <c r="AY9" s="263">
        <v>34234574</v>
      </c>
      <c r="AZ9" s="263">
        <v>55575369</v>
      </c>
      <c r="BA9" s="263">
        <v>32382694</v>
      </c>
      <c r="BB9" s="263">
        <v>31533088</v>
      </c>
      <c r="BC9" s="263">
        <v>22575674</v>
      </c>
      <c r="BD9" s="261">
        <v>176301399</v>
      </c>
      <c r="BE9" s="265">
        <v>194818715</v>
      </c>
      <c r="BF9" s="264">
        <v>502061</v>
      </c>
      <c r="BG9" s="259">
        <v>1993444</v>
      </c>
      <c r="BH9" s="266">
        <v>2495505</v>
      </c>
      <c r="BI9" s="262">
        <v>0</v>
      </c>
      <c r="BJ9" s="263">
        <v>3198372</v>
      </c>
      <c r="BK9" s="263">
        <v>4585723</v>
      </c>
      <c r="BL9" s="263">
        <v>2639761</v>
      </c>
      <c r="BM9" s="263">
        <v>2714239</v>
      </c>
      <c r="BN9" s="263">
        <v>1883366</v>
      </c>
      <c r="BO9" s="261">
        <v>15021461</v>
      </c>
      <c r="BP9" s="260">
        <v>17516966</v>
      </c>
      <c r="BQ9" s="264">
        <v>3697400</v>
      </c>
      <c r="BR9" s="263">
        <v>4291995</v>
      </c>
      <c r="BS9" s="261">
        <v>7989395</v>
      </c>
      <c r="BT9" s="262">
        <v>0</v>
      </c>
      <c r="BU9" s="263">
        <v>17948780</v>
      </c>
      <c r="BV9" s="263">
        <v>22336289</v>
      </c>
      <c r="BW9" s="263">
        <v>18644981</v>
      </c>
      <c r="BX9" s="263">
        <v>19396367</v>
      </c>
      <c r="BY9" s="263">
        <v>15148300</v>
      </c>
      <c r="BZ9" s="261">
        <v>93474717</v>
      </c>
      <c r="CA9" s="260">
        <v>101464112</v>
      </c>
      <c r="CB9" s="264">
        <v>2561921</v>
      </c>
      <c r="CC9" s="263">
        <v>6719449</v>
      </c>
      <c r="CD9" s="261">
        <v>9281370</v>
      </c>
      <c r="CE9" s="262">
        <v>0</v>
      </c>
      <c r="CF9" s="263">
        <v>68850573</v>
      </c>
      <c r="CG9" s="263">
        <v>86345585</v>
      </c>
      <c r="CH9" s="267">
        <v>58465824</v>
      </c>
      <c r="CI9" s="263">
        <v>36978099</v>
      </c>
      <c r="CJ9" s="263">
        <v>15094582</v>
      </c>
      <c r="CK9" s="261">
        <v>265734663</v>
      </c>
      <c r="CL9" s="260">
        <v>275016033</v>
      </c>
      <c r="CM9" s="255">
        <v>0</v>
      </c>
      <c r="CN9" s="256">
        <v>0</v>
      </c>
      <c r="CO9" s="261">
        <v>0</v>
      </c>
      <c r="CP9" s="262">
        <v>0</v>
      </c>
      <c r="CQ9" s="263">
        <v>54500432</v>
      </c>
      <c r="CR9" s="263">
        <v>63679965</v>
      </c>
      <c r="CS9" s="263">
        <v>39766605</v>
      </c>
      <c r="CT9" s="263">
        <v>24528876</v>
      </c>
      <c r="CU9" s="263">
        <v>11224578</v>
      </c>
      <c r="CV9" s="268">
        <v>193700456</v>
      </c>
      <c r="CW9" s="260">
        <v>193700456</v>
      </c>
      <c r="CX9" s="264">
        <v>2561921</v>
      </c>
      <c r="CY9" s="263">
        <v>6719449</v>
      </c>
      <c r="CZ9" s="261">
        <v>9281370</v>
      </c>
      <c r="DA9" s="262">
        <v>0</v>
      </c>
      <c r="DB9" s="263">
        <v>14350141</v>
      </c>
      <c r="DC9" s="263">
        <v>22665620</v>
      </c>
      <c r="DD9" s="263">
        <v>18699219</v>
      </c>
      <c r="DE9" s="263">
        <v>12449223</v>
      </c>
      <c r="DF9" s="263">
        <v>3870004</v>
      </c>
      <c r="DG9" s="261">
        <v>72034207</v>
      </c>
      <c r="DH9" s="260">
        <v>81315577</v>
      </c>
      <c r="DI9" s="264">
        <v>113269</v>
      </c>
      <c r="DJ9" s="263">
        <v>464132</v>
      </c>
      <c r="DK9" s="266">
        <v>577401</v>
      </c>
      <c r="DL9" s="262">
        <v>0</v>
      </c>
      <c r="DM9" s="263">
        <v>7736229</v>
      </c>
      <c r="DN9" s="263">
        <v>15712724</v>
      </c>
      <c r="DO9" s="263">
        <v>24291492</v>
      </c>
      <c r="DP9" s="263">
        <v>20083108</v>
      </c>
      <c r="DQ9" s="263">
        <v>11602018</v>
      </c>
      <c r="DR9" s="269">
        <v>79425571</v>
      </c>
      <c r="DS9" s="260">
        <v>80002972</v>
      </c>
      <c r="DT9" s="264">
        <v>90983</v>
      </c>
      <c r="DU9" s="263">
        <v>432631</v>
      </c>
      <c r="DV9" s="261">
        <v>523614</v>
      </c>
      <c r="DW9" s="262">
        <v>0</v>
      </c>
      <c r="DX9" s="263">
        <v>6774630</v>
      </c>
      <c r="DY9" s="263">
        <v>13366811</v>
      </c>
      <c r="DZ9" s="263">
        <v>20123926</v>
      </c>
      <c r="EA9" s="263">
        <v>16134532</v>
      </c>
      <c r="EB9" s="263">
        <v>9225243</v>
      </c>
      <c r="EC9" s="261">
        <v>65625142</v>
      </c>
      <c r="ED9" s="260">
        <v>66148756</v>
      </c>
      <c r="EE9" s="264">
        <v>22286</v>
      </c>
      <c r="EF9" s="259">
        <v>31501</v>
      </c>
      <c r="EG9" s="261">
        <v>53787</v>
      </c>
      <c r="EH9" s="265">
        <v>0</v>
      </c>
      <c r="EI9" s="263">
        <v>961599</v>
      </c>
      <c r="EJ9" s="263">
        <v>2345913</v>
      </c>
      <c r="EK9" s="263">
        <v>4167566</v>
      </c>
      <c r="EL9" s="263">
        <v>3948576</v>
      </c>
      <c r="EM9" s="267">
        <v>2376775</v>
      </c>
      <c r="EN9" s="259">
        <v>13800429</v>
      </c>
      <c r="EO9" s="260">
        <v>13854216</v>
      </c>
      <c r="EP9" s="264">
        <v>0</v>
      </c>
      <c r="EQ9" s="263">
        <v>0</v>
      </c>
      <c r="ER9" s="259">
        <v>0</v>
      </c>
      <c r="ES9" s="262">
        <v>0</v>
      </c>
      <c r="ET9" s="263">
        <v>0</v>
      </c>
      <c r="EU9" s="263">
        <v>0</v>
      </c>
      <c r="EV9" s="263">
        <v>0</v>
      </c>
      <c r="EW9" s="263">
        <v>0</v>
      </c>
      <c r="EX9" s="263">
        <v>0</v>
      </c>
      <c r="EY9" s="268">
        <v>0</v>
      </c>
      <c r="EZ9" s="260">
        <v>0</v>
      </c>
      <c r="FA9" s="264">
        <v>0</v>
      </c>
      <c r="FB9" s="263">
        <v>0</v>
      </c>
      <c r="FC9" s="259">
        <v>0</v>
      </c>
      <c r="FD9" s="402">
        <v>0</v>
      </c>
      <c r="FE9" s="263">
        <v>0</v>
      </c>
      <c r="FF9" s="263">
        <v>0</v>
      </c>
      <c r="FG9" s="263">
        <v>0</v>
      </c>
      <c r="FH9" s="263">
        <v>0</v>
      </c>
      <c r="FI9" s="263">
        <v>0</v>
      </c>
      <c r="FJ9" s="268">
        <v>0</v>
      </c>
      <c r="FK9" s="260">
        <v>0</v>
      </c>
      <c r="FL9" s="264">
        <v>5617539</v>
      </c>
      <c r="FM9" s="263">
        <v>11031935</v>
      </c>
      <c r="FN9" s="261">
        <v>16649474</v>
      </c>
      <c r="FO9" s="262">
        <v>0</v>
      </c>
      <c r="FP9" s="263">
        <v>14818099</v>
      </c>
      <c r="FQ9" s="263">
        <v>36197658</v>
      </c>
      <c r="FR9" s="263">
        <v>23723086</v>
      </c>
      <c r="FS9" s="263">
        <v>22867810</v>
      </c>
      <c r="FT9" s="263">
        <v>15581872</v>
      </c>
      <c r="FU9" s="261">
        <v>113188525</v>
      </c>
      <c r="FV9" s="260">
        <v>129837999</v>
      </c>
      <c r="FW9" s="264">
        <v>2692550</v>
      </c>
      <c r="FX9" s="263">
        <v>7255222</v>
      </c>
      <c r="FY9" s="259">
        <v>9947772</v>
      </c>
      <c r="FZ9" s="265">
        <v>0</v>
      </c>
      <c r="GA9" s="263">
        <v>10602543</v>
      </c>
      <c r="GB9" s="270">
        <v>32240526</v>
      </c>
      <c r="GC9" s="263">
        <v>21828299</v>
      </c>
      <c r="GD9" s="270">
        <v>20260015</v>
      </c>
      <c r="GE9" s="263">
        <v>14517097</v>
      </c>
      <c r="GF9" s="268">
        <v>99448480</v>
      </c>
      <c r="GG9" s="271">
        <v>109396252</v>
      </c>
      <c r="GH9" s="272">
        <v>322433</v>
      </c>
      <c r="GI9" s="263">
        <v>602471</v>
      </c>
      <c r="GJ9" s="270">
        <v>924904</v>
      </c>
      <c r="GK9" s="258">
        <v>0</v>
      </c>
      <c r="GL9" s="263">
        <v>1001263</v>
      </c>
      <c r="GM9" s="259">
        <v>1220398</v>
      </c>
      <c r="GN9" s="263">
        <v>667860</v>
      </c>
      <c r="GO9" s="259">
        <v>779752</v>
      </c>
      <c r="GP9" s="263">
        <v>591575</v>
      </c>
      <c r="GQ9" s="269">
        <v>4260848</v>
      </c>
      <c r="GR9" s="260">
        <v>5185752</v>
      </c>
      <c r="GS9" s="259">
        <v>2602556</v>
      </c>
      <c r="GT9" s="263">
        <v>3174242</v>
      </c>
      <c r="GU9" s="261">
        <v>5776798</v>
      </c>
      <c r="GV9" s="259">
        <v>0</v>
      </c>
      <c r="GW9" s="263">
        <v>3214293</v>
      </c>
      <c r="GX9" s="259">
        <v>2736734</v>
      </c>
      <c r="GY9" s="263">
        <v>1226927</v>
      </c>
      <c r="GZ9" s="259">
        <v>1828043</v>
      </c>
      <c r="HA9" s="263">
        <v>473200</v>
      </c>
      <c r="HB9" s="259">
        <v>9479197</v>
      </c>
      <c r="HC9" s="260">
        <v>15255995</v>
      </c>
      <c r="HD9" s="259">
        <v>13556994</v>
      </c>
      <c r="HE9" s="263">
        <v>16418180</v>
      </c>
      <c r="HF9" s="259">
        <v>29975174</v>
      </c>
      <c r="HG9" s="265">
        <v>0</v>
      </c>
      <c r="HH9" s="263">
        <v>104200768</v>
      </c>
      <c r="HI9" s="270">
        <v>121159288</v>
      </c>
      <c r="HJ9" s="263">
        <v>106476235</v>
      </c>
      <c r="HK9" s="270">
        <v>130115620</v>
      </c>
      <c r="HL9" s="263">
        <v>91099002</v>
      </c>
      <c r="HM9" s="268">
        <v>553050913</v>
      </c>
      <c r="HN9" s="259">
        <v>583026087</v>
      </c>
      <c r="HO9" s="272">
        <v>0</v>
      </c>
      <c r="HP9" s="263">
        <v>0</v>
      </c>
      <c r="HQ9" s="268">
        <v>0</v>
      </c>
      <c r="HR9" s="270">
        <v>0</v>
      </c>
      <c r="HS9" s="263">
        <v>0</v>
      </c>
      <c r="HT9" s="270">
        <v>0</v>
      </c>
      <c r="HU9" s="263">
        <v>0</v>
      </c>
      <c r="HV9" s="270">
        <v>0</v>
      </c>
      <c r="HW9" s="263">
        <v>0</v>
      </c>
      <c r="HX9" s="270">
        <v>0</v>
      </c>
      <c r="HY9" s="260">
        <v>0</v>
      </c>
      <c r="HZ9" s="273">
        <v>289001</v>
      </c>
      <c r="IA9" s="274">
        <v>1362837</v>
      </c>
      <c r="IB9" s="275">
        <v>1651838</v>
      </c>
      <c r="IC9" s="276">
        <v>0</v>
      </c>
      <c r="ID9" s="274">
        <v>57334188</v>
      </c>
      <c r="IE9" s="277">
        <v>79550493</v>
      </c>
      <c r="IF9" s="278">
        <v>84173831</v>
      </c>
      <c r="IG9" s="274">
        <v>63087711</v>
      </c>
      <c r="IH9" s="278">
        <v>49584302</v>
      </c>
      <c r="II9" s="279">
        <v>333730525</v>
      </c>
      <c r="IJ9" s="280">
        <v>335382363</v>
      </c>
      <c r="IK9" s="281">
        <v>0</v>
      </c>
      <c r="IL9" s="282">
        <v>0</v>
      </c>
      <c r="IM9" s="283">
        <v>0</v>
      </c>
      <c r="IN9" s="402">
        <v>0</v>
      </c>
      <c r="IO9" s="284">
        <v>1241215</v>
      </c>
      <c r="IP9" s="284">
        <v>3422006</v>
      </c>
      <c r="IQ9" s="284">
        <v>3542662</v>
      </c>
      <c r="IR9" s="284">
        <v>5086437</v>
      </c>
      <c r="IS9" s="284">
        <v>5358458</v>
      </c>
      <c r="IT9" s="285">
        <v>18650778</v>
      </c>
      <c r="IU9" s="286">
        <v>18650778</v>
      </c>
      <c r="IV9" s="287">
        <v>0</v>
      </c>
      <c r="IW9" s="284">
        <v>0</v>
      </c>
      <c r="IX9" s="288">
        <v>0</v>
      </c>
      <c r="IY9" s="402">
        <v>0</v>
      </c>
      <c r="IZ9" s="284">
        <v>220157</v>
      </c>
      <c r="JA9" s="284">
        <v>710969</v>
      </c>
      <c r="JB9" s="284">
        <v>506170</v>
      </c>
      <c r="JC9" s="284">
        <v>845408</v>
      </c>
      <c r="JD9" s="284">
        <v>1767494</v>
      </c>
      <c r="JE9" s="288">
        <v>4050198</v>
      </c>
      <c r="JF9" s="289">
        <v>4050198</v>
      </c>
      <c r="JG9" s="287">
        <v>0</v>
      </c>
      <c r="JH9" s="284">
        <v>0</v>
      </c>
      <c r="JI9" s="285">
        <v>0</v>
      </c>
      <c r="JJ9" s="290">
        <v>0</v>
      </c>
      <c r="JK9" s="284">
        <v>26948531</v>
      </c>
      <c r="JL9" s="284">
        <v>30901787</v>
      </c>
      <c r="JM9" s="284">
        <v>20733359</v>
      </c>
      <c r="JN9" s="284">
        <v>12351616</v>
      </c>
      <c r="JO9" s="284">
        <v>4633335</v>
      </c>
      <c r="JP9" s="288">
        <v>95568628</v>
      </c>
      <c r="JQ9" s="286">
        <v>95568628</v>
      </c>
      <c r="JR9" s="287">
        <v>12908</v>
      </c>
      <c r="JS9" s="284">
        <v>0</v>
      </c>
      <c r="JT9" s="285">
        <v>12908</v>
      </c>
      <c r="JU9" s="290">
        <v>0</v>
      </c>
      <c r="JV9" s="284">
        <v>3229847</v>
      </c>
      <c r="JW9" s="284">
        <v>5107551</v>
      </c>
      <c r="JX9" s="284">
        <v>5797306</v>
      </c>
      <c r="JY9" s="284">
        <v>2849191</v>
      </c>
      <c r="JZ9" s="284">
        <v>4016833</v>
      </c>
      <c r="KA9" s="288">
        <v>21000728</v>
      </c>
      <c r="KB9" s="286">
        <v>21013636</v>
      </c>
      <c r="KC9" s="291">
        <v>276093</v>
      </c>
      <c r="KD9" s="292">
        <v>1362837</v>
      </c>
      <c r="KE9" s="288">
        <v>1638930</v>
      </c>
      <c r="KF9" s="290">
        <v>0</v>
      </c>
      <c r="KG9" s="284">
        <v>7051318</v>
      </c>
      <c r="KH9" s="284">
        <v>9048042</v>
      </c>
      <c r="KI9" s="284">
        <v>15203615</v>
      </c>
      <c r="KJ9" s="284">
        <v>8711555</v>
      </c>
      <c r="KK9" s="284">
        <v>5859400</v>
      </c>
      <c r="KL9" s="288">
        <v>45873930</v>
      </c>
      <c r="KM9" s="293">
        <v>47512860</v>
      </c>
      <c r="KN9" s="281">
        <v>0</v>
      </c>
      <c r="KO9" s="282">
        <v>0</v>
      </c>
      <c r="KP9" s="283">
        <v>0</v>
      </c>
      <c r="KQ9" s="406">
        <v>0</v>
      </c>
      <c r="KR9" s="284">
        <v>16535227</v>
      </c>
      <c r="KS9" s="284">
        <v>25843139</v>
      </c>
      <c r="KT9" s="284">
        <v>32248782</v>
      </c>
      <c r="KU9" s="284">
        <v>18737614</v>
      </c>
      <c r="KV9" s="284">
        <v>17494700</v>
      </c>
      <c r="KW9" s="288">
        <v>110859462</v>
      </c>
      <c r="KX9" s="286">
        <v>110859462</v>
      </c>
      <c r="KY9" s="287">
        <v>0</v>
      </c>
      <c r="KZ9" s="284">
        <v>0</v>
      </c>
      <c r="LA9" s="288">
        <v>0</v>
      </c>
      <c r="LB9" s="406">
        <v>0</v>
      </c>
      <c r="LC9" s="284">
        <v>141273</v>
      </c>
      <c r="LD9" s="284">
        <v>322348</v>
      </c>
      <c r="LE9" s="284">
        <v>1620760</v>
      </c>
      <c r="LF9" s="284">
        <v>847697</v>
      </c>
      <c r="LG9" s="284">
        <v>1317290</v>
      </c>
      <c r="LH9" s="288">
        <v>4249368</v>
      </c>
      <c r="LI9" s="289">
        <v>4249368</v>
      </c>
      <c r="LJ9" s="287">
        <v>0</v>
      </c>
      <c r="LK9" s="284">
        <v>0</v>
      </c>
      <c r="LL9" s="288">
        <v>0</v>
      </c>
      <c r="LM9" s="406">
        <v>0</v>
      </c>
      <c r="LN9" s="284">
        <v>0</v>
      </c>
      <c r="LO9" s="284">
        <v>228571</v>
      </c>
      <c r="LP9" s="284">
        <v>2153919</v>
      </c>
      <c r="LQ9" s="284">
        <v>5863213</v>
      </c>
      <c r="LR9" s="284">
        <v>667263</v>
      </c>
      <c r="LS9" s="288">
        <v>8912966</v>
      </c>
      <c r="LT9" s="286">
        <v>8912966</v>
      </c>
      <c r="LU9" s="287">
        <v>0</v>
      </c>
      <c r="LV9" s="284">
        <v>0</v>
      </c>
      <c r="LW9" s="288">
        <v>0</v>
      </c>
      <c r="LX9" s="406">
        <v>0</v>
      </c>
      <c r="LY9" s="284">
        <v>1966620</v>
      </c>
      <c r="LZ9" s="284">
        <v>3966080</v>
      </c>
      <c r="MA9" s="284">
        <v>2367258</v>
      </c>
      <c r="MB9" s="284">
        <v>7794980</v>
      </c>
      <c r="MC9" s="284">
        <v>8469529</v>
      </c>
      <c r="MD9" s="288">
        <v>24564467</v>
      </c>
      <c r="ME9" s="289">
        <v>24564467</v>
      </c>
      <c r="MF9" s="287">
        <v>0</v>
      </c>
      <c r="MG9" s="284">
        <v>0</v>
      </c>
      <c r="MH9" s="288">
        <v>0</v>
      </c>
      <c r="MI9" s="406">
        <v>0</v>
      </c>
      <c r="MJ9" s="284">
        <v>16546159</v>
      </c>
      <c r="MK9" s="284">
        <v>42114840</v>
      </c>
      <c r="ML9" s="284">
        <v>124193493</v>
      </c>
      <c r="MM9" s="284">
        <v>182667153</v>
      </c>
      <c r="MN9" s="284">
        <v>112892454</v>
      </c>
      <c r="MO9" s="288">
        <v>478414099</v>
      </c>
      <c r="MP9" s="293">
        <v>478414099</v>
      </c>
      <c r="MQ9" s="287">
        <v>0</v>
      </c>
      <c r="MR9" s="284">
        <v>0</v>
      </c>
      <c r="MS9" s="288">
        <v>0</v>
      </c>
      <c r="MT9" s="406">
        <v>0</v>
      </c>
      <c r="MU9" s="284">
        <v>2756705</v>
      </c>
      <c r="MV9" s="284">
        <v>8954537</v>
      </c>
      <c r="MW9" s="284">
        <v>74300775</v>
      </c>
      <c r="MX9" s="284">
        <v>102986879</v>
      </c>
      <c r="MY9" s="284">
        <v>66900441</v>
      </c>
      <c r="MZ9" s="288">
        <v>255899337</v>
      </c>
      <c r="NA9" s="293">
        <v>255899337</v>
      </c>
      <c r="NB9" s="287">
        <v>0</v>
      </c>
      <c r="NC9" s="284">
        <v>0</v>
      </c>
      <c r="ND9" s="288">
        <v>0</v>
      </c>
      <c r="NE9" s="406">
        <v>0</v>
      </c>
      <c r="NF9" s="284">
        <v>13654148</v>
      </c>
      <c r="NG9" s="284">
        <v>32947413</v>
      </c>
      <c r="NH9" s="284">
        <v>49601080</v>
      </c>
      <c r="NI9" s="284">
        <v>75373341</v>
      </c>
      <c r="NJ9" s="284">
        <v>39038239</v>
      </c>
      <c r="NK9" s="288">
        <v>210614221</v>
      </c>
      <c r="NL9" s="286">
        <v>210614221</v>
      </c>
      <c r="NM9" s="287">
        <v>0</v>
      </c>
      <c r="NN9" s="284">
        <v>0</v>
      </c>
      <c r="NO9" s="288">
        <v>0</v>
      </c>
      <c r="NP9" s="406">
        <v>0</v>
      </c>
      <c r="NQ9" s="284">
        <v>0</v>
      </c>
      <c r="NR9" s="284">
        <v>0</v>
      </c>
      <c r="NS9" s="284">
        <v>0</v>
      </c>
      <c r="NT9" s="284">
        <v>0</v>
      </c>
      <c r="NU9" s="284">
        <v>0</v>
      </c>
      <c r="NV9" s="288">
        <v>0</v>
      </c>
      <c r="NW9" s="289">
        <v>0</v>
      </c>
      <c r="NX9" s="287">
        <v>0</v>
      </c>
      <c r="NY9" s="284">
        <v>0</v>
      </c>
      <c r="NZ9" s="288">
        <v>0</v>
      </c>
      <c r="OA9" s="406">
        <v>0</v>
      </c>
      <c r="OB9" s="284">
        <v>135306</v>
      </c>
      <c r="OC9" s="284">
        <v>212890</v>
      </c>
      <c r="OD9" s="284">
        <v>291638</v>
      </c>
      <c r="OE9" s="284">
        <v>4306933</v>
      </c>
      <c r="OF9" s="284">
        <v>6953774</v>
      </c>
      <c r="OG9" s="288">
        <v>11900541</v>
      </c>
      <c r="OH9" s="289">
        <v>11900541</v>
      </c>
      <c r="OI9" s="287">
        <v>31312292</v>
      </c>
      <c r="OJ9" s="284">
        <v>55892005</v>
      </c>
      <c r="OK9" s="285">
        <v>87204297</v>
      </c>
      <c r="OL9" s="290">
        <v>0</v>
      </c>
      <c r="OM9" s="284">
        <v>360103348</v>
      </c>
      <c r="ON9" s="284">
        <v>522010893</v>
      </c>
      <c r="OO9" s="284">
        <v>527966742</v>
      </c>
      <c r="OP9" s="284">
        <v>578358386</v>
      </c>
      <c r="OQ9" s="284">
        <v>411091617</v>
      </c>
      <c r="OR9" s="288">
        <v>2399530986</v>
      </c>
      <c r="OS9" s="293">
        <v>2486735283</v>
      </c>
    </row>
    <row r="10" spans="2:409" s="407" customFormat="1" ht="21" customHeight="1" x14ac:dyDescent="0.2">
      <c r="B10" s="95" t="s">
        <v>5</v>
      </c>
      <c r="C10" s="295">
        <v>13708861</v>
      </c>
      <c r="D10" s="296">
        <v>28016771</v>
      </c>
      <c r="E10" s="297">
        <v>41725632</v>
      </c>
      <c r="F10" s="298">
        <v>0</v>
      </c>
      <c r="G10" s="296">
        <v>113379447</v>
      </c>
      <c r="H10" s="296">
        <v>190873902</v>
      </c>
      <c r="I10" s="296">
        <v>142002919</v>
      </c>
      <c r="J10" s="296">
        <v>149038112</v>
      </c>
      <c r="K10" s="296">
        <v>111693033</v>
      </c>
      <c r="L10" s="298">
        <v>706987413</v>
      </c>
      <c r="M10" s="299">
        <v>748713045</v>
      </c>
      <c r="N10" s="295">
        <v>4241744</v>
      </c>
      <c r="O10" s="296">
        <v>11258519</v>
      </c>
      <c r="P10" s="297">
        <v>15500263</v>
      </c>
      <c r="Q10" s="295">
        <v>0</v>
      </c>
      <c r="R10" s="296">
        <v>36757759</v>
      </c>
      <c r="S10" s="296">
        <v>69614010</v>
      </c>
      <c r="T10" s="296">
        <v>45520595</v>
      </c>
      <c r="U10" s="296">
        <v>52645000</v>
      </c>
      <c r="V10" s="296">
        <v>52912202</v>
      </c>
      <c r="W10" s="297">
        <v>257449566</v>
      </c>
      <c r="X10" s="299">
        <v>272949829</v>
      </c>
      <c r="Y10" s="295">
        <v>0</v>
      </c>
      <c r="Z10" s="296">
        <v>0</v>
      </c>
      <c r="AA10" s="297">
        <v>0</v>
      </c>
      <c r="AB10" s="295">
        <v>0</v>
      </c>
      <c r="AC10" s="296">
        <v>13922201</v>
      </c>
      <c r="AD10" s="296">
        <v>26067745</v>
      </c>
      <c r="AE10" s="296">
        <v>19021076</v>
      </c>
      <c r="AF10" s="296">
        <v>25484308</v>
      </c>
      <c r="AG10" s="296">
        <v>27728434</v>
      </c>
      <c r="AH10" s="297">
        <v>112223764</v>
      </c>
      <c r="AI10" s="299">
        <v>112223764</v>
      </c>
      <c r="AJ10" s="295">
        <v>0</v>
      </c>
      <c r="AK10" s="296">
        <v>66824</v>
      </c>
      <c r="AL10" s="297">
        <v>66824</v>
      </c>
      <c r="AM10" s="295">
        <v>0</v>
      </c>
      <c r="AN10" s="296">
        <v>144897</v>
      </c>
      <c r="AO10" s="296">
        <v>461652</v>
      </c>
      <c r="AP10" s="296">
        <v>834577</v>
      </c>
      <c r="AQ10" s="296">
        <v>2509673</v>
      </c>
      <c r="AR10" s="296">
        <v>7139411</v>
      </c>
      <c r="AS10" s="297">
        <v>11090210</v>
      </c>
      <c r="AT10" s="299">
        <v>11157034</v>
      </c>
      <c r="AU10" s="295">
        <v>2336783</v>
      </c>
      <c r="AV10" s="296">
        <v>7619258</v>
      </c>
      <c r="AW10" s="297">
        <v>9956041</v>
      </c>
      <c r="AX10" s="295">
        <v>0</v>
      </c>
      <c r="AY10" s="296">
        <v>14183474</v>
      </c>
      <c r="AZ10" s="296">
        <v>29979338</v>
      </c>
      <c r="BA10" s="296">
        <v>16378080</v>
      </c>
      <c r="BB10" s="296">
        <v>14802024</v>
      </c>
      <c r="BC10" s="296">
        <v>10592607</v>
      </c>
      <c r="BD10" s="297">
        <v>85935523</v>
      </c>
      <c r="BE10" s="299">
        <v>95891564</v>
      </c>
      <c r="BF10" s="295">
        <v>233102</v>
      </c>
      <c r="BG10" s="296">
        <v>1244782</v>
      </c>
      <c r="BH10" s="300">
        <v>1477884</v>
      </c>
      <c r="BI10" s="301">
        <v>0</v>
      </c>
      <c r="BJ10" s="296">
        <v>1105832</v>
      </c>
      <c r="BK10" s="296">
        <v>2295030</v>
      </c>
      <c r="BL10" s="296">
        <v>1037679</v>
      </c>
      <c r="BM10" s="296">
        <v>1124291</v>
      </c>
      <c r="BN10" s="296">
        <v>798866</v>
      </c>
      <c r="BO10" s="297">
        <v>6361698</v>
      </c>
      <c r="BP10" s="299">
        <v>7839582</v>
      </c>
      <c r="BQ10" s="295">
        <v>1671859</v>
      </c>
      <c r="BR10" s="296">
        <v>2327655</v>
      </c>
      <c r="BS10" s="297">
        <v>3999514</v>
      </c>
      <c r="BT10" s="295">
        <v>0</v>
      </c>
      <c r="BU10" s="296">
        <v>7401355</v>
      </c>
      <c r="BV10" s="296">
        <v>10810245</v>
      </c>
      <c r="BW10" s="296">
        <v>8249183</v>
      </c>
      <c r="BX10" s="296">
        <v>8724704</v>
      </c>
      <c r="BY10" s="296">
        <v>6652884</v>
      </c>
      <c r="BZ10" s="297">
        <v>41838371</v>
      </c>
      <c r="CA10" s="299">
        <v>45837885</v>
      </c>
      <c r="CB10" s="295">
        <v>1062128</v>
      </c>
      <c r="CC10" s="296">
        <v>3336495</v>
      </c>
      <c r="CD10" s="297">
        <v>4398623</v>
      </c>
      <c r="CE10" s="295">
        <v>0</v>
      </c>
      <c r="CF10" s="296">
        <v>23956154</v>
      </c>
      <c r="CG10" s="296">
        <v>38881349</v>
      </c>
      <c r="CH10" s="296">
        <v>24146812</v>
      </c>
      <c r="CI10" s="296">
        <v>14665949</v>
      </c>
      <c r="CJ10" s="296">
        <v>6071833</v>
      </c>
      <c r="CK10" s="297">
        <v>107722097</v>
      </c>
      <c r="CL10" s="299">
        <v>112120720</v>
      </c>
      <c r="CM10" s="295">
        <v>0</v>
      </c>
      <c r="CN10" s="296">
        <v>0</v>
      </c>
      <c r="CO10" s="297">
        <v>0</v>
      </c>
      <c r="CP10" s="301">
        <v>0</v>
      </c>
      <c r="CQ10" s="296">
        <v>19246953</v>
      </c>
      <c r="CR10" s="296">
        <v>27879236</v>
      </c>
      <c r="CS10" s="296">
        <v>15456254</v>
      </c>
      <c r="CT10" s="296">
        <v>8939684</v>
      </c>
      <c r="CU10" s="296">
        <v>4116028</v>
      </c>
      <c r="CV10" s="297">
        <v>75638155</v>
      </c>
      <c r="CW10" s="299">
        <v>75638155</v>
      </c>
      <c r="CX10" s="295">
        <v>1062128</v>
      </c>
      <c r="CY10" s="296">
        <v>3336495</v>
      </c>
      <c r="CZ10" s="297">
        <v>4398623</v>
      </c>
      <c r="DA10" s="295">
        <v>0</v>
      </c>
      <c r="DB10" s="296">
        <v>4709201</v>
      </c>
      <c r="DC10" s="296">
        <v>11002113</v>
      </c>
      <c r="DD10" s="296">
        <v>8690558</v>
      </c>
      <c r="DE10" s="296">
        <v>5726265</v>
      </c>
      <c r="DF10" s="296">
        <v>1955805</v>
      </c>
      <c r="DG10" s="297">
        <v>32083942</v>
      </c>
      <c r="DH10" s="299">
        <v>36482565</v>
      </c>
      <c r="DI10" s="295">
        <v>22286</v>
      </c>
      <c r="DJ10" s="296">
        <v>256761</v>
      </c>
      <c r="DK10" s="300">
        <v>279047</v>
      </c>
      <c r="DL10" s="301">
        <v>0</v>
      </c>
      <c r="DM10" s="296">
        <v>3437839</v>
      </c>
      <c r="DN10" s="296">
        <v>6208948</v>
      </c>
      <c r="DO10" s="296">
        <v>11230969</v>
      </c>
      <c r="DP10" s="296">
        <v>9616480</v>
      </c>
      <c r="DQ10" s="296">
        <v>5625713</v>
      </c>
      <c r="DR10" s="297">
        <v>36119949</v>
      </c>
      <c r="DS10" s="299">
        <v>36398996</v>
      </c>
      <c r="DT10" s="295">
        <v>0</v>
      </c>
      <c r="DU10" s="296">
        <v>225260</v>
      </c>
      <c r="DV10" s="297">
        <v>225260</v>
      </c>
      <c r="DW10" s="295">
        <v>0</v>
      </c>
      <c r="DX10" s="296">
        <v>2866041</v>
      </c>
      <c r="DY10" s="296">
        <v>4840311</v>
      </c>
      <c r="DZ10" s="296">
        <v>9132743</v>
      </c>
      <c r="EA10" s="296">
        <v>6793723</v>
      </c>
      <c r="EB10" s="296">
        <v>4417734</v>
      </c>
      <c r="EC10" s="297">
        <v>28050552</v>
      </c>
      <c r="ED10" s="299">
        <v>28275812</v>
      </c>
      <c r="EE10" s="295">
        <v>22286</v>
      </c>
      <c r="EF10" s="300">
        <v>31501</v>
      </c>
      <c r="EG10" s="297">
        <v>53787</v>
      </c>
      <c r="EH10" s="295">
        <v>0</v>
      </c>
      <c r="EI10" s="296">
        <v>571798</v>
      </c>
      <c r="EJ10" s="296">
        <v>1368637</v>
      </c>
      <c r="EK10" s="296">
        <v>2098226</v>
      </c>
      <c r="EL10" s="296">
        <v>2822757</v>
      </c>
      <c r="EM10" s="296">
        <v>1207979</v>
      </c>
      <c r="EN10" s="300">
        <v>8069397</v>
      </c>
      <c r="EO10" s="299">
        <v>8123184</v>
      </c>
      <c r="EP10" s="295">
        <v>0</v>
      </c>
      <c r="EQ10" s="296">
        <v>0</v>
      </c>
      <c r="ER10" s="300">
        <v>0</v>
      </c>
      <c r="ES10" s="301">
        <v>0</v>
      </c>
      <c r="ET10" s="296">
        <v>0</v>
      </c>
      <c r="EU10" s="296">
        <v>0</v>
      </c>
      <c r="EV10" s="296">
        <v>0</v>
      </c>
      <c r="EW10" s="296">
        <v>0</v>
      </c>
      <c r="EX10" s="296">
        <v>0</v>
      </c>
      <c r="EY10" s="297">
        <v>0</v>
      </c>
      <c r="EZ10" s="299">
        <v>0</v>
      </c>
      <c r="FA10" s="295">
        <v>0</v>
      </c>
      <c r="FB10" s="296">
        <v>0</v>
      </c>
      <c r="FC10" s="300">
        <v>0</v>
      </c>
      <c r="FD10" s="403">
        <v>0</v>
      </c>
      <c r="FE10" s="296">
        <v>0</v>
      </c>
      <c r="FF10" s="296">
        <v>0</v>
      </c>
      <c r="FG10" s="296">
        <v>0</v>
      </c>
      <c r="FH10" s="296">
        <v>0</v>
      </c>
      <c r="FI10" s="296">
        <v>0</v>
      </c>
      <c r="FJ10" s="297">
        <v>0</v>
      </c>
      <c r="FK10" s="299">
        <v>0</v>
      </c>
      <c r="FL10" s="295">
        <v>2407290</v>
      </c>
      <c r="FM10" s="296">
        <v>4907360</v>
      </c>
      <c r="FN10" s="297">
        <v>7314650</v>
      </c>
      <c r="FO10" s="295">
        <v>0</v>
      </c>
      <c r="FP10" s="296">
        <v>5207926</v>
      </c>
      <c r="FQ10" s="296">
        <v>16088445</v>
      </c>
      <c r="FR10" s="296">
        <v>10050975</v>
      </c>
      <c r="FS10" s="296">
        <v>9992106</v>
      </c>
      <c r="FT10" s="296">
        <v>6458228</v>
      </c>
      <c r="FU10" s="297">
        <v>47797680</v>
      </c>
      <c r="FV10" s="299">
        <v>55112330</v>
      </c>
      <c r="FW10" s="302">
        <v>928655</v>
      </c>
      <c r="FX10" s="296">
        <v>3268760</v>
      </c>
      <c r="FY10" s="300">
        <v>4197415</v>
      </c>
      <c r="FZ10" s="301">
        <v>0</v>
      </c>
      <c r="GA10" s="296">
        <v>3148719</v>
      </c>
      <c r="GB10" s="296">
        <v>14547053</v>
      </c>
      <c r="GC10" s="296">
        <v>9250060</v>
      </c>
      <c r="GD10" s="296">
        <v>8514961</v>
      </c>
      <c r="GE10" s="296">
        <v>6005167</v>
      </c>
      <c r="GF10" s="297">
        <v>41465960</v>
      </c>
      <c r="GG10" s="303">
        <v>45663375</v>
      </c>
      <c r="GH10" s="302">
        <v>142440</v>
      </c>
      <c r="GI10" s="296">
        <v>234764</v>
      </c>
      <c r="GJ10" s="300">
        <v>377204</v>
      </c>
      <c r="GK10" s="301">
        <v>0</v>
      </c>
      <c r="GL10" s="296">
        <v>297027</v>
      </c>
      <c r="GM10" s="296">
        <v>410752</v>
      </c>
      <c r="GN10" s="296">
        <v>222365</v>
      </c>
      <c r="GO10" s="296">
        <v>303847</v>
      </c>
      <c r="GP10" s="296">
        <v>313061</v>
      </c>
      <c r="GQ10" s="297">
        <v>1547052</v>
      </c>
      <c r="GR10" s="299">
        <v>1924256</v>
      </c>
      <c r="GS10" s="295">
        <v>1336195</v>
      </c>
      <c r="GT10" s="296">
        <v>1403836</v>
      </c>
      <c r="GU10" s="297">
        <v>2740031</v>
      </c>
      <c r="GV10" s="295">
        <v>0</v>
      </c>
      <c r="GW10" s="296">
        <v>1762180</v>
      </c>
      <c r="GX10" s="296">
        <v>1130640</v>
      </c>
      <c r="GY10" s="296">
        <v>578550</v>
      </c>
      <c r="GZ10" s="296">
        <v>1173298</v>
      </c>
      <c r="HA10" s="296">
        <v>140000</v>
      </c>
      <c r="HB10" s="300">
        <v>4784668</v>
      </c>
      <c r="HC10" s="299">
        <v>7524699</v>
      </c>
      <c r="HD10" s="295">
        <v>5975413</v>
      </c>
      <c r="HE10" s="296">
        <v>8257636</v>
      </c>
      <c r="HF10" s="300">
        <v>14233049</v>
      </c>
      <c r="HG10" s="301">
        <v>0</v>
      </c>
      <c r="HH10" s="296">
        <v>44019769</v>
      </c>
      <c r="HI10" s="296">
        <v>60081150</v>
      </c>
      <c r="HJ10" s="296">
        <v>51053568</v>
      </c>
      <c r="HK10" s="296">
        <v>62118577</v>
      </c>
      <c r="HL10" s="296">
        <v>40625057</v>
      </c>
      <c r="HM10" s="297">
        <v>257898121</v>
      </c>
      <c r="HN10" s="298">
        <v>272131170</v>
      </c>
      <c r="HO10" s="302">
        <v>0</v>
      </c>
      <c r="HP10" s="296">
        <v>0</v>
      </c>
      <c r="HQ10" s="297">
        <v>0</v>
      </c>
      <c r="HR10" s="295">
        <v>0</v>
      </c>
      <c r="HS10" s="296">
        <v>0</v>
      </c>
      <c r="HT10" s="296">
        <v>0</v>
      </c>
      <c r="HU10" s="296">
        <v>0</v>
      </c>
      <c r="HV10" s="296">
        <v>0</v>
      </c>
      <c r="HW10" s="296">
        <v>0</v>
      </c>
      <c r="HX10" s="300">
        <v>0</v>
      </c>
      <c r="HY10" s="299">
        <v>0</v>
      </c>
      <c r="HZ10" s="304">
        <v>141114</v>
      </c>
      <c r="IA10" s="305">
        <v>688446</v>
      </c>
      <c r="IB10" s="306">
        <v>829560</v>
      </c>
      <c r="IC10" s="307">
        <v>0</v>
      </c>
      <c r="ID10" s="308">
        <v>23254004</v>
      </c>
      <c r="IE10" s="309">
        <v>36123795</v>
      </c>
      <c r="IF10" s="310">
        <v>38017364</v>
      </c>
      <c r="IG10" s="308">
        <v>26520729</v>
      </c>
      <c r="IH10" s="310">
        <v>22373677</v>
      </c>
      <c r="II10" s="311">
        <v>146289569</v>
      </c>
      <c r="IJ10" s="312">
        <v>147119129</v>
      </c>
      <c r="IK10" s="313">
        <v>0</v>
      </c>
      <c r="IL10" s="314">
        <v>0</v>
      </c>
      <c r="IM10" s="315">
        <v>0</v>
      </c>
      <c r="IN10" s="403">
        <v>0</v>
      </c>
      <c r="IO10" s="316">
        <v>521154</v>
      </c>
      <c r="IP10" s="316">
        <v>1431507</v>
      </c>
      <c r="IQ10" s="316">
        <v>2081246</v>
      </c>
      <c r="IR10" s="316">
        <v>2611763</v>
      </c>
      <c r="IS10" s="316">
        <v>2609102</v>
      </c>
      <c r="IT10" s="317">
        <v>9254772</v>
      </c>
      <c r="IU10" s="318">
        <v>9254772</v>
      </c>
      <c r="IV10" s="319">
        <v>0</v>
      </c>
      <c r="IW10" s="316">
        <v>0</v>
      </c>
      <c r="IX10" s="320">
        <v>0</v>
      </c>
      <c r="IY10" s="403">
        <v>0</v>
      </c>
      <c r="IZ10" s="316">
        <v>134279</v>
      </c>
      <c r="JA10" s="316">
        <v>569168</v>
      </c>
      <c r="JB10" s="316">
        <v>330950</v>
      </c>
      <c r="JC10" s="316">
        <v>742104</v>
      </c>
      <c r="JD10" s="316">
        <v>1174524</v>
      </c>
      <c r="JE10" s="320">
        <v>2951025</v>
      </c>
      <c r="JF10" s="321">
        <v>2951025</v>
      </c>
      <c r="JG10" s="319">
        <v>0</v>
      </c>
      <c r="JH10" s="316">
        <v>0</v>
      </c>
      <c r="JI10" s="317">
        <v>0</v>
      </c>
      <c r="JJ10" s="322">
        <v>0</v>
      </c>
      <c r="JK10" s="316">
        <v>10704632</v>
      </c>
      <c r="JL10" s="316">
        <v>16810432</v>
      </c>
      <c r="JM10" s="316">
        <v>11511941</v>
      </c>
      <c r="JN10" s="316">
        <v>5645723</v>
      </c>
      <c r="JO10" s="316">
        <v>1507377</v>
      </c>
      <c r="JP10" s="320">
        <v>46180105</v>
      </c>
      <c r="JQ10" s="318">
        <v>46180105</v>
      </c>
      <c r="JR10" s="319">
        <v>0</v>
      </c>
      <c r="JS10" s="316">
        <v>0</v>
      </c>
      <c r="JT10" s="317">
        <v>0</v>
      </c>
      <c r="JU10" s="322">
        <v>0</v>
      </c>
      <c r="JV10" s="316">
        <v>1565103</v>
      </c>
      <c r="JW10" s="316">
        <v>2718534</v>
      </c>
      <c r="JX10" s="316">
        <v>2939836</v>
      </c>
      <c r="JY10" s="316">
        <v>1216355</v>
      </c>
      <c r="JZ10" s="316">
        <v>3143256</v>
      </c>
      <c r="KA10" s="320">
        <v>11583084</v>
      </c>
      <c r="KB10" s="318">
        <v>11583084</v>
      </c>
      <c r="KC10" s="323">
        <v>141114</v>
      </c>
      <c r="KD10" s="324">
        <v>688446</v>
      </c>
      <c r="KE10" s="320">
        <v>829560</v>
      </c>
      <c r="KF10" s="322">
        <v>0</v>
      </c>
      <c r="KG10" s="316">
        <v>3047336</v>
      </c>
      <c r="KH10" s="316">
        <v>3181677</v>
      </c>
      <c r="KI10" s="316">
        <v>8214013</v>
      </c>
      <c r="KJ10" s="316">
        <v>5241714</v>
      </c>
      <c r="KK10" s="316">
        <v>3007855</v>
      </c>
      <c r="KL10" s="320">
        <v>22692595</v>
      </c>
      <c r="KM10" s="325">
        <v>23522155</v>
      </c>
      <c r="KN10" s="313">
        <v>0</v>
      </c>
      <c r="KO10" s="314">
        <v>0</v>
      </c>
      <c r="KP10" s="315">
        <v>0</v>
      </c>
      <c r="KQ10" s="403">
        <v>0</v>
      </c>
      <c r="KR10" s="316">
        <v>7113126</v>
      </c>
      <c r="KS10" s="316">
        <v>10538269</v>
      </c>
      <c r="KT10" s="316">
        <v>12410341</v>
      </c>
      <c r="KU10" s="316">
        <v>7800923</v>
      </c>
      <c r="KV10" s="316">
        <v>7384214</v>
      </c>
      <c r="KW10" s="320">
        <v>45246873</v>
      </c>
      <c r="KX10" s="318">
        <v>45246873</v>
      </c>
      <c r="KY10" s="319">
        <v>0</v>
      </c>
      <c r="KZ10" s="316">
        <v>0</v>
      </c>
      <c r="LA10" s="320">
        <v>0</v>
      </c>
      <c r="LB10" s="403">
        <v>0</v>
      </c>
      <c r="LC10" s="316">
        <v>0</v>
      </c>
      <c r="LD10" s="316">
        <v>0</v>
      </c>
      <c r="LE10" s="316">
        <v>0</v>
      </c>
      <c r="LF10" s="316">
        <v>0</v>
      </c>
      <c r="LG10" s="316">
        <v>0</v>
      </c>
      <c r="LH10" s="320">
        <v>0</v>
      </c>
      <c r="LI10" s="321">
        <v>0</v>
      </c>
      <c r="LJ10" s="319">
        <v>0</v>
      </c>
      <c r="LK10" s="316">
        <v>0</v>
      </c>
      <c r="LL10" s="320">
        <v>0</v>
      </c>
      <c r="LM10" s="403">
        <v>0</v>
      </c>
      <c r="LN10" s="316">
        <v>0</v>
      </c>
      <c r="LO10" s="316">
        <v>0</v>
      </c>
      <c r="LP10" s="316">
        <v>0</v>
      </c>
      <c r="LQ10" s="316">
        <v>278750</v>
      </c>
      <c r="LR10" s="316">
        <v>0</v>
      </c>
      <c r="LS10" s="320">
        <v>278750</v>
      </c>
      <c r="LT10" s="318">
        <v>278750</v>
      </c>
      <c r="LU10" s="319">
        <v>0</v>
      </c>
      <c r="LV10" s="316">
        <v>0</v>
      </c>
      <c r="LW10" s="320">
        <v>0</v>
      </c>
      <c r="LX10" s="403">
        <v>0</v>
      </c>
      <c r="LY10" s="316">
        <v>168374</v>
      </c>
      <c r="LZ10" s="316">
        <v>874208</v>
      </c>
      <c r="MA10" s="316">
        <v>529037</v>
      </c>
      <c r="MB10" s="316">
        <v>2983397</v>
      </c>
      <c r="MC10" s="316">
        <v>3547349</v>
      </c>
      <c r="MD10" s="320">
        <v>8102365</v>
      </c>
      <c r="ME10" s="321">
        <v>8102365</v>
      </c>
      <c r="MF10" s="319">
        <v>0</v>
      </c>
      <c r="MG10" s="316">
        <v>0</v>
      </c>
      <c r="MH10" s="320">
        <v>0</v>
      </c>
      <c r="MI10" s="403">
        <v>0</v>
      </c>
      <c r="MJ10" s="316">
        <v>8896400</v>
      </c>
      <c r="MK10" s="316">
        <v>25648953</v>
      </c>
      <c r="ML10" s="316">
        <v>60541686</v>
      </c>
      <c r="MM10" s="316">
        <v>85141001</v>
      </c>
      <c r="MN10" s="316">
        <v>52649021</v>
      </c>
      <c r="MO10" s="320">
        <v>232877061</v>
      </c>
      <c r="MP10" s="325">
        <v>232877061</v>
      </c>
      <c r="MQ10" s="319">
        <v>0</v>
      </c>
      <c r="MR10" s="316">
        <v>0</v>
      </c>
      <c r="MS10" s="320">
        <v>0</v>
      </c>
      <c r="MT10" s="403">
        <v>0</v>
      </c>
      <c r="MU10" s="316">
        <v>2344294</v>
      </c>
      <c r="MV10" s="316">
        <v>6658024</v>
      </c>
      <c r="MW10" s="316">
        <v>37389005</v>
      </c>
      <c r="MX10" s="316">
        <v>46723819</v>
      </c>
      <c r="MY10" s="316">
        <v>29893037</v>
      </c>
      <c r="MZ10" s="320">
        <v>123008179</v>
      </c>
      <c r="NA10" s="325">
        <v>123008179</v>
      </c>
      <c r="NB10" s="319">
        <v>0</v>
      </c>
      <c r="NC10" s="316">
        <v>0</v>
      </c>
      <c r="ND10" s="320">
        <v>0</v>
      </c>
      <c r="NE10" s="403">
        <v>0</v>
      </c>
      <c r="NF10" s="316">
        <v>6416800</v>
      </c>
      <c r="NG10" s="316">
        <v>18990929</v>
      </c>
      <c r="NH10" s="316">
        <v>23152681</v>
      </c>
      <c r="NI10" s="316">
        <v>36504313</v>
      </c>
      <c r="NJ10" s="316">
        <v>21024758</v>
      </c>
      <c r="NK10" s="320">
        <v>106089481</v>
      </c>
      <c r="NL10" s="318">
        <v>106089481</v>
      </c>
      <c r="NM10" s="319">
        <v>0</v>
      </c>
      <c r="NN10" s="316">
        <v>0</v>
      </c>
      <c r="NO10" s="320">
        <v>0</v>
      </c>
      <c r="NP10" s="403">
        <v>0</v>
      </c>
      <c r="NQ10" s="316">
        <v>0</v>
      </c>
      <c r="NR10" s="316">
        <v>0</v>
      </c>
      <c r="NS10" s="316">
        <v>0</v>
      </c>
      <c r="NT10" s="316">
        <v>0</v>
      </c>
      <c r="NU10" s="316">
        <v>0</v>
      </c>
      <c r="NV10" s="320">
        <v>0</v>
      </c>
      <c r="NW10" s="321">
        <v>0</v>
      </c>
      <c r="NX10" s="319">
        <v>0</v>
      </c>
      <c r="NY10" s="316">
        <v>0</v>
      </c>
      <c r="NZ10" s="320">
        <v>0</v>
      </c>
      <c r="OA10" s="403">
        <v>0</v>
      </c>
      <c r="OB10" s="316">
        <v>135306</v>
      </c>
      <c r="OC10" s="316">
        <v>0</v>
      </c>
      <c r="OD10" s="316">
        <v>0</v>
      </c>
      <c r="OE10" s="316">
        <v>1912869</v>
      </c>
      <c r="OF10" s="316">
        <v>1731226</v>
      </c>
      <c r="OG10" s="320">
        <v>3779401</v>
      </c>
      <c r="OH10" s="321">
        <v>3779401</v>
      </c>
      <c r="OI10" s="319">
        <v>13849975</v>
      </c>
      <c r="OJ10" s="316">
        <v>28705217</v>
      </c>
      <c r="OK10" s="317">
        <v>42555192</v>
      </c>
      <c r="OL10" s="322">
        <v>0</v>
      </c>
      <c r="OM10" s="316">
        <v>145529851</v>
      </c>
      <c r="ON10" s="316">
        <v>252646650</v>
      </c>
      <c r="OO10" s="316">
        <v>240561969</v>
      </c>
      <c r="OP10" s="316">
        <v>260699842</v>
      </c>
      <c r="OQ10" s="316">
        <v>186715731</v>
      </c>
      <c r="OR10" s="320">
        <v>1086154043</v>
      </c>
      <c r="OS10" s="325">
        <v>1128709235</v>
      </c>
    </row>
    <row r="11" spans="2:409" s="70" customFormat="1" ht="21" customHeight="1" x14ac:dyDescent="0.2">
      <c r="B11" s="106" t="s">
        <v>6</v>
      </c>
      <c r="C11" s="326">
        <v>5124402</v>
      </c>
      <c r="D11" s="327">
        <v>8315118</v>
      </c>
      <c r="E11" s="328">
        <v>13439520</v>
      </c>
      <c r="F11" s="329">
        <v>0</v>
      </c>
      <c r="G11" s="327">
        <v>56244013</v>
      </c>
      <c r="H11" s="327">
        <v>64438041</v>
      </c>
      <c r="I11" s="327">
        <v>50033929</v>
      </c>
      <c r="J11" s="327">
        <v>58761223</v>
      </c>
      <c r="K11" s="327">
        <v>41935092</v>
      </c>
      <c r="L11" s="329">
        <v>271412298</v>
      </c>
      <c r="M11" s="330">
        <v>284851818</v>
      </c>
      <c r="N11" s="326">
        <v>1656235</v>
      </c>
      <c r="O11" s="327">
        <v>3366054</v>
      </c>
      <c r="P11" s="328">
        <v>5022289</v>
      </c>
      <c r="Q11" s="326">
        <v>0</v>
      </c>
      <c r="R11" s="327">
        <v>18204579</v>
      </c>
      <c r="S11" s="327">
        <v>22236975</v>
      </c>
      <c r="T11" s="327">
        <v>16481195</v>
      </c>
      <c r="U11" s="327">
        <v>21800364</v>
      </c>
      <c r="V11" s="327">
        <v>19594782</v>
      </c>
      <c r="W11" s="328">
        <v>98317895</v>
      </c>
      <c r="X11" s="330">
        <v>103340184</v>
      </c>
      <c r="Y11" s="326">
        <v>0</v>
      </c>
      <c r="Z11" s="327">
        <v>0</v>
      </c>
      <c r="AA11" s="328">
        <v>0</v>
      </c>
      <c r="AB11" s="326">
        <v>0</v>
      </c>
      <c r="AC11" s="327">
        <v>6704920</v>
      </c>
      <c r="AD11" s="327">
        <v>9135309</v>
      </c>
      <c r="AE11" s="327">
        <v>6829999</v>
      </c>
      <c r="AF11" s="327">
        <v>10716419</v>
      </c>
      <c r="AG11" s="327">
        <v>10612816</v>
      </c>
      <c r="AH11" s="328">
        <v>43999463</v>
      </c>
      <c r="AI11" s="330">
        <v>43999463</v>
      </c>
      <c r="AJ11" s="326">
        <v>0</v>
      </c>
      <c r="AK11" s="327">
        <v>0</v>
      </c>
      <c r="AL11" s="328">
        <v>0</v>
      </c>
      <c r="AM11" s="326">
        <v>0</v>
      </c>
      <c r="AN11" s="327">
        <v>150931</v>
      </c>
      <c r="AO11" s="327">
        <v>66389</v>
      </c>
      <c r="AP11" s="327">
        <v>619145</v>
      </c>
      <c r="AQ11" s="327">
        <v>1112736</v>
      </c>
      <c r="AR11" s="327">
        <v>1819554</v>
      </c>
      <c r="AS11" s="328">
        <v>3768755</v>
      </c>
      <c r="AT11" s="330">
        <v>3768755</v>
      </c>
      <c r="AU11" s="326">
        <v>922634</v>
      </c>
      <c r="AV11" s="327">
        <v>2409467</v>
      </c>
      <c r="AW11" s="328">
        <v>3332101</v>
      </c>
      <c r="AX11" s="326">
        <v>0</v>
      </c>
      <c r="AY11" s="327">
        <v>7067042</v>
      </c>
      <c r="AZ11" s="327">
        <v>8461195</v>
      </c>
      <c r="BA11" s="327">
        <v>5429424</v>
      </c>
      <c r="BB11" s="327">
        <v>5651486</v>
      </c>
      <c r="BC11" s="327">
        <v>3836212</v>
      </c>
      <c r="BD11" s="328">
        <v>30445359</v>
      </c>
      <c r="BE11" s="330">
        <v>33777460</v>
      </c>
      <c r="BF11" s="326">
        <v>18369</v>
      </c>
      <c r="BG11" s="327">
        <v>245464</v>
      </c>
      <c r="BH11" s="331">
        <v>263833</v>
      </c>
      <c r="BI11" s="332">
        <v>0</v>
      </c>
      <c r="BJ11" s="327">
        <v>616913</v>
      </c>
      <c r="BK11" s="327">
        <v>564913</v>
      </c>
      <c r="BL11" s="327">
        <v>485667</v>
      </c>
      <c r="BM11" s="327">
        <v>501508</v>
      </c>
      <c r="BN11" s="327">
        <v>468486</v>
      </c>
      <c r="BO11" s="328">
        <v>2637487</v>
      </c>
      <c r="BP11" s="330">
        <v>2901320</v>
      </c>
      <c r="BQ11" s="326">
        <v>715232</v>
      </c>
      <c r="BR11" s="327">
        <v>711123</v>
      </c>
      <c r="BS11" s="328">
        <v>1426355</v>
      </c>
      <c r="BT11" s="326">
        <v>0</v>
      </c>
      <c r="BU11" s="327">
        <v>3664773</v>
      </c>
      <c r="BV11" s="327">
        <v>4009169</v>
      </c>
      <c r="BW11" s="327">
        <v>3116960</v>
      </c>
      <c r="BX11" s="327">
        <v>3818215</v>
      </c>
      <c r="BY11" s="327">
        <v>2857714</v>
      </c>
      <c r="BZ11" s="328">
        <v>17466831</v>
      </c>
      <c r="CA11" s="330">
        <v>18893186</v>
      </c>
      <c r="CB11" s="326">
        <v>283789</v>
      </c>
      <c r="CC11" s="327">
        <v>564148</v>
      </c>
      <c r="CD11" s="328">
        <v>847937</v>
      </c>
      <c r="CE11" s="326">
        <v>0</v>
      </c>
      <c r="CF11" s="327">
        <v>12905822</v>
      </c>
      <c r="CG11" s="327">
        <v>13255714</v>
      </c>
      <c r="CH11" s="327">
        <v>8369769</v>
      </c>
      <c r="CI11" s="327">
        <v>6544805</v>
      </c>
      <c r="CJ11" s="327">
        <v>1988358</v>
      </c>
      <c r="CK11" s="328">
        <v>43064468</v>
      </c>
      <c r="CL11" s="330">
        <v>43912405</v>
      </c>
      <c r="CM11" s="326">
        <v>0</v>
      </c>
      <c r="CN11" s="327">
        <v>0</v>
      </c>
      <c r="CO11" s="328">
        <v>0</v>
      </c>
      <c r="CP11" s="332">
        <v>0</v>
      </c>
      <c r="CQ11" s="327">
        <v>10423037</v>
      </c>
      <c r="CR11" s="327">
        <v>9890123</v>
      </c>
      <c r="CS11" s="327">
        <v>5795629</v>
      </c>
      <c r="CT11" s="327">
        <v>5007071</v>
      </c>
      <c r="CU11" s="327">
        <v>1600416</v>
      </c>
      <c r="CV11" s="328">
        <v>32716276</v>
      </c>
      <c r="CW11" s="330">
        <v>32716276</v>
      </c>
      <c r="CX11" s="326">
        <v>283789</v>
      </c>
      <c r="CY11" s="327">
        <v>564148</v>
      </c>
      <c r="CZ11" s="328">
        <v>847937</v>
      </c>
      <c r="DA11" s="326">
        <v>0</v>
      </c>
      <c r="DB11" s="327">
        <v>2482785</v>
      </c>
      <c r="DC11" s="327">
        <v>3365591</v>
      </c>
      <c r="DD11" s="327">
        <v>2574140</v>
      </c>
      <c r="DE11" s="327">
        <v>1537734</v>
      </c>
      <c r="DF11" s="327">
        <v>387942</v>
      </c>
      <c r="DG11" s="328">
        <v>10348192</v>
      </c>
      <c r="DH11" s="330">
        <v>11196129</v>
      </c>
      <c r="DI11" s="326">
        <v>0</v>
      </c>
      <c r="DJ11" s="327">
        <v>21011</v>
      </c>
      <c r="DK11" s="331">
        <v>21011</v>
      </c>
      <c r="DL11" s="332">
        <v>0</v>
      </c>
      <c r="DM11" s="327">
        <v>748286</v>
      </c>
      <c r="DN11" s="327">
        <v>2318169</v>
      </c>
      <c r="DO11" s="327">
        <v>3323685</v>
      </c>
      <c r="DP11" s="327">
        <v>2337297</v>
      </c>
      <c r="DQ11" s="327">
        <v>1887057</v>
      </c>
      <c r="DR11" s="328">
        <v>10614494</v>
      </c>
      <c r="DS11" s="330">
        <v>10635505</v>
      </c>
      <c r="DT11" s="326">
        <v>0</v>
      </c>
      <c r="DU11" s="327">
        <v>21011</v>
      </c>
      <c r="DV11" s="328">
        <v>21011</v>
      </c>
      <c r="DW11" s="326">
        <v>0</v>
      </c>
      <c r="DX11" s="327">
        <v>708065</v>
      </c>
      <c r="DY11" s="327">
        <v>1835953</v>
      </c>
      <c r="DZ11" s="327">
        <v>2324357</v>
      </c>
      <c r="EA11" s="327">
        <v>2172638</v>
      </c>
      <c r="EB11" s="327">
        <v>1362930</v>
      </c>
      <c r="EC11" s="328">
        <v>8403943</v>
      </c>
      <c r="ED11" s="330">
        <v>8424954</v>
      </c>
      <c r="EE11" s="326">
        <v>0</v>
      </c>
      <c r="EF11" s="331">
        <v>0</v>
      </c>
      <c r="EG11" s="328">
        <v>0</v>
      </c>
      <c r="EH11" s="326">
        <v>0</v>
      </c>
      <c r="EI11" s="327">
        <v>40221</v>
      </c>
      <c r="EJ11" s="327">
        <v>482216</v>
      </c>
      <c r="EK11" s="327">
        <v>999328</v>
      </c>
      <c r="EL11" s="327">
        <v>164659</v>
      </c>
      <c r="EM11" s="327">
        <v>524127</v>
      </c>
      <c r="EN11" s="331">
        <v>2210551</v>
      </c>
      <c r="EO11" s="330">
        <v>2210551</v>
      </c>
      <c r="EP11" s="326">
        <v>0</v>
      </c>
      <c r="EQ11" s="327">
        <v>0</v>
      </c>
      <c r="ER11" s="331">
        <v>0</v>
      </c>
      <c r="ES11" s="332">
        <v>0</v>
      </c>
      <c r="ET11" s="327">
        <v>0</v>
      </c>
      <c r="EU11" s="327">
        <v>0</v>
      </c>
      <c r="EV11" s="327">
        <v>0</v>
      </c>
      <c r="EW11" s="327">
        <v>0</v>
      </c>
      <c r="EX11" s="327">
        <v>0</v>
      </c>
      <c r="EY11" s="328">
        <v>0</v>
      </c>
      <c r="EZ11" s="330">
        <v>0</v>
      </c>
      <c r="FA11" s="326">
        <v>0</v>
      </c>
      <c r="FB11" s="327">
        <v>0</v>
      </c>
      <c r="FC11" s="331">
        <v>0</v>
      </c>
      <c r="FD11" s="404">
        <v>0</v>
      </c>
      <c r="FE11" s="327">
        <v>0</v>
      </c>
      <c r="FF11" s="327">
        <v>0</v>
      </c>
      <c r="FG11" s="327">
        <v>0</v>
      </c>
      <c r="FH11" s="327">
        <v>0</v>
      </c>
      <c r="FI11" s="327">
        <v>0</v>
      </c>
      <c r="FJ11" s="328">
        <v>0</v>
      </c>
      <c r="FK11" s="330">
        <v>0</v>
      </c>
      <c r="FL11" s="326">
        <v>995484</v>
      </c>
      <c r="FM11" s="327">
        <v>1991059</v>
      </c>
      <c r="FN11" s="328">
        <v>2986543</v>
      </c>
      <c r="FO11" s="326">
        <v>0</v>
      </c>
      <c r="FP11" s="327">
        <v>2999220</v>
      </c>
      <c r="FQ11" s="327">
        <v>5665051</v>
      </c>
      <c r="FR11" s="327">
        <v>3893104</v>
      </c>
      <c r="FS11" s="327">
        <v>3982386</v>
      </c>
      <c r="FT11" s="327">
        <v>2672548</v>
      </c>
      <c r="FU11" s="328">
        <v>19212309</v>
      </c>
      <c r="FV11" s="330">
        <v>22198852</v>
      </c>
      <c r="FW11" s="333">
        <v>485681</v>
      </c>
      <c r="FX11" s="327">
        <v>1025843</v>
      </c>
      <c r="FY11" s="331">
        <v>1511524</v>
      </c>
      <c r="FZ11" s="332">
        <v>0</v>
      </c>
      <c r="GA11" s="327">
        <v>2377963</v>
      </c>
      <c r="GB11" s="327">
        <v>5152910</v>
      </c>
      <c r="GC11" s="327">
        <v>3504244</v>
      </c>
      <c r="GD11" s="327">
        <v>3560634</v>
      </c>
      <c r="GE11" s="327">
        <v>2544591</v>
      </c>
      <c r="GF11" s="328">
        <v>17140342</v>
      </c>
      <c r="GG11" s="334">
        <v>18651866</v>
      </c>
      <c r="GH11" s="333">
        <v>50043</v>
      </c>
      <c r="GI11" s="327">
        <v>228851</v>
      </c>
      <c r="GJ11" s="331">
        <v>278894</v>
      </c>
      <c r="GK11" s="332">
        <v>0</v>
      </c>
      <c r="GL11" s="327">
        <v>218197</v>
      </c>
      <c r="GM11" s="327">
        <v>208061</v>
      </c>
      <c r="GN11" s="327">
        <v>75190</v>
      </c>
      <c r="GO11" s="327">
        <v>168177</v>
      </c>
      <c r="GP11" s="327">
        <v>127957</v>
      </c>
      <c r="GQ11" s="328">
        <v>797582</v>
      </c>
      <c r="GR11" s="330">
        <v>1076476</v>
      </c>
      <c r="GS11" s="326">
        <v>459760</v>
      </c>
      <c r="GT11" s="327">
        <v>736365</v>
      </c>
      <c r="GU11" s="328">
        <v>1196125</v>
      </c>
      <c r="GV11" s="326">
        <v>0</v>
      </c>
      <c r="GW11" s="327">
        <v>403060</v>
      </c>
      <c r="GX11" s="327">
        <v>304080</v>
      </c>
      <c r="GY11" s="327">
        <v>313670</v>
      </c>
      <c r="GZ11" s="327">
        <v>253575</v>
      </c>
      <c r="HA11" s="327">
        <v>0</v>
      </c>
      <c r="HB11" s="331">
        <v>1274385</v>
      </c>
      <c r="HC11" s="330">
        <v>2470510</v>
      </c>
      <c r="HD11" s="326">
        <v>2188894</v>
      </c>
      <c r="HE11" s="327">
        <v>2372846</v>
      </c>
      <c r="HF11" s="331">
        <v>4561740</v>
      </c>
      <c r="HG11" s="332">
        <v>0</v>
      </c>
      <c r="HH11" s="327">
        <v>21386106</v>
      </c>
      <c r="HI11" s="327">
        <v>20962132</v>
      </c>
      <c r="HJ11" s="327">
        <v>17966176</v>
      </c>
      <c r="HK11" s="327">
        <v>24096371</v>
      </c>
      <c r="HL11" s="327">
        <v>15792347</v>
      </c>
      <c r="HM11" s="328">
        <v>100203132</v>
      </c>
      <c r="HN11" s="329">
        <v>104764872</v>
      </c>
      <c r="HO11" s="333">
        <v>0</v>
      </c>
      <c r="HP11" s="327">
        <v>0</v>
      </c>
      <c r="HQ11" s="328">
        <v>0</v>
      </c>
      <c r="HR11" s="326">
        <v>0</v>
      </c>
      <c r="HS11" s="327">
        <v>0</v>
      </c>
      <c r="HT11" s="327">
        <v>0</v>
      </c>
      <c r="HU11" s="327">
        <v>0</v>
      </c>
      <c r="HV11" s="327">
        <v>0</v>
      </c>
      <c r="HW11" s="327">
        <v>0</v>
      </c>
      <c r="HX11" s="331">
        <v>0</v>
      </c>
      <c r="HY11" s="330">
        <v>0</v>
      </c>
      <c r="HZ11" s="335">
        <v>0</v>
      </c>
      <c r="IA11" s="336">
        <v>276624</v>
      </c>
      <c r="IB11" s="337">
        <v>276624</v>
      </c>
      <c r="IC11" s="338">
        <v>0</v>
      </c>
      <c r="ID11" s="336">
        <v>10693405</v>
      </c>
      <c r="IE11" s="339">
        <v>16011489</v>
      </c>
      <c r="IF11" s="337">
        <v>14897839</v>
      </c>
      <c r="IG11" s="336">
        <v>15715731</v>
      </c>
      <c r="IH11" s="337">
        <v>11616418</v>
      </c>
      <c r="II11" s="340">
        <v>68934882</v>
      </c>
      <c r="IJ11" s="341">
        <v>69211506</v>
      </c>
      <c r="IK11" s="342">
        <v>0</v>
      </c>
      <c r="IL11" s="343">
        <v>0</v>
      </c>
      <c r="IM11" s="344">
        <v>0</v>
      </c>
      <c r="IN11" s="404">
        <v>0</v>
      </c>
      <c r="IO11" s="345">
        <v>556527</v>
      </c>
      <c r="IP11" s="345">
        <v>900438</v>
      </c>
      <c r="IQ11" s="345">
        <v>795848</v>
      </c>
      <c r="IR11" s="345">
        <v>1674884</v>
      </c>
      <c r="IS11" s="345">
        <v>1733722</v>
      </c>
      <c r="IT11" s="346">
        <v>5661419</v>
      </c>
      <c r="IU11" s="347">
        <v>5661419</v>
      </c>
      <c r="IV11" s="348">
        <v>0</v>
      </c>
      <c r="IW11" s="345">
        <v>0</v>
      </c>
      <c r="IX11" s="349">
        <v>0</v>
      </c>
      <c r="IY11" s="404">
        <v>0</v>
      </c>
      <c r="IZ11" s="345">
        <v>76690</v>
      </c>
      <c r="JA11" s="345">
        <v>109903</v>
      </c>
      <c r="JB11" s="345">
        <v>175220</v>
      </c>
      <c r="JC11" s="345">
        <v>74379</v>
      </c>
      <c r="JD11" s="345">
        <v>592970</v>
      </c>
      <c r="JE11" s="349">
        <v>1029162</v>
      </c>
      <c r="JF11" s="350">
        <v>1029162</v>
      </c>
      <c r="JG11" s="348">
        <v>0</v>
      </c>
      <c r="JH11" s="345">
        <v>0</v>
      </c>
      <c r="JI11" s="346">
        <v>0</v>
      </c>
      <c r="JJ11" s="351">
        <v>0</v>
      </c>
      <c r="JK11" s="345">
        <v>4254786</v>
      </c>
      <c r="JL11" s="345">
        <v>4115453</v>
      </c>
      <c r="JM11" s="345">
        <v>2611278</v>
      </c>
      <c r="JN11" s="345">
        <v>2973878</v>
      </c>
      <c r="JO11" s="345">
        <v>571467</v>
      </c>
      <c r="JP11" s="349">
        <v>14526862</v>
      </c>
      <c r="JQ11" s="347">
        <v>14526862</v>
      </c>
      <c r="JR11" s="348">
        <v>0</v>
      </c>
      <c r="JS11" s="345">
        <v>0</v>
      </c>
      <c r="JT11" s="346">
        <v>0</v>
      </c>
      <c r="JU11" s="351">
        <v>0</v>
      </c>
      <c r="JV11" s="345">
        <v>708233</v>
      </c>
      <c r="JW11" s="345">
        <v>1600148</v>
      </c>
      <c r="JX11" s="345">
        <v>1539508</v>
      </c>
      <c r="JY11" s="345">
        <v>1093428</v>
      </c>
      <c r="JZ11" s="345">
        <v>795234</v>
      </c>
      <c r="KA11" s="349">
        <v>5736551</v>
      </c>
      <c r="KB11" s="347">
        <v>5736551</v>
      </c>
      <c r="KC11" s="352">
        <v>0</v>
      </c>
      <c r="KD11" s="353">
        <v>276624</v>
      </c>
      <c r="KE11" s="349">
        <v>276624</v>
      </c>
      <c r="KF11" s="351">
        <v>0</v>
      </c>
      <c r="KG11" s="345">
        <v>939793</v>
      </c>
      <c r="KH11" s="345">
        <v>1161205</v>
      </c>
      <c r="KI11" s="345">
        <v>1492935</v>
      </c>
      <c r="KJ11" s="345">
        <v>1579972</v>
      </c>
      <c r="KK11" s="345">
        <v>456373</v>
      </c>
      <c r="KL11" s="349">
        <v>5630278</v>
      </c>
      <c r="KM11" s="354">
        <v>5906902</v>
      </c>
      <c r="KN11" s="342">
        <v>0</v>
      </c>
      <c r="KO11" s="343">
        <v>0</v>
      </c>
      <c r="KP11" s="344">
        <v>0</v>
      </c>
      <c r="KQ11" s="404">
        <v>0</v>
      </c>
      <c r="KR11" s="345">
        <v>3137469</v>
      </c>
      <c r="KS11" s="345">
        <v>6321933</v>
      </c>
      <c r="KT11" s="345">
        <v>6430129</v>
      </c>
      <c r="KU11" s="345">
        <v>4068115</v>
      </c>
      <c r="KV11" s="345">
        <v>3546731</v>
      </c>
      <c r="KW11" s="349">
        <v>23504377</v>
      </c>
      <c r="KX11" s="347">
        <v>23504377</v>
      </c>
      <c r="KY11" s="348">
        <v>0</v>
      </c>
      <c r="KZ11" s="345">
        <v>0</v>
      </c>
      <c r="LA11" s="349">
        <v>0</v>
      </c>
      <c r="LB11" s="404">
        <v>0</v>
      </c>
      <c r="LC11" s="345">
        <v>0</v>
      </c>
      <c r="LD11" s="345">
        <v>0</v>
      </c>
      <c r="LE11" s="345">
        <v>0</v>
      </c>
      <c r="LF11" s="345">
        <v>0</v>
      </c>
      <c r="LG11" s="345">
        <v>0</v>
      </c>
      <c r="LH11" s="349">
        <v>0</v>
      </c>
      <c r="LI11" s="350">
        <v>0</v>
      </c>
      <c r="LJ11" s="348">
        <v>0</v>
      </c>
      <c r="LK11" s="345">
        <v>0</v>
      </c>
      <c r="LL11" s="349">
        <v>0</v>
      </c>
      <c r="LM11" s="404">
        <v>0</v>
      </c>
      <c r="LN11" s="345">
        <v>0</v>
      </c>
      <c r="LO11" s="345">
        <v>228571</v>
      </c>
      <c r="LP11" s="345">
        <v>1228243</v>
      </c>
      <c r="LQ11" s="345">
        <v>2220361</v>
      </c>
      <c r="LR11" s="345">
        <v>403631</v>
      </c>
      <c r="LS11" s="349">
        <v>4080806</v>
      </c>
      <c r="LT11" s="347">
        <v>4080806</v>
      </c>
      <c r="LU11" s="348">
        <v>0</v>
      </c>
      <c r="LV11" s="345">
        <v>0</v>
      </c>
      <c r="LW11" s="349">
        <v>0</v>
      </c>
      <c r="LX11" s="404">
        <v>0</v>
      </c>
      <c r="LY11" s="345">
        <v>1019907</v>
      </c>
      <c r="LZ11" s="345">
        <v>1573838</v>
      </c>
      <c r="MA11" s="345">
        <v>624678</v>
      </c>
      <c r="MB11" s="345">
        <v>2030714</v>
      </c>
      <c r="MC11" s="345">
        <v>3516290</v>
      </c>
      <c r="MD11" s="349">
        <v>8765427</v>
      </c>
      <c r="ME11" s="350">
        <v>8765427</v>
      </c>
      <c r="MF11" s="348">
        <v>0</v>
      </c>
      <c r="MG11" s="345">
        <v>0</v>
      </c>
      <c r="MH11" s="349">
        <v>0</v>
      </c>
      <c r="MI11" s="404">
        <v>0</v>
      </c>
      <c r="MJ11" s="345">
        <v>2946791</v>
      </c>
      <c r="MK11" s="345">
        <v>3428393</v>
      </c>
      <c r="ML11" s="345">
        <v>15207197</v>
      </c>
      <c r="MM11" s="345">
        <v>24867546</v>
      </c>
      <c r="MN11" s="345">
        <v>15624724</v>
      </c>
      <c r="MO11" s="349">
        <v>62074651</v>
      </c>
      <c r="MP11" s="354">
        <v>62074651</v>
      </c>
      <c r="MQ11" s="348">
        <v>0</v>
      </c>
      <c r="MR11" s="345">
        <v>0</v>
      </c>
      <c r="MS11" s="349">
        <v>0</v>
      </c>
      <c r="MT11" s="404">
        <v>0</v>
      </c>
      <c r="MU11" s="345">
        <v>412411</v>
      </c>
      <c r="MV11" s="345">
        <v>1216086</v>
      </c>
      <c r="MW11" s="345">
        <v>8691163</v>
      </c>
      <c r="MX11" s="345">
        <v>12665758</v>
      </c>
      <c r="MY11" s="345">
        <v>9962031</v>
      </c>
      <c r="MZ11" s="349">
        <v>32947449</v>
      </c>
      <c r="NA11" s="354">
        <v>32947449</v>
      </c>
      <c r="NB11" s="348">
        <v>0</v>
      </c>
      <c r="NC11" s="345">
        <v>0</v>
      </c>
      <c r="ND11" s="349">
        <v>0</v>
      </c>
      <c r="NE11" s="404">
        <v>0</v>
      </c>
      <c r="NF11" s="345">
        <v>2534380</v>
      </c>
      <c r="NG11" s="345">
        <v>2212307</v>
      </c>
      <c r="NH11" s="345">
        <v>6516034</v>
      </c>
      <c r="NI11" s="345">
        <v>11563148</v>
      </c>
      <c r="NJ11" s="345">
        <v>4962267</v>
      </c>
      <c r="NK11" s="349">
        <v>27788136</v>
      </c>
      <c r="NL11" s="347">
        <v>27788136</v>
      </c>
      <c r="NM11" s="348">
        <v>0</v>
      </c>
      <c r="NN11" s="345">
        <v>0</v>
      </c>
      <c r="NO11" s="349">
        <v>0</v>
      </c>
      <c r="NP11" s="404">
        <v>0</v>
      </c>
      <c r="NQ11" s="345">
        <v>0</v>
      </c>
      <c r="NR11" s="345">
        <v>0</v>
      </c>
      <c r="NS11" s="345">
        <v>0</v>
      </c>
      <c r="NT11" s="345">
        <v>0</v>
      </c>
      <c r="NU11" s="345">
        <v>0</v>
      </c>
      <c r="NV11" s="349">
        <v>0</v>
      </c>
      <c r="NW11" s="350">
        <v>0</v>
      </c>
      <c r="NX11" s="348">
        <v>0</v>
      </c>
      <c r="NY11" s="345">
        <v>0</v>
      </c>
      <c r="NZ11" s="349">
        <v>0</v>
      </c>
      <c r="OA11" s="404">
        <v>0</v>
      </c>
      <c r="OB11" s="345">
        <v>0</v>
      </c>
      <c r="OC11" s="345">
        <v>0</v>
      </c>
      <c r="OD11" s="345">
        <v>0</v>
      </c>
      <c r="OE11" s="345">
        <v>638640</v>
      </c>
      <c r="OF11" s="345">
        <v>700426</v>
      </c>
      <c r="OG11" s="349">
        <v>1339066</v>
      </c>
      <c r="OH11" s="350">
        <v>1339066</v>
      </c>
      <c r="OI11" s="348">
        <v>5124402</v>
      </c>
      <c r="OJ11" s="345">
        <v>8591742</v>
      </c>
      <c r="OK11" s="346">
        <v>13716144</v>
      </c>
      <c r="OL11" s="351">
        <v>0</v>
      </c>
      <c r="OM11" s="345">
        <v>69884209</v>
      </c>
      <c r="ON11" s="345">
        <v>83877923</v>
      </c>
      <c r="OO11" s="345">
        <v>80138965</v>
      </c>
      <c r="OP11" s="345">
        <v>99344500</v>
      </c>
      <c r="OQ11" s="345">
        <v>69176234</v>
      </c>
      <c r="OR11" s="349">
        <v>402421831</v>
      </c>
      <c r="OS11" s="354">
        <v>416137975</v>
      </c>
    </row>
    <row r="12" spans="2:409" s="70" customFormat="1" ht="21" customHeight="1" x14ac:dyDescent="0.2">
      <c r="B12" s="106" t="s">
        <v>14</v>
      </c>
      <c r="C12" s="326">
        <v>1172804</v>
      </c>
      <c r="D12" s="327">
        <v>2535291</v>
      </c>
      <c r="E12" s="328">
        <v>3708095</v>
      </c>
      <c r="F12" s="329">
        <v>0</v>
      </c>
      <c r="G12" s="327">
        <v>13111950</v>
      </c>
      <c r="H12" s="327">
        <v>25326238</v>
      </c>
      <c r="I12" s="327">
        <v>21029277</v>
      </c>
      <c r="J12" s="327">
        <v>19866777</v>
      </c>
      <c r="K12" s="327">
        <v>14491276</v>
      </c>
      <c r="L12" s="331">
        <v>93825518</v>
      </c>
      <c r="M12" s="330">
        <v>97533613</v>
      </c>
      <c r="N12" s="326">
        <v>230374</v>
      </c>
      <c r="O12" s="327">
        <v>719470</v>
      </c>
      <c r="P12" s="328">
        <v>949844</v>
      </c>
      <c r="Q12" s="326">
        <v>0</v>
      </c>
      <c r="R12" s="327">
        <v>3383468</v>
      </c>
      <c r="S12" s="327">
        <v>8742362</v>
      </c>
      <c r="T12" s="327">
        <v>7075448</v>
      </c>
      <c r="U12" s="327">
        <v>6563439</v>
      </c>
      <c r="V12" s="327">
        <v>7620076</v>
      </c>
      <c r="W12" s="328">
        <v>33384793</v>
      </c>
      <c r="X12" s="330">
        <v>34334637</v>
      </c>
      <c r="Y12" s="326">
        <v>0</v>
      </c>
      <c r="Z12" s="327">
        <v>0</v>
      </c>
      <c r="AA12" s="328">
        <v>0</v>
      </c>
      <c r="AB12" s="326">
        <v>0</v>
      </c>
      <c r="AC12" s="327">
        <v>1277275</v>
      </c>
      <c r="AD12" s="327">
        <v>4528326</v>
      </c>
      <c r="AE12" s="327">
        <v>3774776</v>
      </c>
      <c r="AF12" s="327">
        <v>3236971</v>
      </c>
      <c r="AG12" s="327">
        <v>4619602</v>
      </c>
      <c r="AH12" s="328">
        <v>17436950</v>
      </c>
      <c r="AI12" s="330">
        <v>17436950</v>
      </c>
      <c r="AJ12" s="326">
        <v>0</v>
      </c>
      <c r="AK12" s="327">
        <v>0</v>
      </c>
      <c r="AL12" s="328">
        <v>0</v>
      </c>
      <c r="AM12" s="326">
        <v>0</v>
      </c>
      <c r="AN12" s="327">
        <v>0</v>
      </c>
      <c r="AO12" s="327">
        <v>42037</v>
      </c>
      <c r="AP12" s="327">
        <v>222356</v>
      </c>
      <c r="AQ12" s="327">
        <v>604866</v>
      </c>
      <c r="AR12" s="327">
        <v>669075</v>
      </c>
      <c r="AS12" s="328">
        <v>1538334</v>
      </c>
      <c r="AT12" s="330">
        <v>1538334</v>
      </c>
      <c r="AU12" s="326">
        <v>103331</v>
      </c>
      <c r="AV12" s="327">
        <v>458647</v>
      </c>
      <c r="AW12" s="328">
        <v>561978</v>
      </c>
      <c r="AX12" s="326">
        <v>0</v>
      </c>
      <c r="AY12" s="327">
        <v>1170146</v>
      </c>
      <c r="AZ12" s="327">
        <v>2437348</v>
      </c>
      <c r="BA12" s="327">
        <v>1741615</v>
      </c>
      <c r="BB12" s="327">
        <v>1523177</v>
      </c>
      <c r="BC12" s="327">
        <v>1232344</v>
      </c>
      <c r="BD12" s="328">
        <v>8104630</v>
      </c>
      <c r="BE12" s="330">
        <v>8666608</v>
      </c>
      <c r="BF12" s="326">
        <v>0</v>
      </c>
      <c r="BG12" s="327">
        <v>76359</v>
      </c>
      <c r="BH12" s="331">
        <v>76359</v>
      </c>
      <c r="BI12" s="332">
        <v>0</v>
      </c>
      <c r="BJ12" s="327">
        <v>0</v>
      </c>
      <c r="BK12" s="327">
        <v>318166</v>
      </c>
      <c r="BL12" s="327">
        <v>14058</v>
      </c>
      <c r="BM12" s="327">
        <v>79475</v>
      </c>
      <c r="BN12" s="327">
        <v>107512</v>
      </c>
      <c r="BO12" s="328">
        <v>519211</v>
      </c>
      <c r="BP12" s="330">
        <v>595570</v>
      </c>
      <c r="BQ12" s="326">
        <v>127043</v>
      </c>
      <c r="BR12" s="327">
        <v>184464</v>
      </c>
      <c r="BS12" s="328">
        <v>311507</v>
      </c>
      <c r="BT12" s="326">
        <v>0</v>
      </c>
      <c r="BU12" s="327">
        <v>936047</v>
      </c>
      <c r="BV12" s="327">
        <v>1416485</v>
      </c>
      <c r="BW12" s="327">
        <v>1322643</v>
      </c>
      <c r="BX12" s="327">
        <v>1118950</v>
      </c>
      <c r="BY12" s="327">
        <v>991543</v>
      </c>
      <c r="BZ12" s="328">
        <v>5785668</v>
      </c>
      <c r="CA12" s="330">
        <v>6097175</v>
      </c>
      <c r="CB12" s="326">
        <v>105531</v>
      </c>
      <c r="CC12" s="327">
        <v>301549</v>
      </c>
      <c r="CD12" s="328">
        <v>407080</v>
      </c>
      <c r="CE12" s="326">
        <v>0</v>
      </c>
      <c r="CF12" s="327">
        <v>4141465</v>
      </c>
      <c r="CG12" s="327">
        <v>6783625</v>
      </c>
      <c r="CH12" s="327">
        <v>5905934</v>
      </c>
      <c r="CI12" s="327">
        <v>2749330</v>
      </c>
      <c r="CJ12" s="327">
        <v>1418219</v>
      </c>
      <c r="CK12" s="328">
        <v>20998573</v>
      </c>
      <c r="CL12" s="330">
        <v>21405653</v>
      </c>
      <c r="CM12" s="326">
        <v>0</v>
      </c>
      <c r="CN12" s="327">
        <v>0</v>
      </c>
      <c r="CO12" s="328">
        <v>0</v>
      </c>
      <c r="CP12" s="332">
        <v>0</v>
      </c>
      <c r="CQ12" s="327">
        <v>3915621</v>
      </c>
      <c r="CR12" s="327">
        <v>5940532</v>
      </c>
      <c r="CS12" s="327">
        <v>4827681</v>
      </c>
      <c r="CT12" s="327">
        <v>1872772</v>
      </c>
      <c r="CU12" s="327">
        <v>1192616</v>
      </c>
      <c r="CV12" s="328">
        <v>17749222</v>
      </c>
      <c r="CW12" s="330">
        <v>17749222</v>
      </c>
      <c r="CX12" s="326">
        <v>105531</v>
      </c>
      <c r="CY12" s="327">
        <v>301549</v>
      </c>
      <c r="CZ12" s="328">
        <v>407080</v>
      </c>
      <c r="DA12" s="326">
        <v>0</v>
      </c>
      <c r="DB12" s="327">
        <v>225844</v>
      </c>
      <c r="DC12" s="327">
        <v>843093</v>
      </c>
      <c r="DD12" s="327">
        <v>1078253</v>
      </c>
      <c r="DE12" s="327">
        <v>876558</v>
      </c>
      <c r="DF12" s="327">
        <v>225603</v>
      </c>
      <c r="DG12" s="328">
        <v>3249351</v>
      </c>
      <c r="DH12" s="330">
        <v>3656431</v>
      </c>
      <c r="DI12" s="326">
        <v>0</v>
      </c>
      <c r="DJ12" s="327">
        <v>0</v>
      </c>
      <c r="DK12" s="331">
        <v>0</v>
      </c>
      <c r="DL12" s="332">
        <v>0</v>
      </c>
      <c r="DM12" s="327">
        <v>293294</v>
      </c>
      <c r="DN12" s="327">
        <v>763342</v>
      </c>
      <c r="DO12" s="327">
        <v>1263324</v>
      </c>
      <c r="DP12" s="327">
        <v>1960953</v>
      </c>
      <c r="DQ12" s="327">
        <v>653526</v>
      </c>
      <c r="DR12" s="328">
        <v>4934439</v>
      </c>
      <c r="DS12" s="330">
        <v>4934439</v>
      </c>
      <c r="DT12" s="326">
        <v>0</v>
      </c>
      <c r="DU12" s="327">
        <v>0</v>
      </c>
      <c r="DV12" s="328">
        <v>0</v>
      </c>
      <c r="DW12" s="326">
        <v>0</v>
      </c>
      <c r="DX12" s="327">
        <v>211753</v>
      </c>
      <c r="DY12" s="327">
        <v>763342</v>
      </c>
      <c r="DZ12" s="327">
        <v>1263324</v>
      </c>
      <c r="EA12" s="327">
        <v>1960953</v>
      </c>
      <c r="EB12" s="327">
        <v>653526</v>
      </c>
      <c r="EC12" s="328">
        <v>4852898</v>
      </c>
      <c r="ED12" s="330">
        <v>4852898</v>
      </c>
      <c r="EE12" s="326">
        <v>0</v>
      </c>
      <c r="EF12" s="331">
        <v>0</v>
      </c>
      <c r="EG12" s="328">
        <v>0</v>
      </c>
      <c r="EH12" s="326">
        <v>0</v>
      </c>
      <c r="EI12" s="327">
        <v>81541</v>
      </c>
      <c r="EJ12" s="327">
        <v>0</v>
      </c>
      <c r="EK12" s="327">
        <v>0</v>
      </c>
      <c r="EL12" s="327">
        <v>0</v>
      </c>
      <c r="EM12" s="327">
        <v>0</v>
      </c>
      <c r="EN12" s="331">
        <v>81541</v>
      </c>
      <c r="EO12" s="330">
        <v>81541</v>
      </c>
      <c r="EP12" s="326">
        <v>0</v>
      </c>
      <c r="EQ12" s="327">
        <v>0</v>
      </c>
      <c r="ER12" s="331">
        <v>0</v>
      </c>
      <c r="ES12" s="332">
        <v>0</v>
      </c>
      <c r="ET12" s="327">
        <v>0</v>
      </c>
      <c r="EU12" s="327">
        <v>0</v>
      </c>
      <c r="EV12" s="327">
        <v>0</v>
      </c>
      <c r="EW12" s="327">
        <v>0</v>
      </c>
      <c r="EX12" s="327">
        <v>0</v>
      </c>
      <c r="EY12" s="328">
        <v>0</v>
      </c>
      <c r="EZ12" s="330">
        <v>0</v>
      </c>
      <c r="FA12" s="326">
        <v>0</v>
      </c>
      <c r="FB12" s="327">
        <v>0</v>
      </c>
      <c r="FC12" s="331">
        <v>0</v>
      </c>
      <c r="FD12" s="404">
        <v>0</v>
      </c>
      <c r="FE12" s="327">
        <v>0</v>
      </c>
      <c r="FF12" s="327">
        <v>0</v>
      </c>
      <c r="FG12" s="327">
        <v>0</v>
      </c>
      <c r="FH12" s="327">
        <v>0</v>
      </c>
      <c r="FI12" s="327">
        <v>0</v>
      </c>
      <c r="FJ12" s="328">
        <v>0</v>
      </c>
      <c r="FK12" s="330">
        <v>0</v>
      </c>
      <c r="FL12" s="326">
        <v>264551</v>
      </c>
      <c r="FM12" s="327">
        <v>744102</v>
      </c>
      <c r="FN12" s="328">
        <v>1008653</v>
      </c>
      <c r="FO12" s="326">
        <v>0</v>
      </c>
      <c r="FP12" s="327">
        <v>567182</v>
      </c>
      <c r="FQ12" s="327">
        <v>2484926</v>
      </c>
      <c r="FR12" s="327">
        <v>1703709</v>
      </c>
      <c r="FS12" s="327">
        <v>1313507</v>
      </c>
      <c r="FT12" s="327">
        <v>1301041</v>
      </c>
      <c r="FU12" s="328">
        <v>7370365</v>
      </c>
      <c r="FV12" s="330">
        <v>8379018</v>
      </c>
      <c r="FW12" s="333">
        <v>124551</v>
      </c>
      <c r="FX12" s="327">
        <v>576699</v>
      </c>
      <c r="FY12" s="331">
        <v>701250</v>
      </c>
      <c r="FZ12" s="332">
        <v>0</v>
      </c>
      <c r="GA12" s="327">
        <v>553952</v>
      </c>
      <c r="GB12" s="327">
        <v>2407475</v>
      </c>
      <c r="GC12" s="327">
        <v>1656949</v>
      </c>
      <c r="GD12" s="327">
        <v>1241995</v>
      </c>
      <c r="GE12" s="327">
        <v>1268470</v>
      </c>
      <c r="GF12" s="328">
        <v>7128841</v>
      </c>
      <c r="GG12" s="334">
        <v>7830091</v>
      </c>
      <c r="GH12" s="333">
        <v>0</v>
      </c>
      <c r="GI12" s="327">
        <v>29251</v>
      </c>
      <c r="GJ12" s="331">
        <v>29251</v>
      </c>
      <c r="GK12" s="332">
        <v>0</v>
      </c>
      <c r="GL12" s="327">
        <v>13230</v>
      </c>
      <c r="GM12" s="327">
        <v>77451</v>
      </c>
      <c r="GN12" s="327">
        <v>25060</v>
      </c>
      <c r="GO12" s="327">
        <v>71512</v>
      </c>
      <c r="GP12" s="327">
        <v>32571</v>
      </c>
      <c r="GQ12" s="328">
        <v>219824</v>
      </c>
      <c r="GR12" s="330">
        <v>249075</v>
      </c>
      <c r="GS12" s="326">
        <v>140000</v>
      </c>
      <c r="GT12" s="327">
        <v>138152</v>
      </c>
      <c r="GU12" s="328">
        <v>278152</v>
      </c>
      <c r="GV12" s="326">
        <v>0</v>
      </c>
      <c r="GW12" s="327">
        <v>0</v>
      </c>
      <c r="GX12" s="327">
        <v>0</v>
      </c>
      <c r="GY12" s="327">
        <v>21700</v>
      </c>
      <c r="GZ12" s="327">
        <v>0</v>
      </c>
      <c r="HA12" s="327">
        <v>0</v>
      </c>
      <c r="HB12" s="331">
        <v>21700</v>
      </c>
      <c r="HC12" s="330">
        <v>299852</v>
      </c>
      <c r="HD12" s="326">
        <v>572348</v>
      </c>
      <c r="HE12" s="327">
        <v>770170</v>
      </c>
      <c r="HF12" s="331">
        <v>1342518</v>
      </c>
      <c r="HG12" s="332">
        <v>0</v>
      </c>
      <c r="HH12" s="327">
        <v>4726541</v>
      </c>
      <c r="HI12" s="327">
        <v>6551983</v>
      </c>
      <c r="HJ12" s="327">
        <v>5080862</v>
      </c>
      <c r="HK12" s="327">
        <v>7279548</v>
      </c>
      <c r="HL12" s="327">
        <v>3498414</v>
      </c>
      <c r="HM12" s="328">
        <v>27137348</v>
      </c>
      <c r="HN12" s="329">
        <v>28479866</v>
      </c>
      <c r="HO12" s="333">
        <v>0</v>
      </c>
      <c r="HP12" s="327">
        <v>0</v>
      </c>
      <c r="HQ12" s="328">
        <v>0</v>
      </c>
      <c r="HR12" s="326">
        <v>0</v>
      </c>
      <c r="HS12" s="327">
        <v>0</v>
      </c>
      <c r="HT12" s="327">
        <v>0</v>
      </c>
      <c r="HU12" s="327">
        <v>0</v>
      </c>
      <c r="HV12" s="327">
        <v>0</v>
      </c>
      <c r="HW12" s="327">
        <v>0</v>
      </c>
      <c r="HX12" s="331">
        <v>0</v>
      </c>
      <c r="HY12" s="330">
        <v>0</v>
      </c>
      <c r="HZ12" s="335">
        <v>69611</v>
      </c>
      <c r="IA12" s="336">
        <v>0</v>
      </c>
      <c r="IB12" s="337">
        <v>69611</v>
      </c>
      <c r="IC12" s="355">
        <v>0</v>
      </c>
      <c r="ID12" s="356">
        <v>3516247</v>
      </c>
      <c r="IE12" s="357">
        <v>5000706</v>
      </c>
      <c r="IF12" s="358">
        <v>5705354</v>
      </c>
      <c r="IG12" s="356">
        <v>3017403</v>
      </c>
      <c r="IH12" s="358">
        <v>3035554</v>
      </c>
      <c r="II12" s="359">
        <v>20275264</v>
      </c>
      <c r="IJ12" s="341">
        <v>20344875</v>
      </c>
      <c r="IK12" s="342">
        <v>0</v>
      </c>
      <c r="IL12" s="343">
        <v>0</v>
      </c>
      <c r="IM12" s="344">
        <v>0</v>
      </c>
      <c r="IN12" s="404">
        <v>0</v>
      </c>
      <c r="IO12" s="345">
        <v>0</v>
      </c>
      <c r="IP12" s="345">
        <v>206660</v>
      </c>
      <c r="IQ12" s="345">
        <v>137032</v>
      </c>
      <c r="IR12" s="345">
        <v>0</v>
      </c>
      <c r="IS12" s="345">
        <v>239451</v>
      </c>
      <c r="IT12" s="346">
        <v>583143</v>
      </c>
      <c r="IU12" s="347">
        <v>583143</v>
      </c>
      <c r="IV12" s="348">
        <v>0</v>
      </c>
      <c r="IW12" s="345">
        <v>0</v>
      </c>
      <c r="IX12" s="349">
        <v>0</v>
      </c>
      <c r="IY12" s="404">
        <v>0</v>
      </c>
      <c r="IZ12" s="345">
        <v>0</v>
      </c>
      <c r="JA12" s="345">
        <v>0</v>
      </c>
      <c r="JB12" s="345">
        <v>0</v>
      </c>
      <c r="JC12" s="345">
        <v>0</v>
      </c>
      <c r="JD12" s="345">
        <v>0</v>
      </c>
      <c r="JE12" s="349">
        <v>0</v>
      </c>
      <c r="JF12" s="350">
        <v>0</v>
      </c>
      <c r="JG12" s="348">
        <v>0</v>
      </c>
      <c r="JH12" s="345">
        <v>0</v>
      </c>
      <c r="JI12" s="346">
        <v>0</v>
      </c>
      <c r="JJ12" s="351">
        <v>0</v>
      </c>
      <c r="JK12" s="345">
        <v>1553879</v>
      </c>
      <c r="JL12" s="345">
        <v>1904640</v>
      </c>
      <c r="JM12" s="345">
        <v>1536657</v>
      </c>
      <c r="JN12" s="345">
        <v>210210</v>
      </c>
      <c r="JO12" s="345">
        <v>917920</v>
      </c>
      <c r="JP12" s="349">
        <v>6123306</v>
      </c>
      <c r="JQ12" s="347">
        <v>6123306</v>
      </c>
      <c r="JR12" s="348">
        <v>0</v>
      </c>
      <c r="JS12" s="345">
        <v>0</v>
      </c>
      <c r="JT12" s="346">
        <v>0</v>
      </c>
      <c r="JU12" s="351">
        <v>0</v>
      </c>
      <c r="JV12" s="345">
        <v>0</v>
      </c>
      <c r="JW12" s="345">
        <v>178885</v>
      </c>
      <c r="JX12" s="345">
        <v>0</v>
      </c>
      <c r="JY12" s="345">
        <v>161901</v>
      </c>
      <c r="JZ12" s="345">
        <v>0</v>
      </c>
      <c r="KA12" s="349">
        <v>340786</v>
      </c>
      <c r="KB12" s="347">
        <v>340786</v>
      </c>
      <c r="KC12" s="352">
        <v>69611</v>
      </c>
      <c r="KD12" s="353">
        <v>0</v>
      </c>
      <c r="KE12" s="349">
        <v>69611</v>
      </c>
      <c r="KF12" s="351">
        <v>0</v>
      </c>
      <c r="KG12" s="345">
        <v>350965</v>
      </c>
      <c r="KH12" s="345">
        <v>991994</v>
      </c>
      <c r="KI12" s="345">
        <v>1413231</v>
      </c>
      <c r="KJ12" s="345">
        <v>97386</v>
      </c>
      <c r="KK12" s="345">
        <v>259527</v>
      </c>
      <c r="KL12" s="349">
        <v>3113103</v>
      </c>
      <c r="KM12" s="354">
        <v>3182714</v>
      </c>
      <c r="KN12" s="342">
        <v>0</v>
      </c>
      <c r="KO12" s="343">
        <v>0</v>
      </c>
      <c r="KP12" s="344">
        <v>0</v>
      </c>
      <c r="KQ12" s="404">
        <v>0</v>
      </c>
      <c r="KR12" s="345">
        <v>1351495</v>
      </c>
      <c r="KS12" s="345">
        <v>1356256</v>
      </c>
      <c r="KT12" s="345">
        <v>2618434</v>
      </c>
      <c r="KU12" s="345">
        <v>928200</v>
      </c>
      <c r="KV12" s="345">
        <v>1424944</v>
      </c>
      <c r="KW12" s="349">
        <v>7679329</v>
      </c>
      <c r="KX12" s="347">
        <v>7679329</v>
      </c>
      <c r="KY12" s="348">
        <v>0</v>
      </c>
      <c r="KZ12" s="345">
        <v>0</v>
      </c>
      <c r="LA12" s="349">
        <v>0</v>
      </c>
      <c r="LB12" s="404">
        <v>0</v>
      </c>
      <c r="LC12" s="345">
        <v>0</v>
      </c>
      <c r="LD12" s="345">
        <v>0</v>
      </c>
      <c r="LE12" s="345">
        <v>0</v>
      </c>
      <c r="LF12" s="345">
        <v>0</v>
      </c>
      <c r="LG12" s="345">
        <v>0</v>
      </c>
      <c r="LH12" s="349">
        <v>0</v>
      </c>
      <c r="LI12" s="350">
        <v>0</v>
      </c>
      <c r="LJ12" s="348">
        <v>0</v>
      </c>
      <c r="LK12" s="345">
        <v>0</v>
      </c>
      <c r="LL12" s="349">
        <v>0</v>
      </c>
      <c r="LM12" s="404">
        <v>0</v>
      </c>
      <c r="LN12" s="345">
        <v>0</v>
      </c>
      <c r="LO12" s="345">
        <v>0</v>
      </c>
      <c r="LP12" s="345">
        <v>0</v>
      </c>
      <c r="LQ12" s="345">
        <v>958195</v>
      </c>
      <c r="LR12" s="345">
        <v>0</v>
      </c>
      <c r="LS12" s="349">
        <v>958195</v>
      </c>
      <c r="LT12" s="347">
        <v>958195</v>
      </c>
      <c r="LU12" s="348">
        <v>0</v>
      </c>
      <c r="LV12" s="345">
        <v>0</v>
      </c>
      <c r="LW12" s="349">
        <v>0</v>
      </c>
      <c r="LX12" s="404">
        <v>0</v>
      </c>
      <c r="LY12" s="345">
        <v>259908</v>
      </c>
      <c r="LZ12" s="345">
        <v>362271</v>
      </c>
      <c r="MA12" s="345">
        <v>0</v>
      </c>
      <c r="MB12" s="345">
        <v>661511</v>
      </c>
      <c r="MC12" s="345">
        <v>193712</v>
      </c>
      <c r="MD12" s="349">
        <v>1477402</v>
      </c>
      <c r="ME12" s="350">
        <v>1477402</v>
      </c>
      <c r="MF12" s="348">
        <v>0</v>
      </c>
      <c r="MG12" s="345">
        <v>0</v>
      </c>
      <c r="MH12" s="349">
        <v>0</v>
      </c>
      <c r="MI12" s="404">
        <v>0</v>
      </c>
      <c r="MJ12" s="345">
        <v>703076</v>
      </c>
      <c r="MK12" s="345">
        <v>1779566</v>
      </c>
      <c r="ML12" s="345">
        <v>8252858</v>
      </c>
      <c r="MM12" s="345">
        <v>16343377</v>
      </c>
      <c r="MN12" s="345">
        <v>7859622</v>
      </c>
      <c r="MO12" s="349">
        <v>34938499</v>
      </c>
      <c r="MP12" s="354">
        <v>34938499</v>
      </c>
      <c r="MQ12" s="348">
        <v>0</v>
      </c>
      <c r="MR12" s="345">
        <v>0</v>
      </c>
      <c r="MS12" s="349">
        <v>0</v>
      </c>
      <c r="MT12" s="404">
        <v>0</v>
      </c>
      <c r="MU12" s="345">
        <v>0</v>
      </c>
      <c r="MV12" s="345">
        <v>0</v>
      </c>
      <c r="MW12" s="345">
        <v>6684523</v>
      </c>
      <c r="MX12" s="345">
        <v>11309719</v>
      </c>
      <c r="MY12" s="345">
        <v>4214848</v>
      </c>
      <c r="MZ12" s="349">
        <v>22209090</v>
      </c>
      <c r="NA12" s="354">
        <v>22209090</v>
      </c>
      <c r="NB12" s="348">
        <v>0</v>
      </c>
      <c r="NC12" s="345">
        <v>0</v>
      </c>
      <c r="ND12" s="349">
        <v>0</v>
      </c>
      <c r="NE12" s="404">
        <v>0</v>
      </c>
      <c r="NF12" s="345">
        <v>703076</v>
      </c>
      <c r="NG12" s="345">
        <v>1779566</v>
      </c>
      <c r="NH12" s="345">
        <v>1568335</v>
      </c>
      <c r="NI12" s="345">
        <v>4638749</v>
      </c>
      <c r="NJ12" s="345">
        <v>2256013</v>
      </c>
      <c r="NK12" s="349">
        <v>10945739</v>
      </c>
      <c r="NL12" s="347">
        <v>10945739</v>
      </c>
      <c r="NM12" s="348">
        <v>0</v>
      </c>
      <c r="NN12" s="345">
        <v>0</v>
      </c>
      <c r="NO12" s="349">
        <v>0</v>
      </c>
      <c r="NP12" s="404">
        <v>0</v>
      </c>
      <c r="NQ12" s="345">
        <v>0</v>
      </c>
      <c r="NR12" s="345">
        <v>0</v>
      </c>
      <c r="NS12" s="345">
        <v>0</v>
      </c>
      <c r="NT12" s="345">
        <v>0</v>
      </c>
      <c r="NU12" s="345">
        <v>0</v>
      </c>
      <c r="NV12" s="349">
        <v>0</v>
      </c>
      <c r="NW12" s="350">
        <v>0</v>
      </c>
      <c r="NX12" s="348">
        <v>0</v>
      </c>
      <c r="NY12" s="345">
        <v>0</v>
      </c>
      <c r="NZ12" s="349">
        <v>0</v>
      </c>
      <c r="OA12" s="404">
        <v>0</v>
      </c>
      <c r="OB12" s="345">
        <v>0</v>
      </c>
      <c r="OC12" s="345">
        <v>0</v>
      </c>
      <c r="OD12" s="345">
        <v>0</v>
      </c>
      <c r="OE12" s="345">
        <v>394909</v>
      </c>
      <c r="OF12" s="345">
        <v>1388761</v>
      </c>
      <c r="OG12" s="349">
        <v>1783670</v>
      </c>
      <c r="OH12" s="350">
        <v>1783670</v>
      </c>
      <c r="OI12" s="348">
        <v>1242415</v>
      </c>
      <c r="OJ12" s="345">
        <v>2535291</v>
      </c>
      <c r="OK12" s="346">
        <v>3777706</v>
      </c>
      <c r="OL12" s="351">
        <v>0</v>
      </c>
      <c r="OM12" s="345">
        <v>17331273</v>
      </c>
      <c r="ON12" s="345">
        <v>32106510</v>
      </c>
      <c r="OO12" s="345">
        <v>34987489</v>
      </c>
      <c r="OP12" s="345">
        <v>39227557</v>
      </c>
      <c r="OQ12" s="345">
        <v>25386452</v>
      </c>
      <c r="OR12" s="349">
        <v>149039281</v>
      </c>
      <c r="OS12" s="354">
        <v>152816987</v>
      </c>
    </row>
    <row r="13" spans="2:409" s="70" customFormat="1" ht="21" customHeight="1" x14ac:dyDescent="0.2">
      <c r="B13" s="106" t="s">
        <v>7</v>
      </c>
      <c r="C13" s="326">
        <v>1166970</v>
      </c>
      <c r="D13" s="327">
        <v>1001993</v>
      </c>
      <c r="E13" s="328">
        <v>2168963</v>
      </c>
      <c r="F13" s="329">
        <v>0</v>
      </c>
      <c r="G13" s="327">
        <v>13640422</v>
      </c>
      <c r="H13" s="327">
        <v>9838390</v>
      </c>
      <c r="I13" s="327">
        <v>9960934</v>
      </c>
      <c r="J13" s="327">
        <v>12563828</v>
      </c>
      <c r="K13" s="327">
        <v>4723324</v>
      </c>
      <c r="L13" s="329">
        <v>50726898</v>
      </c>
      <c r="M13" s="330">
        <v>52895861</v>
      </c>
      <c r="N13" s="326">
        <v>215177</v>
      </c>
      <c r="O13" s="327">
        <v>247796</v>
      </c>
      <c r="P13" s="328">
        <v>462973</v>
      </c>
      <c r="Q13" s="326">
        <v>0</v>
      </c>
      <c r="R13" s="327">
        <v>4174247</v>
      </c>
      <c r="S13" s="327">
        <v>2707055</v>
      </c>
      <c r="T13" s="327">
        <v>4228378</v>
      </c>
      <c r="U13" s="327">
        <v>5155524</v>
      </c>
      <c r="V13" s="327">
        <v>2051496</v>
      </c>
      <c r="W13" s="328">
        <v>18316700</v>
      </c>
      <c r="X13" s="330">
        <v>18779673</v>
      </c>
      <c r="Y13" s="326">
        <v>0</v>
      </c>
      <c r="Z13" s="327">
        <v>0</v>
      </c>
      <c r="AA13" s="328">
        <v>0</v>
      </c>
      <c r="AB13" s="326">
        <v>0</v>
      </c>
      <c r="AC13" s="327">
        <v>1872879</v>
      </c>
      <c r="AD13" s="327">
        <v>964978</v>
      </c>
      <c r="AE13" s="327">
        <v>2633566</v>
      </c>
      <c r="AF13" s="327">
        <v>2786488</v>
      </c>
      <c r="AG13" s="327">
        <v>873202</v>
      </c>
      <c r="AH13" s="328">
        <v>9131113</v>
      </c>
      <c r="AI13" s="330">
        <v>9131113</v>
      </c>
      <c r="AJ13" s="326">
        <v>0</v>
      </c>
      <c r="AK13" s="327">
        <v>0</v>
      </c>
      <c r="AL13" s="328">
        <v>0</v>
      </c>
      <c r="AM13" s="326">
        <v>0</v>
      </c>
      <c r="AN13" s="327">
        <v>0</v>
      </c>
      <c r="AO13" s="327">
        <v>0</v>
      </c>
      <c r="AP13" s="327">
        <v>135118</v>
      </c>
      <c r="AQ13" s="327">
        <v>407859</v>
      </c>
      <c r="AR13" s="327">
        <v>404588</v>
      </c>
      <c r="AS13" s="328">
        <v>947565</v>
      </c>
      <c r="AT13" s="330">
        <v>947565</v>
      </c>
      <c r="AU13" s="326">
        <v>0</v>
      </c>
      <c r="AV13" s="327">
        <v>94234</v>
      </c>
      <c r="AW13" s="328">
        <v>94234</v>
      </c>
      <c r="AX13" s="326">
        <v>0</v>
      </c>
      <c r="AY13" s="327">
        <v>1175538</v>
      </c>
      <c r="AZ13" s="327">
        <v>1108751</v>
      </c>
      <c r="BA13" s="327">
        <v>751412</v>
      </c>
      <c r="BB13" s="327">
        <v>1192384</v>
      </c>
      <c r="BC13" s="327">
        <v>565288</v>
      </c>
      <c r="BD13" s="328">
        <v>4793373</v>
      </c>
      <c r="BE13" s="330">
        <v>4887607</v>
      </c>
      <c r="BF13" s="326">
        <v>22684</v>
      </c>
      <c r="BG13" s="327">
        <v>18147</v>
      </c>
      <c r="BH13" s="331">
        <v>40831</v>
      </c>
      <c r="BI13" s="332">
        <v>0</v>
      </c>
      <c r="BJ13" s="327">
        <v>175580</v>
      </c>
      <c r="BK13" s="327">
        <v>83602</v>
      </c>
      <c r="BL13" s="327">
        <v>88446</v>
      </c>
      <c r="BM13" s="327">
        <v>111122</v>
      </c>
      <c r="BN13" s="327">
        <v>0</v>
      </c>
      <c r="BO13" s="328">
        <v>458750</v>
      </c>
      <c r="BP13" s="330">
        <v>499581</v>
      </c>
      <c r="BQ13" s="326">
        <v>192493</v>
      </c>
      <c r="BR13" s="327">
        <v>135415</v>
      </c>
      <c r="BS13" s="328">
        <v>327908</v>
      </c>
      <c r="BT13" s="326">
        <v>0</v>
      </c>
      <c r="BU13" s="327">
        <v>950250</v>
      </c>
      <c r="BV13" s="327">
        <v>549724</v>
      </c>
      <c r="BW13" s="327">
        <v>619836</v>
      </c>
      <c r="BX13" s="327">
        <v>657671</v>
      </c>
      <c r="BY13" s="327">
        <v>208418</v>
      </c>
      <c r="BZ13" s="328">
        <v>2985899</v>
      </c>
      <c r="CA13" s="330">
        <v>3313807</v>
      </c>
      <c r="CB13" s="326">
        <v>0</v>
      </c>
      <c r="CC13" s="327">
        <v>70506</v>
      </c>
      <c r="CD13" s="328">
        <v>70506</v>
      </c>
      <c r="CE13" s="326">
        <v>0</v>
      </c>
      <c r="CF13" s="327">
        <v>3391715</v>
      </c>
      <c r="CG13" s="327">
        <v>2601762</v>
      </c>
      <c r="CH13" s="327">
        <v>1280906</v>
      </c>
      <c r="CI13" s="327">
        <v>1106272</v>
      </c>
      <c r="CJ13" s="327">
        <v>191237</v>
      </c>
      <c r="CK13" s="328">
        <v>8571892</v>
      </c>
      <c r="CL13" s="330">
        <v>8642398</v>
      </c>
      <c r="CM13" s="326">
        <v>0</v>
      </c>
      <c r="CN13" s="327">
        <v>0</v>
      </c>
      <c r="CO13" s="328">
        <v>0</v>
      </c>
      <c r="CP13" s="332">
        <v>0</v>
      </c>
      <c r="CQ13" s="327">
        <v>2971399</v>
      </c>
      <c r="CR13" s="327">
        <v>1920474</v>
      </c>
      <c r="CS13" s="327">
        <v>881022</v>
      </c>
      <c r="CT13" s="327">
        <v>543476</v>
      </c>
      <c r="CU13" s="327">
        <v>191237</v>
      </c>
      <c r="CV13" s="328">
        <v>6507608</v>
      </c>
      <c r="CW13" s="330">
        <v>6507608</v>
      </c>
      <c r="CX13" s="326">
        <v>0</v>
      </c>
      <c r="CY13" s="327">
        <v>70506</v>
      </c>
      <c r="CZ13" s="328">
        <v>70506</v>
      </c>
      <c r="DA13" s="326">
        <v>0</v>
      </c>
      <c r="DB13" s="327">
        <v>420316</v>
      </c>
      <c r="DC13" s="327">
        <v>681288</v>
      </c>
      <c r="DD13" s="327">
        <v>399884</v>
      </c>
      <c r="DE13" s="327">
        <v>562796</v>
      </c>
      <c r="DF13" s="327">
        <v>0</v>
      </c>
      <c r="DG13" s="328">
        <v>2064284</v>
      </c>
      <c r="DH13" s="330">
        <v>2134790</v>
      </c>
      <c r="DI13" s="326">
        <v>0</v>
      </c>
      <c r="DJ13" s="327">
        <v>0</v>
      </c>
      <c r="DK13" s="331">
        <v>0</v>
      </c>
      <c r="DL13" s="332">
        <v>0</v>
      </c>
      <c r="DM13" s="327">
        <v>483595</v>
      </c>
      <c r="DN13" s="327">
        <v>304107</v>
      </c>
      <c r="DO13" s="327">
        <v>556673</v>
      </c>
      <c r="DP13" s="327">
        <v>807642</v>
      </c>
      <c r="DQ13" s="327">
        <v>422428</v>
      </c>
      <c r="DR13" s="328">
        <v>2574445</v>
      </c>
      <c r="DS13" s="330">
        <v>2574445</v>
      </c>
      <c r="DT13" s="326">
        <v>0</v>
      </c>
      <c r="DU13" s="327">
        <v>0</v>
      </c>
      <c r="DV13" s="328">
        <v>0</v>
      </c>
      <c r="DW13" s="326">
        <v>0</v>
      </c>
      <c r="DX13" s="327">
        <v>483595</v>
      </c>
      <c r="DY13" s="327">
        <v>304107</v>
      </c>
      <c r="DZ13" s="327">
        <v>462266</v>
      </c>
      <c r="EA13" s="327">
        <v>778293</v>
      </c>
      <c r="EB13" s="327">
        <v>422428</v>
      </c>
      <c r="EC13" s="328">
        <v>2450689</v>
      </c>
      <c r="ED13" s="330">
        <v>2450689</v>
      </c>
      <c r="EE13" s="326">
        <v>0</v>
      </c>
      <c r="EF13" s="331">
        <v>0</v>
      </c>
      <c r="EG13" s="328">
        <v>0</v>
      </c>
      <c r="EH13" s="326">
        <v>0</v>
      </c>
      <c r="EI13" s="327">
        <v>0</v>
      </c>
      <c r="EJ13" s="327">
        <v>0</v>
      </c>
      <c r="EK13" s="327">
        <v>94407</v>
      </c>
      <c r="EL13" s="327">
        <v>29349</v>
      </c>
      <c r="EM13" s="327">
        <v>0</v>
      </c>
      <c r="EN13" s="331">
        <v>123756</v>
      </c>
      <c r="EO13" s="330">
        <v>123756</v>
      </c>
      <c r="EP13" s="326">
        <v>0</v>
      </c>
      <c r="EQ13" s="327">
        <v>0</v>
      </c>
      <c r="ER13" s="331">
        <v>0</v>
      </c>
      <c r="ES13" s="332">
        <v>0</v>
      </c>
      <c r="ET13" s="327">
        <v>0</v>
      </c>
      <c r="EU13" s="327">
        <v>0</v>
      </c>
      <c r="EV13" s="327">
        <v>0</v>
      </c>
      <c r="EW13" s="327">
        <v>0</v>
      </c>
      <c r="EX13" s="327">
        <v>0</v>
      </c>
      <c r="EY13" s="328">
        <v>0</v>
      </c>
      <c r="EZ13" s="330">
        <v>0</v>
      </c>
      <c r="FA13" s="326">
        <v>0</v>
      </c>
      <c r="FB13" s="327">
        <v>0</v>
      </c>
      <c r="FC13" s="331">
        <v>0</v>
      </c>
      <c r="FD13" s="404">
        <v>0</v>
      </c>
      <c r="FE13" s="327">
        <v>0</v>
      </c>
      <c r="FF13" s="327">
        <v>0</v>
      </c>
      <c r="FG13" s="327">
        <v>0</v>
      </c>
      <c r="FH13" s="327">
        <v>0</v>
      </c>
      <c r="FI13" s="327">
        <v>0</v>
      </c>
      <c r="FJ13" s="328">
        <v>0</v>
      </c>
      <c r="FK13" s="330">
        <v>0</v>
      </c>
      <c r="FL13" s="326">
        <v>120148</v>
      </c>
      <c r="FM13" s="327">
        <v>197263</v>
      </c>
      <c r="FN13" s="328">
        <v>317411</v>
      </c>
      <c r="FO13" s="326">
        <v>0</v>
      </c>
      <c r="FP13" s="327">
        <v>900176</v>
      </c>
      <c r="FQ13" s="327">
        <v>1023969</v>
      </c>
      <c r="FR13" s="327">
        <v>792269</v>
      </c>
      <c r="FS13" s="327">
        <v>790529</v>
      </c>
      <c r="FT13" s="327">
        <v>307898</v>
      </c>
      <c r="FU13" s="328">
        <v>3814841</v>
      </c>
      <c r="FV13" s="330">
        <v>4132252</v>
      </c>
      <c r="FW13" s="333">
        <v>120148</v>
      </c>
      <c r="FX13" s="327">
        <v>48244</v>
      </c>
      <c r="FY13" s="331">
        <v>168392</v>
      </c>
      <c r="FZ13" s="332">
        <v>0</v>
      </c>
      <c r="GA13" s="327">
        <v>491309</v>
      </c>
      <c r="GB13" s="327">
        <v>876589</v>
      </c>
      <c r="GC13" s="327">
        <v>684362</v>
      </c>
      <c r="GD13" s="327">
        <v>723625</v>
      </c>
      <c r="GE13" s="327">
        <v>235837</v>
      </c>
      <c r="GF13" s="328">
        <v>3011722</v>
      </c>
      <c r="GG13" s="334">
        <v>3180114</v>
      </c>
      <c r="GH13" s="333">
        <v>0</v>
      </c>
      <c r="GI13" s="327">
        <v>0</v>
      </c>
      <c r="GJ13" s="331">
        <v>0</v>
      </c>
      <c r="GK13" s="332">
        <v>0</v>
      </c>
      <c r="GL13" s="327">
        <v>56347</v>
      </c>
      <c r="GM13" s="327">
        <v>34680</v>
      </c>
      <c r="GN13" s="327">
        <v>0</v>
      </c>
      <c r="GO13" s="327">
        <v>66904</v>
      </c>
      <c r="GP13" s="327">
        <v>53861</v>
      </c>
      <c r="GQ13" s="328">
        <v>211792</v>
      </c>
      <c r="GR13" s="330">
        <v>211792</v>
      </c>
      <c r="GS13" s="326">
        <v>0</v>
      </c>
      <c r="GT13" s="327">
        <v>149019</v>
      </c>
      <c r="GU13" s="328">
        <v>149019</v>
      </c>
      <c r="GV13" s="326">
        <v>0</v>
      </c>
      <c r="GW13" s="327">
        <v>352520</v>
      </c>
      <c r="GX13" s="327">
        <v>112700</v>
      </c>
      <c r="GY13" s="327">
        <v>107907</v>
      </c>
      <c r="GZ13" s="327">
        <v>0</v>
      </c>
      <c r="HA13" s="327">
        <v>18200</v>
      </c>
      <c r="HB13" s="331">
        <v>591327</v>
      </c>
      <c r="HC13" s="330">
        <v>740346</v>
      </c>
      <c r="HD13" s="326">
        <v>831645</v>
      </c>
      <c r="HE13" s="327">
        <v>486428</v>
      </c>
      <c r="HF13" s="331">
        <v>1318073</v>
      </c>
      <c r="HG13" s="332">
        <v>0</v>
      </c>
      <c r="HH13" s="327">
        <v>4690689</v>
      </c>
      <c r="HI13" s="327">
        <v>3201497</v>
      </c>
      <c r="HJ13" s="327">
        <v>3102708</v>
      </c>
      <c r="HK13" s="327">
        <v>4703861</v>
      </c>
      <c r="HL13" s="327">
        <v>1750265</v>
      </c>
      <c r="HM13" s="328">
        <v>17449020</v>
      </c>
      <c r="HN13" s="329">
        <v>18767093</v>
      </c>
      <c r="HO13" s="333">
        <v>0</v>
      </c>
      <c r="HP13" s="327">
        <v>0</v>
      </c>
      <c r="HQ13" s="328">
        <v>0</v>
      </c>
      <c r="HR13" s="326">
        <v>0</v>
      </c>
      <c r="HS13" s="327">
        <v>0</v>
      </c>
      <c r="HT13" s="327">
        <v>0</v>
      </c>
      <c r="HU13" s="327">
        <v>0</v>
      </c>
      <c r="HV13" s="327">
        <v>0</v>
      </c>
      <c r="HW13" s="327">
        <v>0</v>
      </c>
      <c r="HX13" s="331">
        <v>0</v>
      </c>
      <c r="HY13" s="330">
        <v>0</v>
      </c>
      <c r="HZ13" s="335">
        <v>0</v>
      </c>
      <c r="IA13" s="336">
        <v>0</v>
      </c>
      <c r="IB13" s="337">
        <v>0</v>
      </c>
      <c r="IC13" s="338">
        <v>0</v>
      </c>
      <c r="ID13" s="336">
        <v>2700225</v>
      </c>
      <c r="IE13" s="339">
        <v>1969813</v>
      </c>
      <c r="IF13" s="337">
        <v>2174483</v>
      </c>
      <c r="IG13" s="336">
        <v>1117192</v>
      </c>
      <c r="IH13" s="337">
        <v>748140</v>
      </c>
      <c r="II13" s="340">
        <v>8709853</v>
      </c>
      <c r="IJ13" s="341">
        <v>8709853</v>
      </c>
      <c r="IK13" s="342">
        <v>0</v>
      </c>
      <c r="IL13" s="343">
        <v>0</v>
      </c>
      <c r="IM13" s="344">
        <v>0</v>
      </c>
      <c r="IN13" s="404">
        <v>0</v>
      </c>
      <c r="IO13" s="345">
        <v>0</v>
      </c>
      <c r="IP13" s="345">
        <v>133632</v>
      </c>
      <c r="IQ13" s="345">
        <v>0</v>
      </c>
      <c r="IR13" s="345">
        <v>0</v>
      </c>
      <c r="IS13" s="345">
        <v>0</v>
      </c>
      <c r="IT13" s="346">
        <v>133632</v>
      </c>
      <c r="IU13" s="347">
        <v>133632</v>
      </c>
      <c r="IV13" s="348">
        <v>0</v>
      </c>
      <c r="IW13" s="345">
        <v>0</v>
      </c>
      <c r="IX13" s="349">
        <v>0</v>
      </c>
      <c r="IY13" s="404">
        <v>0</v>
      </c>
      <c r="IZ13" s="345">
        <v>0</v>
      </c>
      <c r="JA13" s="345">
        <v>0</v>
      </c>
      <c r="JB13" s="345">
        <v>0</v>
      </c>
      <c r="JC13" s="345">
        <v>0</v>
      </c>
      <c r="JD13" s="345">
        <v>0</v>
      </c>
      <c r="JE13" s="349">
        <v>0</v>
      </c>
      <c r="JF13" s="350">
        <v>0</v>
      </c>
      <c r="JG13" s="348">
        <v>0</v>
      </c>
      <c r="JH13" s="345">
        <v>0</v>
      </c>
      <c r="JI13" s="346">
        <v>0</v>
      </c>
      <c r="JJ13" s="351">
        <v>0</v>
      </c>
      <c r="JK13" s="345">
        <v>1569887</v>
      </c>
      <c r="JL13" s="345">
        <v>698316</v>
      </c>
      <c r="JM13" s="345">
        <v>580183</v>
      </c>
      <c r="JN13" s="345">
        <v>332442</v>
      </c>
      <c r="JO13" s="345">
        <v>32617</v>
      </c>
      <c r="JP13" s="349">
        <v>3213445</v>
      </c>
      <c r="JQ13" s="347">
        <v>3213445</v>
      </c>
      <c r="JR13" s="348">
        <v>0</v>
      </c>
      <c r="JS13" s="345">
        <v>0</v>
      </c>
      <c r="JT13" s="346">
        <v>0</v>
      </c>
      <c r="JU13" s="351">
        <v>0</v>
      </c>
      <c r="JV13" s="345">
        <v>153894</v>
      </c>
      <c r="JW13" s="345">
        <v>76535</v>
      </c>
      <c r="JX13" s="345">
        <v>470334</v>
      </c>
      <c r="JY13" s="345">
        <v>73373</v>
      </c>
      <c r="JZ13" s="345">
        <v>0</v>
      </c>
      <c r="KA13" s="349">
        <v>774136</v>
      </c>
      <c r="KB13" s="347">
        <v>774136</v>
      </c>
      <c r="KC13" s="352">
        <v>0</v>
      </c>
      <c r="KD13" s="353">
        <v>0</v>
      </c>
      <c r="KE13" s="349">
        <v>0</v>
      </c>
      <c r="KF13" s="351">
        <v>0</v>
      </c>
      <c r="KG13" s="345">
        <v>205538</v>
      </c>
      <c r="KH13" s="345">
        <v>141695</v>
      </c>
      <c r="KI13" s="345">
        <v>189198</v>
      </c>
      <c r="KJ13" s="345">
        <v>0</v>
      </c>
      <c r="KK13" s="345">
        <v>0</v>
      </c>
      <c r="KL13" s="349">
        <v>536431</v>
      </c>
      <c r="KM13" s="354">
        <v>536431</v>
      </c>
      <c r="KN13" s="342">
        <v>0</v>
      </c>
      <c r="KO13" s="343">
        <v>0</v>
      </c>
      <c r="KP13" s="344">
        <v>0</v>
      </c>
      <c r="KQ13" s="404">
        <v>0</v>
      </c>
      <c r="KR13" s="345">
        <v>647247</v>
      </c>
      <c r="KS13" s="345">
        <v>919635</v>
      </c>
      <c r="KT13" s="345">
        <v>934768</v>
      </c>
      <c r="KU13" s="345">
        <v>711377</v>
      </c>
      <c r="KV13" s="345">
        <v>715523</v>
      </c>
      <c r="KW13" s="349">
        <v>3928550</v>
      </c>
      <c r="KX13" s="347">
        <v>3928550</v>
      </c>
      <c r="KY13" s="348">
        <v>0</v>
      </c>
      <c r="KZ13" s="345">
        <v>0</v>
      </c>
      <c r="LA13" s="349">
        <v>0</v>
      </c>
      <c r="LB13" s="404">
        <v>0</v>
      </c>
      <c r="LC13" s="345">
        <v>0</v>
      </c>
      <c r="LD13" s="345">
        <v>0</v>
      </c>
      <c r="LE13" s="345">
        <v>0</v>
      </c>
      <c r="LF13" s="345">
        <v>0</v>
      </c>
      <c r="LG13" s="345">
        <v>0</v>
      </c>
      <c r="LH13" s="349">
        <v>0</v>
      </c>
      <c r="LI13" s="350">
        <v>0</v>
      </c>
      <c r="LJ13" s="348">
        <v>0</v>
      </c>
      <c r="LK13" s="345">
        <v>0</v>
      </c>
      <c r="LL13" s="349">
        <v>0</v>
      </c>
      <c r="LM13" s="404">
        <v>0</v>
      </c>
      <c r="LN13" s="345">
        <v>0</v>
      </c>
      <c r="LO13" s="345">
        <v>0</v>
      </c>
      <c r="LP13" s="345">
        <v>0</v>
      </c>
      <c r="LQ13" s="345">
        <v>0</v>
      </c>
      <c r="LR13" s="345">
        <v>0</v>
      </c>
      <c r="LS13" s="349">
        <v>0</v>
      </c>
      <c r="LT13" s="347">
        <v>0</v>
      </c>
      <c r="LU13" s="348">
        <v>0</v>
      </c>
      <c r="LV13" s="345">
        <v>0</v>
      </c>
      <c r="LW13" s="349">
        <v>0</v>
      </c>
      <c r="LX13" s="404">
        <v>0</v>
      </c>
      <c r="LY13" s="345">
        <v>123659</v>
      </c>
      <c r="LZ13" s="345">
        <v>0</v>
      </c>
      <c r="MA13" s="345">
        <v>0</v>
      </c>
      <c r="MB13" s="345">
        <v>0</v>
      </c>
      <c r="MC13" s="345">
        <v>0</v>
      </c>
      <c r="MD13" s="349">
        <v>123659</v>
      </c>
      <c r="ME13" s="350">
        <v>123659</v>
      </c>
      <c r="MF13" s="348">
        <v>0</v>
      </c>
      <c r="MG13" s="345">
        <v>0</v>
      </c>
      <c r="MH13" s="349">
        <v>0</v>
      </c>
      <c r="MI13" s="404">
        <v>0</v>
      </c>
      <c r="MJ13" s="345">
        <v>203802</v>
      </c>
      <c r="MK13" s="345">
        <v>475341</v>
      </c>
      <c r="ML13" s="345">
        <v>2789999</v>
      </c>
      <c r="MM13" s="345">
        <v>5173801</v>
      </c>
      <c r="MN13" s="345">
        <v>3141040</v>
      </c>
      <c r="MO13" s="349">
        <v>11783983</v>
      </c>
      <c r="MP13" s="354">
        <v>11783983</v>
      </c>
      <c r="MQ13" s="348">
        <v>0</v>
      </c>
      <c r="MR13" s="345">
        <v>0</v>
      </c>
      <c r="MS13" s="349">
        <v>0</v>
      </c>
      <c r="MT13" s="404">
        <v>0</v>
      </c>
      <c r="MU13" s="345">
        <v>0</v>
      </c>
      <c r="MV13" s="345">
        <v>0</v>
      </c>
      <c r="MW13" s="345">
        <v>2047161</v>
      </c>
      <c r="MX13" s="345">
        <v>3349011</v>
      </c>
      <c r="MY13" s="345">
        <v>1791078</v>
      </c>
      <c r="MZ13" s="349">
        <v>7187250</v>
      </c>
      <c r="NA13" s="354">
        <v>7187250</v>
      </c>
      <c r="NB13" s="348">
        <v>0</v>
      </c>
      <c r="NC13" s="345">
        <v>0</v>
      </c>
      <c r="ND13" s="349">
        <v>0</v>
      </c>
      <c r="NE13" s="404">
        <v>0</v>
      </c>
      <c r="NF13" s="345">
        <v>203802</v>
      </c>
      <c r="NG13" s="345">
        <v>475341</v>
      </c>
      <c r="NH13" s="345">
        <v>742838</v>
      </c>
      <c r="NI13" s="345">
        <v>1824790</v>
      </c>
      <c r="NJ13" s="345">
        <v>1349962</v>
      </c>
      <c r="NK13" s="349">
        <v>4596733</v>
      </c>
      <c r="NL13" s="347">
        <v>4596733</v>
      </c>
      <c r="NM13" s="348">
        <v>0</v>
      </c>
      <c r="NN13" s="345">
        <v>0</v>
      </c>
      <c r="NO13" s="349">
        <v>0</v>
      </c>
      <c r="NP13" s="404">
        <v>0</v>
      </c>
      <c r="NQ13" s="345">
        <v>0</v>
      </c>
      <c r="NR13" s="345">
        <v>0</v>
      </c>
      <c r="NS13" s="345">
        <v>0</v>
      </c>
      <c r="NT13" s="345">
        <v>0</v>
      </c>
      <c r="NU13" s="345">
        <v>0</v>
      </c>
      <c r="NV13" s="349">
        <v>0</v>
      </c>
      <c r="NW13" s="350">
        <v>0</v>
      </c>
      <c r="NX13" s="348">
        <v>0</v>
      </c>
      <c r="NY13" s="345">
        <v>0</v>
      </c>
      <c r="NZ13" s="349">
        <v>0</v>
      </c>
      <c r="OA13" s="404">
        <v>0</v>
      </c>
      <c r="OB13" s="345">
        <v>0</v>
      </c>
      <c r="OC13" s="345">
        <v>0</v>
      </c>
      <c r="OD13" s="345">
        <v>0</v>
      </c>
      <c r="OE13" s="345">
        <v>0</v>
      </c>
      <c r="OF13" s="345">
        <v>0</v>
      </c>
      <c r="OG13" s="349">
        <v>0</v>
      </c>
      <c r="OH13" s="350">
        <v>0</v>
      </c>
      <c r="OI13" s="348">
        <v>1166970</v>
      </c>
      <c r="OJ13" s="345">
        <v>1001993</v>
      </c>
      <c r="OK13" s="346">
        <v>2168963</v>
      </c>
      <c r="OL13" s="351">
        <v>0</v>
      </c>
      <c r="OM13" s="345">
        <v>16544449</v>
      </c>
      <c r="ON13" s="345">
        <v>12283544</v>
      </c>
      <c r="OO13" s="345">
        <v>14925416</v>
      </c>
      <c r="OP13" s="345">
        <v>18854821</v>
      </c>
      <c r="OQ13" s="345">
        <v>8612504</v>
      </c>
      <c r="OR13" s="349">
        <v>71220734</v>
      </c>
      <c r="OS13" s="354">
        <v>73389697</v>
      </c>
    </row>
    <row r="14" spans="2:409" s="70" customFormat="1" ht="21" customHeight="1" x14ac:dyDescent="0.2">
      <c r="B14" s="106" t="s">
        <v>8</v>
      </c>
      <c r="C14" s="326">
        <v>764403</v>
      </c>
      <c r="D14" s="327">
        <v>778845</v>
      </c>
      <c r="E14" s="328">
        <v>1543248</v>
      </c>
      <c r="F14" s="329">
        <v>0</v>
      </c>
      <c r="G14" s="327">
        <v>5953600</v>
      </c>
      <c r="H14" s="327">
        <v>7259637</v>
      </c>
      <c r="I14" s="327">
        <v>8068695</v>
      </c>
      <c r="J14" s="327">
        <v>5802225</v>
      </c>
      <c r="K14" s="327">
        <v>5423165</v>
      </c>
      <c r="L14" s="329">
        <v>32507322</v>
      </c>
      <c r="M14" s="330">
        <v>34050570</v>
      </c>
      <c r="N14" s="326">
        <v>146525</v>
      </c>
      <c r="O14" s="327">
        <v>203448</v>
      </c>
      <c r="P14" s="328">
        <v>349973</v>
      </c>
      <c r="Q14" s="326">
        <v>0</v>
      </c>
      <c r="R14" s="327">
        <v>1665472</v>
      </c>
      <c r="S14" s="327">
        <v>2674969</v>
      </c>
      <c r="T14" s="327">
        <v>3008020</v>
      </c>
      <c r="U14" s="327">
        <v>2654743</v>
      </c>
      <c r="V14" s="327">
        <v>2588863</v>
      </c>
      <c r="W14" s="328">
        <v>12592067</v>
      </c>
      <c r="X14" s="330">
        <v>12942040</v>
      </c>
      <c r="Y14" s="326">
        <v>0</v>
      </c>
      <c r="Z14" s="327">
        <v>0</v>
      </c>
      <c r="AA14" s="328">
        <v>0</v>
      </c>
      <c r="AB14" s="326">
        <v>0</v>
      </c>
      <c r="AC14" s="327">
        <v>562845</v>
      </c>
      <c r="AD14" s="327">
        <v>1000089</v>
      </c>
      <c r="AE14" s="327">
        <v>2035492</v>
      </c>
      <c r="AF14" s="327">
        <v>1336594</v>
      </c>
      <c r="AG14" s="327">
        <v>1622289</v>
      </c>
      <c r="AH14" s="328">
        <v>6557309</v>
      </c>
      <c r="AI14" s="330">
        <v>6557309</v>
      </c>
      <c r="AJ14" s="326">
        <v>0</v>
      </c>
      <c r="AK14" s="327">
        <v>0</v>
      </c>
      <c r="AL14" s="328">
        <v>0</v>
      </c>
      <c r="AM14" s="326">
        <v>0</v>
      </c>
      <c r="AN14" s="327">
        <v>0</v>
      </c>
      <c r="AO14" s="327">
        <v>134286</v>
      </c>
      <c r="AP14" s="327">
        <v>82989</v>
      </c>
      <c r="AQ14" s="327">
        <v>126797</v>
      </c>
      <c r="AR14" s="327">
        <v>106429</v>
      </c>
      <c r="AS14" s="328">
        <v>450501</v>
      </c>
      <c r="AT14" s="330">
        <v>450501</v>
      </c>
      <c r="AU14" s="326">
        <v>80737</v>
      </c>
      <c r="AV14" s="327">
        <v>178164</v>
      </c>
      <c r="AW14" s="328">
        <v>258901</v>
      </c>
      <c r="AX14" s="326">
        <v>0</v>
      </c>
      <c r="AY14" s="327">
        <v>600881</v>
      </c>
      <c r="AZ14" s="327">
        <v>1073005</v>
      </c>
      <c r="BA14" s="327">
        <v>509901</v>
      </c>
      <c r="BB14" s="327">
        <v>785269</v>
      </c>
      <c r="BC14" s="327">
        <v>575665</v>
      </c>
      <c r="BD14" s="328">
        <v>3544721</v>
      </c>
      <c r="BE14" s="330">
        <v>3803622</v>
      </c>
      <c r="BF14" s="326">
        <v>20204</v>
      </c>
      <c r="BG14" s="327">
        <v>0</v>
      </c>
      <c r="BH14" s="331">
        <v>20204</v>
      </c>
      <c r="BI14" s="332">
        <v>0</v>
      </c>
      <c r="BJ14" s="327">
        <v>135016</v>
      </c>
      <c r="BK14" s="327">
        <v>126939</v>
      </c>
      <c r="BL14" s="327">
        <v>75656</v>
      </c>
      <c r="BM14" s="327">
        <v>85812</v>
      </c>
      <c r="BN14" s="327">
        <v>0</v>
      </c>
      <c r="BO14" s="328">
        <v>423423</v>
      </c>
      <c r="BP14" s="330">
        <v>443627</v>
      </c>
      <c r="BQ14" s="326">
        <v>45584</v>
      </c>
      <c r="BR14" s="327">
        <v>25284</v>
      </c>
      <c r="BS14" s="328">
        <v>70868</v>
      </c>
      <c r="BT14" s="326">
        <v>0</v>
      </c>
      <c r="BU14" s="327">
        <v>366730</v>
      </c>
      <c r="BV14" s="327">
        <v>340650</v>
      </c>
      <c r="BW14" s="327">
        <v>303982</v>
      </c>
      <c r="BX14" s="327">
        <v>320271</v>
      </c>
      <c r="BY14" s="327">
        <v>284480</v>
      </c>
      <c r="BZ14" s="328">
        <v>1616113</v>
      </c>
      <c r="CA14" s="330">
        <v>1686981</v>
      </c>
      <c r="CB14" s="326">
        <v>55173</v>
      </c>
      <c r="CC14" s="327">
        <v>100454</v>
      </c>
      <c r="CD14" s="328">
        <v>155627</v>
      </c>
      <c r="CE14" s="326">
        <v>0</v>
      </c>
      <c r="CF14" s="327">
        <v>1501658</v>
      </c>
      <c r="CG14" s="327">
        <v>1314628</v>
      </c>
      <c r="CH14" s="327">
        <v>2009657</v>
      </c>
      <c r="CI14" s="327">
        <v>600949</v>
      </c>
      <c r="CJ14" s="327">
        <v>659143</v>
      </c>
      <c r="CK14" s="328">
        <v>6086035</v>
      </c>
      <c r="CL14" s="330">
        <v>6241662</v>
      </c>
      <c r="CM14" s="326">
        <v>0</v>
      </c>
      <c r="CN14" s="327">
        <v>0</v>
      </c>
      <c r="CO14" s="328">
        <v>0</v>
      </c>
      <c r="CP14" s="332">
        <v>0</v>
      </c>
      <c r="CQ14" s="327">
        <v>1208143</v>
      </c>
      <c r="CR14" s="327">
        <v>973883</v>
      </c>
      <c r="CS14" s="327">
        <v>1106140</v>
      </c>
      <c r="CT14" s="327">
        <v>296825</v>
      </c>
      <c r="CU14" s="327">
        <v>506202</v>
      </c>
      <c r="CV14" s="328">
        <v>4091193</v>
      </c>
      <c r="CW14" s="330">
        <v>4091193</v>
      </c>
      <c r="CX14" s="326">
        <v>55173</v>
      </c>
      <c r="CY14" s="327">
        <v>100454</v>
      </c>
      <c r="CZ14" s="328">
        <v>155627</v>
      </c>
      <c r="DA14" s="326">
        <v>0</v>
      </c>
      <c r="DB14" s="327">
        <v>293515</v>
      </c>
      <c r="DC14" s="327">
        <v>340745</v>
      </c>
      <c r="DD14" s="327">
        <v>903517</v>
      </c>
      <c r="DE14" s="327">
        <v>304124</v>
      </c>
      <c r="DF14" s="327">
        <v>152941</v>
      </c>
      <c r="DG14" s="328">
        <v>1994842</v>
      </c>
      <c r="DH14" s="330">
        <v>2150469</v>
      </c>
      <c r="DI14" s="326">
        <v>30610</v>
      </c>
      <c r="DJ14" s="327">
        <v>0</v>
      </c>
      <c r="DK14" s="331">
        <v>30610</v>
      </c>
      <c r="DL14" s="332">
        <v>0</v>
      </c>
      <c r="DM14" s="327">
        <v>336710</v>
      </c>
      <c r="DN14" s="327">
        <v>499771</v>
      </c>
      <c r="DO14" s="327">
        <v>869919</v>
      </c>
      <c r="DP14" s="327">
        <v>301199</v>
      </c>
      <c r="DQ14" s="327">
        <v>339773</v>
      </c>
      <c r="DR14" s="328">
        <v>2347372</v>
      </c>
      <c r="DS14" s="330">
        <v>2377982</v>
      </c>
      <c r="DT14" s="326">
        <v>30610</v>
      </c>
      <c r="DU14" s="327">
        <v>0</v>
      </c>
      <c r="DV14" s="328">
        <v>30610</v>
      </c>
      <c r="DW14" s="326">
        <v>0</v>
      </c>
      <c r="DX14" s="327">
        <v>336710</v>
      </c>
      <c r="DY14" s="327">
        <v>499771</v>
      </c>
      <c r="DZ14" s="327">
        <v>734307</v>
      </c>
      <c r="EA14" s="327">
        <v>301199</v>
      </c>
      <c r="EB14" s="327">
        <v>267933</v>
      </c>
      <c r="EC14" s="328">
        <v>2139920</v>
      </c>
      <c r="ED14" s="330">
        <v>2170530</v>
      </c>
      <c r="EE14" s="326">
        <v>0</v>
      </c>
      <c r="EF14" s="331">
        <v>0</v>
      </c>
      <c r="EG14" s="328">
        <v>0</v>
      </c>
      <c r="EH14" s="326">
        <v>0</v>
      </c>
      <c r="EI14" s="327">
        <v>0</v>
      </c>
      <c r="EJ14" s="327">
        <v>0</v>
      </c>
      <c r="EK14" s="327">
        <v>135612</v>
      </c>
      <c r="EL14" s="327">
        <v>0</v>
      </c>
      <c r="EM14" s="327">
        <v>71840</v>
      </c>
      <c r="EN14" s="331">
        <v>207452</v>
      </c>
      <c r="EO14" s="330">
        <v>207452</v>
      </c>
      <c r="EP14" s="326">
        <v>0</v>
      </c>
      <c r="EQ14" s="327">
        <v>0</v>
      </c>
      <c r="ER14" s="331">
        <v>0</v>
      </c>
      <c r="ES14" s="332">
        <v>0</v>
      </c>
      <c r="ET14" s="327">
        <v>0</v>
      </c>
      <c r="EU14" s="327">
        <v>0</v>
      </c>
      <c r="EV14" s="327">
        <v>0</v>
      </c>
      <c r="EW14" s="327">
        <v>0</v>
      </c>
      <c r="EX14" s="327">
        <v>0</v>
      </c>
      <c r="EY14" s="328">
        <v>0</v>
      </c>
      <c r="EZ14" s="330">
        <v>0</v>
      </c>
      <c r="FA14" s="326">
        <v>0</v>
      </c>
      <c r="FB14" s="327">
        <v>0</v>
      </c>
      <c r="FC14" s="331">
        <v>0</v>
      </c>
      <c r="FD14" s="404">
        <v>0</v>
      </c>
      <c r="FE14" s="327">
        <v>0</v>
      </c>
      <c r="FF14" s="327">
        <v>0</v>
      </c>
      <c r="FG14" s="327">
        <v>0</v>
      </c>
      <c r="FH14" s="327">
        <v>0</v>
      </c>
      <c r="FI14" s="327">
        <v>0</v>
      </c>
      <c r="FJ14" s="328">
        <v>0</v>
      </c>
      <c r="FK14" s="330">
        <v>0</v>
      </c>
      <c r="FL14" s="326">
        <v>238434</v>
      </c>
      <c r="FM14" s="327">
        <v>282791</v>
      </c>
      <c r="FN14" s="328">
        <v>521225</v>
      </c>
      <c r="FO14" s="326">
        <v>0</v>
      </c>
      <c r="FP14" s="327">
        <v>279230</v>
      </c>
      <c r="FQ14" s="327">
        <v>744072</v>
      </c>
      <c r="FR14" s="327">
        <v>648242</v>
      </c>
      <c r="FS14" s="327">
        <v>477421</v>
      </c>
      <c r="FT14" s="327">
        <v>341166</v>
      </c>
      <c r="FU14" s="328">
        <v>2490131</v>
      </c>
      <c r="FV14" s="330">
        <v>3011356</v>
      </c>
      <c r="FW14" s="333">
        <v>73024</v>
      </c>
      <c r="FX14" s="327">
        <v>92134</v>
      </c>
      <c r="FY14" s="331">
        <v>165158</v>
      </c>
      <c r="FZ14" s="332">
        <v>0</v>
      </c>
      <c r="GA14" s="327">
        <v>262444</v>
      </c>
      <c r="GB14" s="327">
        <v>727902</v>
      </c>
      <c r="GC14" s="327">
        <v>648242</v>
      </c>
      <c r="GD14" s="327">
        <v>459711</v>
      </c>
      <c r="GE14" s="327">
        <v>341166</v>
      </c>
      <c r="GF14" s="328">
        <v>2439465</v>
      </c>
      <c r="GG14" s="334">
        <v>2604623</v>
      </c>
      <c r="GH14" s="333">
        <v>25410</v>
      </c>
      <c r="GI14" s="327">
        <v>0</v>
      </c>
      <c r="GJ14" s="331">
        <v>25410</v>
      </c>
      <c r="GK14" s="332">
        <v>0</v>
      </c>
      <c r="GL14" s="327">
        <v>16786</v>
      </c>
      <c r="GM14" s="327">
        <v>16170</v>
      </c>
      <c r="GN14" s="327">
        <v>0</v>
      </c>
      <c r="GO14" s="327">
        <v>0</v>
      </c>
      <c r="GP14" s="327">
        <v>0</v>
      </c>
      <c r="GQ14" s="328">
        <v>32956</v>
      </c>
      <c r="GR14" s="330">
        <v>58366</v>
      </c>
      <c r="GS14" s="326">
        <v>140000</v>
      </c>
      <c r="GT14" s="327">
        <v>190657</v>
      </c>
      <c r="GU14" s="328">
        <v>330657</v>
      </c>
      <c r="GV14" s="326">
        <v>0</v>
      </c>
      <c r="GW14" s="327">
        <v>0</v>
      </c>
      <c r="GX14" s="327">
        <v>0</v>
      </c>
      <c r="GY14" s="327">
        <v>0</v>
      </c>
      <c r="GZ14" s="327">
        <v>17710</v>
      </c>
      <c r="HA14" s="327">
        <v>0</v>
      </c>
      <c r="HB14" s="331">
        <v>17710</v>
      </c>
      <c r="HC14" s="330">
        <v>348367</v>
      </c>
      <c r="HD14" s="326">
        <v>293661</v>
      </c>
      <c r="HE14" s="327">
        <v>192152</v>
      </c>
      <c r="HF14" s="331">
        <v>485813</v>
      </c>
      <c r="HG14" s="332">
        <v>0</v>
      </c>
      <c r="HH14" s="327">
        <v>2170530</v>
      </c>
      <c r="HI14" s="327">
        <v>2026197</v>
      </c>
      <c r="HJ14" s="327">
        <v>1532857</v>
      </c>
      <c r="HK14" s="327">
        <v>1767913</v>
      </c>
      <c r="HL14" s="327">
        <v>1494220</v>
      </c>
      <c r="HM14" s="328">
        <v>8991717</v>
      </c>
      <c r="HN14" s="329">
        <v>9477530</v>
      </c>
      <c r="HO14" s="333">
        <v>0</v>
      </c>
      <c r="HP14" s="327">
        <v>0</v>
      </c>
      <c r="HQ14" s="328">
        <v>0</v>
      </c>
      <c r="HR14" s="326">
        <v>0</v>
      </c>
      <c r="HS14" s="327">
        <v>0</v>
      </c>
      <c r="HT14" s="327">
        <v>0</v>
      </c>
      <c r="HU14" s="327">
        <v>0</v>
      </c>
      <c r="HV14" s="327">
        <v>0</v>
      </c>
      <c r="HW14" s="327">
        <v>0</v>
      </c>
      <c r="HX14" s="331">
        <v>0</v>
      </c>
      <c r="HY14" s="330">
        <v>0</v>
      </c>
      <c r="HZ14" s="335">
        <v>22612</v>
      </c>
      <c r="IA14" s="336">
        <v>66117</v>
      </c>
      <c r="IB14" s="337">
        <v>88729</v>
      </c>
      <c r="IC14" s="355">
        <v>0</v>
      </c>
      <c r="ID14" s="356">
        <v>1691372</v>
      </c>
      <c r="IE14" s="357">
        <v>1647642</v>
      </c>
      <c r="IF14" s="358">
        <v>1867355</v>
      </c>
      <c r="IG14" s="356">
        <v>1703661</v>
      </c>
      <c r="IH14" s="358">
        <v>515863</v>
      </c>
      <c r="II14" s="359">
        <v>7425893</v>
      </c>
      <c r="IJ14" s="341">
        <v>7514622</v>
      </c>
      <c r="IK14" s="342">
        <v>0</v>
      </c>
      <c r="IL14" s="343">
        <v>0</v>
      </c>
      <c r="IM14" s="344">
        <v>0</v>
      </c>
      <c r="IN14" s="404">
        <v>0</v>
      </c>
      <c r="IO14" s="345">
        <v>0</v>
      </c>
      <c r="IP14" s="345">
        <v>0</v>
      </c>
      <c r="IQ14" s="345">
        <v>0</v>
      </c>
      <c r="IR14" s="345">
        <v>0</v>
      </c>
      <c r="IS14" s="345">
        <v>0</v>
      </c>
      <c r="IT14" s="346">
        <v>0</v>
      </c>
      <c r="IU14" s="347">
        <v>0</v>
      </c>
      <c r="IV14" s="348">
        <v>0</v>
      </c>
      <c r="IW14" s="345">
        <v>0</v>
      </c>
      <c r="IX14" s="349">
        <v>0</v>
      </c>
      <c r="IY14" s="404">
        <v>0</v>
      </c>
      <c r="IZ14" s="345">
        <v>0</v>
      </c>
      <c r="JA14" s="345">
        <v>0</v>
      </c>
      <c r="JB14" s="345">
        <v>0</v>
      </c>
      <c r="JC14" s="345">
        <v>0</v>
      </c>
      <c r="JD14" s="345">
        <v>0</v>
      </c>
      <c r="JE14" s="349">
        <v>0</v>
      </c>
      <c r="JF14" s="350">
        <v>0</v>
      </c>
      <c r="JG14" s="348">
        <v>0</v>
      </c>
      <c r="JH14" s="345">
        <v>0</v>
      </c>
      <c r="JI14" s="346">
        <v>0</v>
      </c>
      <c r="JJ14" s="351">
        <v>0</v>
      </c>
      <c r="JK14" s="345">
        <v>941778</v>
      </c>
      <c r="JL14" s="345">
        <v>1044028</v>
      </c>
      <c r="JM14" s="345">
        <v>314417</v>
      </c>
      <c r="JN14" s="345">
        <v>379286</v>
      </c>
      <c r="JO14" s="345">
        <v>6078</v>
      </c>
      <c r="JP14" s="349">
        <v>2685587</v>
      </c>
      <c r="JQ14" s="347">
        <v>2685587</v>
      </c>
      <c r="JR14" s="348">
        <v>0</v>
      </c>
      <c r="JS14" s="345">
        <v>0</v>
      </c>
      <c r="JT14" s="346">
        <v>0</v>
      </c>
      <c r="JU14" s="351">
        <v>0</v>
      </c>
      <c r="JV14" s="345">
        <v>0</v>
      </c>
      <c r="JW14" s="345">
        <v>0</v>
      </c>
      <c r="JX14" s="345">
        <v>0</v>
      </c>
      <c r="JY14" s="345">
        <v>0</v>
      </c>
      <c r="JZ14" s="345">
        <v>38157</v>
      </c>
      <c r="KA14" s="349">
        <v>38157</v>
      </c>
      <c r="KB14" s="347">
        <v>38157</v>
      </c>
      <c r="KC14" s="352">
        <v>22612</v>
      </c>
      <c r="KD14" s="353">
        <v>66117</v>
      </c>
      <c r="KE14" s="349">
        <v>88729</v>
      </c>
      <c r="KF14" s="351">
        <v>0</v>
      </c>
      <c r="KG14" s="345">
        <v>113263</v>
      </c>
      <c r="KH14" s="345">
        <v>161819</v>
      </c>
      <c r="KI14" s="345">
        <v>214282</v>
      </c>
      <c r="KJ14" s="345">
        <v>0</v>
      </c>
      <c r="KK14" s="345">
        <v>261849</v>
      </c>
      <c r="KL14" s="349">
        <v>751213</v>
      </c>
      <c r="KM14" s="354">
        <v>839942</v>
      </c>
      <c r="KN14" s="342">
        <v>0</v>
      </c>
      <c r="KO14" s="343">
        <v>0</v>
      </c>
      <c r="KP14" s="344">
        <v>0</v>
      </c>
      <c r="KQ14" s="404">
        <v>0</v>
      </c>
      <c r="KR14" s="345">
        <v>636331</v>
      </c>
      <c r="KS14" s="345">
        <v>441795</v>
      </c>
      <c r="KT14" s="345">
        <v>1151444</v>
      </c>
      <c r="KU14" s="345">
        <v>605584</v>
      </c>
      <c r="KV14" s="345">
        <v>0</v>
      </c>
      <c r="KW14" s="349">
        <v>2835154</v>
      </c>
      <c r="KX14" s="347">
        <v>2835154</v>
      </c>
      <c r="KY14" s="348">
        <v>0</v>
      </c>
      <c r="KZ14" s="345">
        <v>0</v>
      </c>
      <c r="LA14" s="349">
        <v>0</v>
      </c>
      <c r="LB14" s="404">
        <v>0</v>
      </c>
      <c r="LC14" s="345">
        <v>0</v>
      </c>
      <c r="LD14" s="345">
        <v>0</v>
      </c>
      <c r="LE14" s="345">
        <v>187212</v>
      </c>
      <c r="LF14" s="345">
        <v>203751</v>
      </c>
      <c r="LG14" s="345">
        <v>209779</v>
      </c>
      <c r="LH14" s="349">
        <v>600742</v>
      </c>
      <c r="LI14" s="350">
        <v>600742</v>
      </c>
      <c r="LJ14" s="348">
        <v>0</v>
      </c>
      <c r="LK14" s="345">
        <v>0</v>
      </c>
      <c r="LL14" s="349">
        <v>0</v>
      </c>
      <c r="LM14" s="404">
        <v>0</v>
      </c>
      <c r="LN14" s="345">
        <v>0</v>
      </c>
      <c r="LO14" s="345">
        <v>0</v>
      </c>
      <c r="LP14" s="345">
        <v>0</v>
      </c>
      <c r="LQ14" s="345">
        <v>261093</v>
      </c>
      <c r="LR14" s="345">
        <v>0</v>
      </c>
      <c r="LS14" s="349">
        <v>261093</v>
      </c>
      <c r="LT14" s="347">
        <v>261093</v>
      </c>
      <c r="LU14" s="348">
        <v>0</v>
      </c>
      <c r="LV14" s="345">
        <v>0</v>
      </c>
      <c r="LW14" s="349">
        <v>0</v>
      </c>
      <c r="LX14" s="404">
        <v>0</v>
      </c>
      <c r="LY14" s="345">
        <v>0</v>
      </c>
      <c r="LZ14" s="345">
        <v>0</v>
      </c>
      <c r="MA14" s="345">
        <v>0</v>
      </c>
      <c r="MB14" s="345">
        <v>253947</v>
      </c>
      <c r="MC14" s="345">
        <v>0</v>
      </c>
      <c r="MD14" s="349">
        <v>253947</v>
      </c>
      <c r="ME14" s="350">
        <v>253947</v>
      </c>
      <c r="MF14" s="348">
        <v>0</v>
      </c>
      <c r="MG14" s="345">
        <v>0</v>
      </c>
      <c r="MH14" s="349">
        <v>0</v>
      </c>
      <c r="MI14" s="404">
        <v>0</v>
      </c>
      <c r="MJ14" s="345">
        <v>238512</v>
      </c>
      <c r="MK14" s="345">
        <v>949601</v>
      </c>
      <c r="ML14" s="345">
        <v>2972567</v>
      </c>
      <c r="MM14" s="345">
        <v>1795230</v>
      </c>
      <c r="MN14" s="345">
        <v>2676906</v>
      </c>
      <c r="MO14" s="349">
        <v>8632816</v>
      </c>
      <c r="MP14" s="354">
        <v>8632816</v>
      </c>
      <c r="MQ14" s="348">
        <v>0</v>
      </c>
      <c r="MR14" s="345">
        <v>0</v>
      </c>
      <c r="MS14" s="349">
        <v>0</v>
      </c>
      <c r="MT14" s="404">
        <v>0</v>
      </c>
      <c r="MU14" s="345">
        <v>0</v>
      </c>
      <c r="MV14" s="345">
        <v>0</v>
      </c>
      <c r="MW14" s="345">
        <v>1878024</v>
      </c>
      <c r="MX14" s="345">
        <v>623298</v>
      </c>
      <c r="MY14" s="345">
        <v>2246580</v>
      </c>
      <c r="MZ14" s="349">
        <v>4747902</v>
      </c>
      <c r="NA14" s="354">
        <v>4747902</v>
      </c>
      <c r="NB14" s="348">
        <v>0</v>
      </c>
      <c r="NC14" s="345">
        <v>0</v>
      </c>
      <c r="ND14" s="349">
        <v>0</v>
      </c>
      <c r="NE14" s="404">
        <v>0</v>
      </c>
      <c r="NF14" s="345">
        <v>238512</v>
      </c>
      <c r="NG14" s="345">
        <v>949601</v>
      </c>
      <c r="NH14" s="345">
        <v>1094543</v>
      </c>
      <c r="NI14" s="345">
        <v>1171932</v>
      </c>
      <c r="NJ14" s="345">
        <v>430326</v>
      </c>
      <c r="NK14" s="349">
        <v>3884914</v>
      </c>
      <c r="NL14" s="347">
        <v>3884914</v>
      </c>
      <c r="NM14" s="348">
        <v>0</v>
      </c>
      <c r="NN14" s="345">
        <v>0</v>
      </c>
      <c r="NO14" s="349">
        <v>0</v>
      </c>
      <c r="NP14" s="404">
        <v>0</v>
      </c>
      <c r="NQ14" s="345">
        <v>0</v>
      </c>
      <c r="NR14" s="345">
        <v>0</v>
      </c>
      <c r="NS14" s="345">
        <v>0</v>
      </c>
      <c r="NT14" s="345">
        <v>0</v>
      </c>
      <c r="NU14" s="345">
        <v>0</v>
      </c>
      <c r="NV14" s="349">
        <v>0</v>
      </c>
      <c r="NW14" s="350">
        <v>0</v>
      </c>
      <c r="NX14" s="348">
        <v>0</v>
      </c>
      <c r="NY14" s="345">
        <v>0</v>
      </c>
      <c r="NZ14" s="349">
        <v>0</v>
      </c>
      <c r="OA14" s="404">
        <v>0</v>
      </c>
      <c r="OB14" s="345">
        <v>0</v>
      </c>
      <c r="OC14" s="345">
        <v>0</v>
      </c>
      <c r="OD14" s="345">
        <v>0</v>
      </c>
      <c r="OE14" s="345">
        <v>0</v>
      </c>
      <c r="OF14" s="345">
        <v>0</v>
      </c>
      <c r="OG14" s="349">
        <v>0</v>
      </c>
      <c r="OH14" s="350">
        <v>0</v>
      </c>
      <c r="OI14" s="348">
        <v>787015</v>
      </c>
      <c r="OJ14" s="345">
        <v>844962</v>
      </c>
      <c r="OK14" s="346">
        <v>1631977</v>
      </c>
      <c r="OL14" s="351">
        <v>0</v>
      </c>
      <c r="OM14" s="345">
        <v>7883484</v>
      </c>
      <c r="ON14" s="345">
        <v>9856880</v>
      </c>
      <c r="OO14" s="345">
        <v>12908617</v>
      </c>
      <c r="OP14" s="345">
        <v>9301116</v>
      </c>
      <c r="OQ14" s="345">
        <v>8615934</v>
      </c>
      <c r="OR14" s="349">
        <v>48566031</v>
      </c>
      <c r="OS14" s="354">
        <v>50198008</v>
      </c>
    </row>
    <row r="15" spans="2:409" s="70" customFormat="1" ht="21" customHeight="1" x14ac:dyDescent="0.2">
      <c r="B15" s="106" t="s">
        <v>9</v>
      </c>
      <c r="C15" s="326">
        <v>2042770</v>
      </c>
      <c r="D15" s="327">
        <v>2122358</v>
      </c>
      <c r="E15" s="328">
        <v>4165128</v>
      </c>
      <c r="F15" s="332">
        <v>0</v>
      </c>
      <c r="G15" s="327">
        <v>15048721</v>
      </c>
      <c r="H15" s="327">
        <v>14368256</v>
      </c>
      <c r="I15" s="327">
        <v>13998977</v>
      </c>
      <c r="J15" s="327">
        <v>15078651</v>
      </c>
      <c r="K15" s="327">
        <v>9547969</v>
      </c>
      <c r="L15" s="329">
        <v>68042574</v>
      </c>
      <c r="M15" s="330">
        <v>72207702</v>
      </c>
      <c r="N15" s="326">
        <v>375656</v>
      </c>
      <c r="O15" s="327">
        <v>448490</v>
      </c>
      <c r="P15" s="328">
        <v>824146</v>
      </c>
      <c r="Q15" s="326">
        <v>0</v>
      </c>
      <c r="R15" s="327">
        <v>4811448</v>
      </c>
      <c r="S15" s="327">
        <v>5376523</v>
      </c>
      <c r="T15" s="327">
        <v>4846273</v>
      </c>
      <c r="U15" s="327">
        <v>6198419</v>
      </c>
      <c r="V15" s="327">
        <v>4622754</v>
      </c>
      <c r="W15" s="328">
        <v>25855417</v>
      </c>
      <c r="X15" s="330">
        <v>26679563</v>
      </c>
      <c r="Y15" s="326">
        <v>0</v>
      </c>
      <c r="Z15" s="327">
        <v>0</v>
      </c>
      <c r="AA15" s="328">
        <v>0</v>
      </c>
      <c r="AB15" s="326">
        <v>0</v>
      </c>
      <c r="AC15" s="327">
        <v>2080122</v>
      </c>
      <c r="AD15" s="327">
        <v>2381146</v>
      </c>
      <c r="AE15" s="327">
        <v>2515741</v>
      </c>
      <c r="AF15" s="327">
        <v>3260384</v>
      </c>
      <c r="AG15" s="327">
        <v>2589724</v>
      </c>
      <c r="AH15" s="328">
        <v>12827117</v>
      </c>
      <c r="AI15" s="330">
        <v>12827117</v>
      </c>
      <c r="AJ15" s="326">
        <v>0</v>
      </c>
      <c r="AK15" s="327">
        <v>0</v>
      </c>
      <c r="AL15" s="328">
        <v>0</v>
      </c>
      <c r="AM15" s="326">
        <v>0</v>
      </c>
      <c r="AN15" s="327">
        <v>53564</v>
      </c>
      <c r="AO15" s="327">
        <v>12406</v>
      </c>
      <c r="AP15" s="327">
        <v>53564</v>
      </c>
      <c r="AQ15" s="327">
        <v>578021</v>
      </c>
      <c r="AR15" s="327">
        <v>452732</v>
      </c>
      <c r="AS15" s="328">
        <v>1150287</v>
      </c>
      <c r="AT15" s="330">
        <v>1150287</v>
      </c>
      <c r="AU15" s="326">
        <v>182162</v>
      </c>
      <c r="AV15" s="327">
        <v>312361</v>
      </c>
      <c r="AW15" s="328">
        <v>494523</v>
      </c>
      <c r="AX15" s="326">
        <v>0</v>
      </c>
      <c r="AY15" s="327">
        <v>1752928</v>
      </c>
      <c r="AZ15" s="327">
        <v>1986898</v>
      </c>
      <c r="BA15" s="327">
        <v>1395650</v>
      </c>
      <c r="BB15" s="327">
        <v>1231548</v>
      </c>
      <c r="BC15" s="327">
        <v>1005942</v>
      </c>
      <c r="BD15" s="328">
        <v>7372966</v>
      </c>
      <c r="BE15" s="330">
        <v>7867489</v>
      </c>
      <c r="BF15" s="326">
        <v>0</v>
      </c>
      <c r="BG15" s="327">
        <v>0</v>
      </c>
      <c r="BH15" s="331">
        <v>0</v>
      </c>
      <c r="BI15" s="332">
        <v>0</v>
      </c>
      <c r="BJ15" s="327">
        <v>118973</v>
      </c>
      <c r="BK15" s="327">
        <v>196645</v>
      </c>
      <c r="BL15" s="327">
        <v>79174</v>
      </c>
      <c r="BM15" s="327">
        <v>132982</v>
      </c>
      <c r="BN15" s="327">
        <v>74297</v>
      </c>
      <c r="BO15" s="328">
        <v>602071</v>
      </c>
      <c r="BP15" s="330">
        <v>602071</v>
      </c>
      <c r="BQ15" s="326">
        <v>193494</v>
      </c>
      <c r="BR15" s="327">
        <v>136129</v>
      </c>
      <c r="BS15" s="328">
        <v>329623</v>
      </c>
      <c r="BT15" s="326">
        <v>0</v>
      </c>
      <c r="BU15" s="327">
        <v>805861</v>
      </c>
      <c r="BV15" s="327">
        <v>799428</v>
      </c>
      <c r="BW15" s="327">
        <v>802144</v>
      </c>
      <c r="BX15" s="327">
        <v>995484</v>
      </c>
      <c r="BY15" s="327">
        <v>500059</v>
      </c>
      <c r="BZ15" s="328">
        <v>3902976</v>
      </c>
      <c r="CA15" s="330">
        <v>4232599</v>
      </c>
      <c r="CB15" s="326">
        <v>174859</v>
      </c>
      <c r="CC15" s="327">
        <v>530174</v>
      </c>
      <c r="CD15" s="328">
        <v>705033</v>
      </c>
      <c r="CE15" s="326">
        <v>0</v>
      </c>
      <c r="CF15" s="327">
        <v>3173356</v>
      </c>
      <c r="CG15" s="327">
        <v>2376261</v>
      </c>
      <c r="CH15" s="327">
        <v>1722466</v>
      </c>
      <c r="CI15" s="327">
        <v>1391767</v>
      </c>
      <c r="CJ15" s="327">
        <v>553036</v>
      </c>
      <c r="CK15" s="328">
        <v>9216886</v>
      </c>
      <c r="CL15" s="330">
        <v>9921919</v>
      </c>
      <c r="CM15" s="326">
        <v>0</v>
      </c>
      <c r="CN15" s="327">
        <v>0</v>
      </c>
      <c r="CO15" s="328">
        <v>0</v>
      </c>
      <c r="CP15" s="332">
        <v>0</v>
      </c>
      <c r="CQ15" s="327">
        <v>2463078</v>
      </c>
      <c r="CR15" s="327">
        <v>1902350</v>
      </c>
      <c r="CS15" s="327">
        <v>1365578</v>
      </c>
      <c r="CT15" s="327">
        <v>731585</v>
      </c>
      <c r="CU15" s="327">
        <v>328610</v>
      </c>
      <c r="CV15" s="328">
        <v>6791201</v>
      </c>
      <c r="CW15" s="330">
        <v>6791201</v>
      </c>
      <c r="CX15" s="326">
        <v>174859</v>
      </c>
      <c r="CY15" s="327">
        <v>530174</v>
      </c>
      <c r="CZ15" s="328">
        <v>705033</v>
      </c>
      <c r="DA15" s="326">
        <v>0</v>
      </c>
      <c r="DB15" s="327">
        <v>710278</v>
      </c>
      <c r="DC15" s="327">
        <v>473911</v>
      </c>
      <c r="DD15" s="327">
        <v>356888</v>
      </c>
      <c r="DE15" s="327">
        <v>660182</v>
      </c>
      <c r="DF15" s="327">
        <v>224426</v>
      </c>
      <c r="DG15" s="328">
        <v>2425685</v>
      </c>
      <c r="DH15" s="330">
        <v>3130718</v>
      </c>
      <c r="DI15" s="326">
        <v>36577</v>
      </c>
      <c r="DJ15" s="327">
        <v>0</v>
      </c>
      <c r="DK15" s="331">
        <v>36577</v>
      </c>
      <c r="DL15" s="332">
        <v>0</v>
      </c>
      <c r="DM15" s="327">
        <v>371106</v>
      </c>
      <c r="DN15" s="327">
        <v>294671</v>
      </c>
      <c r="DO15" s="327">
        <v>1087769</v>
      </c>
      <c r="DP15" s="327">
        <v>994629</v>
      </c>
      <c r="DQ15" s="327">
        <v>219401</v>
      </c>
      <c r="DR15" s="328">
        <v>2967576</v>
      </c>
      <c r="DS15" s="330">
        <v>3004153</v>
      </c>
      <c r="DT15" s="326">
        <v>36577</v>
      </c>
      <c r="DU15" s="327">
        <v>0</v>
      </c>
      <c r="DV15" s="328">
        <v>36577</v>
      </c>
      <c r="DW15" s="326">
        <v>0</v>
      </c>
      <c r="DX15" s="327">
        <v>283779</v>
      </c>
      <c r="DY15" s="327">
        <v>253270</v>
      </c>
      <c r="DZ15" s="327">
        <v>729466</v>
      </c>
      <c r="EA15" s="327">
        <v>753806</v>
      </c>
      <c r="EB15" s="327">
        <v>181222</v>
      </c>
      <c r="EC15" s="328">
        <v>2201543</v>
      </c>
      <c r="ED15" s="330">
        <v>2238120</v>
      </c>
      <c r="EE15" s="326">
        <v>0</v>
      </c>
      <c r="EF15" s="331">
        <v>0</v>
      </c>
      <c r="EG15" s="328">
        <v>0</v>
      </c>
      <c r="EH15" s="326">
        <v>0</v>
      </c>
      <c r="EI15" s="327">
        <v>87327</v>
      </c>
      <c r="EJ15" s="327">
        <v>41401</v>
      </c>
      <c r="EK15" s="327">
        <v>358303</v>
      </c>
      <c r="EL15" s="327">
        <v>240823</v>
      </c>
      <c r="EM15" s="327">
        <v>38179</v>
      </c>
      <c r="EN15" s="331">
        <v>766033</v>
      </c>
      <c r="EO15" s="330">
        <v>766033</v>
      </c>
      <c r="EP15" s="326">
        <v>0</v>
      </c>
      <c r="EQ15" s="327">
        <v>0</v>
      </c>
      <c r="ER15" s="331">
        <v>0</v>
      </c>
      <c r="ES15" s="332">
        <v>0</v>
      </c>
      <c r="ET15" s="327">
        <v>0</v>
      </c>
      <c r="EU15" s="327">
        <v>0</v>
      </c>
      <c r="EV15" s="327">
        <v>0</v>
      </c>
      <c r="EW15" s="327">
        <v>0</v>
      </c>
      <c r="EX15" s="327">
        <v>0</v>
      </c>
      <c r="EY15" s="328">
        <v>0</v>
      </c>
      <c r="EZ15" s="330">
        <v>0</v>
      </c>
      <c r="FA15" s="326">
        <v>0</v>
      </c>
      <c r="FB15" s="327">
        <v>0</v>
      </c>
      <c r="FC15" s="331">
        <v>0</v>
      </c>
      <c r="FD15" s="404">
        <v>0</v>
      </c>
      <c r="FE15" s="327">
        <v>0</v>
      </c>
      <c r="FF15" s="327">
        <v>0</v>
      </c>
      <c r="FG15" s="327">
        <v>0</v>
      </c>
      <c r="FH15" s="327">
        <v>0</v>
      </c>
      <c r="FI15" s="327">
        <v>0</v>
      </c>
      <c r="FJ15" s="328">
        <v>0</v>
      </c>
      <c r="FK15" s="330">
        <v>0</v>
      </c>
      <c r="FL15" s="326">
        <v>261151</v>
      </c>
      <c r="FM15" s="327">
        <v>412652</v>
      </c>
      <c r="FN15" s="328">
        <v>673803</v>
      </c>
      <c r="FO15" s="326">
        <v>0</v>
      </c>
      <c r="FP15" s="327">
        <v>965349</v>
      </c>
      <c r="FQ15" s="327">
        <v>1674939</v>
      </c>
      <c r="FR15" s="327">
        <v>799815</v>
      </c>
      <c r="FS15" s="327">
        <v>997209</v>
      </c>
      <c r="FT15" s="327">
        <v>809221</v>
      </c>
      <c r="FU15" s="328">
        <v>5246533</v>
      </c>
      <c r="FV15" s="330">
        <v>5920336</v>
      </c>
      <c r="FW15" s="333">
        <v>107107</v>
      </c>
      <c r="FX15" s="327">
        <v>254604</v>
      </c>
      <c r="FY15" s="331">
        <v>361711</v>
      </c>
      <c r="FZ15" s="332">
        <v>0</v>
      </c>
      <c r="GA15" s="327">
        <v>799981</v>
      </c>
      <c r="GB15" s="327">
        <v>1223523</v>
      </c>
      <c r="GC15" s="327">
        <v>757127</v>
      </c>
      <c r="GD15" s="327">
        <v>880677</v>
      </c>
      <c r="GE15" s="327">
        <v>608237</v>
      </c>
      <c r="GF15" s="328">
        <v>4269545</v>
      </c>
      <c r="GG15" s="334">
        <v>4631256</v>
      </c>
      <c r="GH15" s="333">
        <v>14044</v>
      </c>
      <c r="GI15" s="327">
        <v>18048</v>
      </c>
      <c r="GJ15" s="331">
        <v>32092</v>
      </c>
      <c r="GK15" s="332">
        <v>0</v>
      </c>
      <c r="GL15" s="327">
        <v>6468</v>
      </c>
      <c r="GM15" s="327">
        <v>31416</v>
      </c>
      <c r="GN15" s="327">
        <v>42688</v>
      </c>
      <c r="GO15" s="327">
        <v>32532</v>
      </c>
      <c r="GP15" s="327">
        <v>60984</v>
      </c>
      <c r="GQ15" s="328">
        <v>174088</v>
      </c>
      <c r="GR15" s="330">
        <v>206180</v>
      </c>
      <c r="GS15" s="326">
        <v>140000</v>
      </c>
      <c r="GT15" s="327">
        <v>140000</v>
      </c>
      <c r="GU15" s="328">
        <v>280000</v>
      </c>
      <c r="GV15" s="326">
        <v>0</v>
      </c>
      <c r="GW15" s="327">
        <v>158900</v>
      </c>
      <c r="GX15" s="327">
        <v>420000</v>
      </c>
      <c r="GY15" s="327">
        <v>0</v>
      </c>
      <c r="GZ15" s="327">
        <v>84000</v>
      </c>
      <c r="HA15" s="327">
        <v>140000</v>
      </c>
      <c r="HB15" s="331">
        <v>802900</v>
      </c>
      <c r="HC15" s="330">
        <v>1082900</v>
      </c>
      <c r="HD15" s="326">
        <v>1194527</v>
      </c>
      <c r="HE15" s="327">
        <v>731042</v>
      </c>
      <c r="HF15" s="331">
        <v>1925569</v>
      </c>
      <c r="HG15" s="332">
        <v>0</v>
      </c>
      <c r="HH15" s="327">
        <v>5727462</v>
      </c>
      <c r="HI15" s="327">
        <v>4645862</v>
      </c>
      <c r="HJ15" s="327">
        <v>5542654</v>
      </c>
      <c r="HK15" s="327">
        <v>5496627</v>
      </c>
      <c r="HL15" s="327">
        <v>3343557</v>
      </c>
      <c r="HM15" s="328">
        <v>24756162</v>
      </c>
      <c r="HN15" s="329">
        <v>26681731</v>
      </c>
      <c r="HO15" s="333">
        <v>0</v>
      </c>
      <c r="HP15" s="327">
        <v>0</v>
      </c>
      <c r="HQ15" s="328">
        <v>0</v>
      </c>
      <c r="HR15" s="326">
        <v>0</v>
      </c>
      <c r="HS15" s="327">
        <v>0</v>
      </c>
      <c r="HT15" s="327">
        <v>0</v>
      </c>
      <c r="HU15" s="327">
        <v>0</v>
      </c>
      <c r="HV15" s="327">
        <v>0</v>
      </c>
      <c r="HW15" s="327">
        <v>0</v>
      </c>
      <c r="HX15" s="331">
        <v>0</v>
      </c>
      <c r="HY15" s="330">
        <v>0</v>
      </c>
      <c r="HZ15" s="360">
        <v>0</v>
      </c>
      <c r="IA15" s="361">
        <v>67523</v>
      </c>
      <c r="IB15" s="362">
        <v>67523</v>
      </c>
      <c r="IC15" s="338">
        <v>0</v>
      </c>
      <c r="ID15" s="336">
        <v>1706543</v>
      </c>
      <c r="IE15" s="339">
        <v>2113850</v>
      </c>
      <c r="IF15" s="337">
        <v>2271605</v>
      </c>
      <c r="IG15" s="336">
        <v>2072695</v>
      </c>
      <c r="IH15" s="337">
        <v>1542518</v>
      </c>
      <c r="II15" s="340">
        <v>9707211</v>
      </c>
      <c r="IJ15" s="363">
        <v>9774734</v>
      </c>
      <c r="IK15" s="342">
        <v>0</v>
      </c>
      <c r="IL15" s="343">
        <v>0</v>
      </c>
      <c r="IM15" s="344">
        <v>0</v>
      </c>
      <c r="IN15" s="404">
        <v>0</v>
      </c>
      <c r="IO15" s="345">
        <v>0</v>
      </c>
      <c r="IP15" s="345">
        <v>0</v>
      </c>
      <c r="IQ15" s="345">
        <v>173147</v>
      </c>
      <c r="IR15" s="345">
        <v>0</v>
      </c>
      <c r="IS15" s="345">
        <v>0</v>
      </c>
      <c r="IT15" s="346">
        <v>173147</v>
      </c>
      <c r="IU15" s="347">
        <v>173147</v>
      </c>
      <c r="IV15" s="348">
        <v>0</v>
      </c>
      <c r="IW15" s="345">
        <v>0</v>
      </c>
      <c r="IX15" s="349">
        <v>0</v>
      </c>
      <c r="IY15" s="404">
        <v>0</v>
      </c>
      <c r="IZ15" s="345">
        <v>0</v>
      </c>
      <c r="JA15" s="345">
        <v>0</v>
      </c>
      <c r="JB15" s="345">
        <v>0</v>
      </c>
      <c r="JC15" s="345">
        <v>0</v>
      </c>
      <c r="JD15" s="345">
        <v>0</v>
      </c>
      <c r="JE15" s="349">
        <v>0</v>
      </c>
      <c r="JF15" s="350">
        <v>0</v>
      </c>
      <c r="JG15" s="348">
        <v>0</v>
      </c>
      <c r="JH15" s="345">
        <v>0</v>
      </c>
      <c r="JI15" s="346">
        <v>0</v>
      </c>
      <c r="JJ15" s="351">
        <v>0</v>
      </c>
      <c r="JK15" s="345">
        <v>1009574</v>
      </c>
      <c r="JL15" s="345">
        <v>1043135</v>
      </c>
      <c r="JM15" s="345">
        <v>885405</v>
      </c>
      <c r="JN15" s="345">
        <v>644731</v>
      </c>
      <c r="JO15" s="345">
        <v>406226</v>
      </c>
      <c r="JP15" s="349">
        <v>3989071</v>
      </c>
      <c r="JQ15" s="347">
        <v>3989071</v>
      </c>
      <c r="JR15" s="348">
        <v>0</v>
      </c>
      <c r="JS15" s="345">
        <v>0</v>
      </c>
      <c r="JT15" s="346">
        <v>0</v>
      </c>
      <c r="JU15" s="351">
        <v>0</v>
      </c>
      <c r="JV15" s="345">
        <v>36813</v>
      </c>
      <c r="JW15" s="345">
        <v>0</v>
      </c>
      <c r="JX15" s="345">
        <v>131985</v>
      </c>
      <c r="JY15" s="345">
        <v>0</v>
      </c>
      <c r="JZ15" s="345">
        <v>0</v>
      </c>
      <c r="KA15" s="349">
        <v>168798</v>
      </c>
      <c r="KB15" s="347">
        <v>168798</v>
      </c>
      <c r="KC15" s="352">
        <v>0</v>
      </c>
      <c r="KD15" s="353">
        <v>67523</v>
      </c>
      <c r="KE15" s="349">
        <v>67523</v>
      </c>
      <c r="KF15" s="351">
        <v>0</v>
      </c>
      <c r="KG15" s="345">
        <v>534994</v>
      </c>
      <c r="KH15" s="345">
        <v>242970</v>
      </c>
      <c r="KI15" s="345">
        <v>201199</v>
      </c>
      <c r="KJ15" s="345">
        <v>0</v>
      </c>
      <c r="KK15" s="345">
        <v>255502</v>
      </c>
      <c r="KL15" s="349">
        <v>1234665</v>
      </c>
      <c r="KM15" s="354">
        <v>1302188</v>
      </c>
      <c r="KN15" s="342">
        <v>0</v>
      </c>
      <c r="KO15" s="343">
        <v>0</v>
      </c>
      <c r="KP15" s="344">
        <v>0</v>
      </c>
      <c r="KQ15" s="404">
        <v>0</v>
      </c>
      <c r="KR15" s="345">
        <v>0</v>
      </c>
      <c r="KS15" s="345">
        <v>287705</v>
      </c>
      <c r="KT15" s="345">
        <v>698988</v>
      </c>
      <c r="KU15" s="345">
        <v>1427964</v>
      </c>
      <c r="KV15" s="345">
        <v>191930</v>
      </c>
      <c r="KW15" s="349">
        <v>2606587</v>
      </c>
      <c r="KX15" s="347">
        <v>2606587</v>
      </c>
      <c r="KY15" s="348">
        <v>0</v>
      </c>
      <c r="KZ15" s="345">
        <v>0</v>
      </c>
      <c r="LA15" s="349">
        <v>0</v>
      </c>
      <c r="LB15" s="404">
        <v>0</v>
      </c>
      <c r="LC15" s="345">
        <v>0</v>
      </c>
      <c r="LD15" s="345">
        <v>162416</v>
      </c>
      <c r="LE15" s="345">
        <v>180881</v>
      </c>
      <c r="LF15" s="345">
        <v>0</v>
      </c>
      <c r="LG15" s="345">
        <v>104723</v>
      </c>
      <c r="LH15" s="349">
        <v>448020</v>
      </c>
      <c r="LI15" s="350">
        <v>448020</v>
      </c>
      <c r="LJ15" s="348">
        <v>0</v>
      </c>
      <c r="LK15" s="345">
        <v>0</v>
      </c>
      <c r="LL15" s="349">
        <v>0</v>
      </c>
      <c r="LM15" s="404">
        <v>0</v>
      </c>
      <c r="LN15" s="345">
        <v>0</v>
      </c>
      <c r="LO15" s="345">
        <v>0</v>
      </c>
      <c r="LP15" s="345">
        <v>0</v>
      </c>
      <c r="LQ15" s="345">
        <v>0</v>
      </c>
      <c r="LR15" s="345">
        <v>0</v>
      </c>
      <c r="LS15" s="349">
        <v>0</v>
      </c>
      <c r="LT15" s="347">
        <v>0</v>
      </c>
      <c r="LU15" s="348">
        <v>0</v>
      </c>
      <c r="LV15" s="345">
        <v>0</v>
      </c>
      <c r="LW15" s="349">
        <v>0</v>
      </c>
      <c r="LX15" s="404">
        <v>0</v>
      </c>
      <c r="LY15" s="345">
        <v>125162</v>
      </c>
      <c r="LZ15" s="345">
        <v>377624</v>
      </c>
      <c r="MA15" s="345">
        <v>0</v>
      </c>
      <c r="MB15" s="345">
        <v>0</v>
      </c>
      <c r="MC15" s="345">
        <v>584137</v>
      </c>
      <c r="MD15" s="349">
        <v>1086923</v>
      </c>
      <c r="ME15" s="350">
        <v>1086923</v>
      </c>
      <c r="MF15" s="348">
        <v>0</v>
      </c>
      <c r="MG15" s="345">
        <v>0</v>
      </c>
      <c r="MH15" s="349">
        <v>0</v>
      </c>
      <c r="MI15" s="404">
        <v>0</v>
      </c>
      <c r="MJ15" s="345">
        <v>489232</v>
      </c>
      <c r="MK15" s="345">
        <v>1003901</v>
      </c>
      <c r="ML15" s="345">
        <v>5530155</v>
      </c>
      <c r="MM15" s="345">
        <v>7214147</v>
      </c>
      <c r="MN15" s="345">
        <v>4228213</v>
      </c>
      <c r="MO15" s="349">
        <v>18465648</v>
      </c>
      <c r="MP15" s="354">
        <v>18465648</v>
      </c>
      <c r="MQ15" s="348">
        <v>0</v>
      </c>
      <c r="MR15" s="345">
        <v>0</v>
      </c>
      <c r="MS15" s="349">
        <v>0</v>
      </c>
      <c r="MT15" s="404">
        <v>0</v>
      </c>
      <c r="MU15" s="345">
        <v>0</v>
      </c>
      <c r="MV15" s="345">
        <v>0</v>
      </c>
      <c r="MW15" s="345">
        <v>3026178</v>
      </c>
      <c r="MX15" s="345">
        <v>5334533</v>
      </c>
      <c r="MY15" s="345">
        <v>2235668</v>
      </c>
      <c r="MZ15" s="349">
        <v>10596379</v>
      </c>
      <c r="NA15" s="354">
        <v>10596379</v>
      </c>
      <c r="NB15" s="348">
        <v>0</v>
      </c>
      <c r="NC15" s="345">
        <v>0</v>
      </c>
      <c r="ND15" s="349">
        <v>0</v>
      </c>
      <c r="NE15" s="404">
        <v>0</v>
      </c>
      <c r="NF15" s="345">
        <v>489232</v>
      </c>
      <c r="NG15" s="345">
        <v>1003901</v>
      </c>
      <c r="NH15" s="345">
        <v>2503977</v>
      </c>
      <c r="NI15" s="345">
        <v>1879614</v>
      </c>
      <c r="NJ15" s="345">
        <v>1992545</v>
      </c>
      <c r="NK15" s="349">
        <v>7869269</v>
      </c>
      <c r="NL15" s="347">
        <v>7869269</v>
      </c>
      <c r="NM15" s="348">
        <v>0</v>
      </c>
      <c r="NN15" s="345">
        <v>0</v>
      </c>
      <c r="NO15" s="349">
        <v>0</v>
      </c>
      <c r="NP15" s="404">
        <v>0</v>
      </c>
      <c r="NQ15" s="345">
        <v>0</v>
      </c>
      <c r="NR15" s="345">
        <v>0</v>
      </c>
      <c r="NS15" s="345">
        <v>0</v>
      </c>
      <c r="NT15" s="345">
        <v>0</v>
      </c>
      <c r="NU15" s="345">
        <v>0</v>
      </c>
      <c r="NV15" s="349">
        <v>0</v>
      </c>
      <c r="NW15" s="350">
        <v>0</v>
      </c>
      <c r="NX15" s="348">
        <v>0</v>
      </c>
      <c r="NY15" s="345">
        <v>0</v>
      </c>
      <c r="NZ15" s="349">
        <v>0</v>
      </c>
      <c r="OA15" s="404">
        <v>0</v>
      </c>
      <c r="OB15" s="345">
        <v>0</v>
      </c>
      <c r="OC15" s="345">
        <v>0</v>
      </c>
      <c r="OD15" s="345">
        <v>0</v>
      </c>
      <c r="OE15" s="345">
        <v>0</v>
      </c>
      <c r="OF15" s="345">
        <v>0</v>
      </c>
      <c r="OG15" s="349">
        <v>0</v>
      </c>
      <c r="OH15" s="350">
        <v>0</v>
      </c>
      <c r="OI15" s="348">
        <v>2042770</v>
      </c>
      <c r="OJ15" s="345">
        <v>2189881</v>
      </c>
      <c r="OK15" s="346">
        <v>4232651</v>
      </c>
      <c r="OL15" s="351">
        <v>0</v>
      </c>
      <c r="OM15" s="345">
        <v>17244496</v>
      </c>
      <c r="ON15" s="345">
        <v>17486007</v>
      </c>
      <c r="OO15" s="345">
        <v>21800737</v>
      </c>
      <c r="OP15" s="345">
        <v>24365493</v>
      </c>
      <c r="OQ15" s="345">
        <v>15318700</v>
      </c>
      <c r="OR15" s="349">
        <v>96215433</v>
      </c>
      <c r="OS15" s="354">
        <v>100448084</v>
      </c>
    </row>
    <row r="16" spans="2:409" s="70" customFormat="1" ht="21" customHeight="1" x14ac:dyDescent="0.2">
      <c r="B16" s="106" t="s">
        <v>10</v>
      </c>
      <c r="C16" s="326">
        <v>1262938</v>
      </c>
      <c r="D16" s="327">
        <v>2770429</v>
      </c>
      <c r="E16" s="328">
        <v>4033367</v>
      </c>
      <c r="F16" s="364">
        <v>0</v>
      </c>
      <c r="G16" s="327">
        <v>17903301</v>
      </c>
      <c r="H16" s="327">
        <v>15795687</v>
      </c>
      <c r="I16" s="327">
        <v>14652398</v>
      </c>
      <c r="J16" s="327">
        <v>16793761</v>
      </c>
      <c r="K16" s="327">
        <v>13510913</v>
      </c>
      <c r="L16" s="329">
        <v>78656060</v>
      </c>
      <c r="M16" s="330">
        <v>82689427</v>
      </c>
      <c r="N16" s="326">
        <v>432820</v>
      </c>
      <c r="O16" s="327">
        <v>1001775</v>
      </c>
      <c r="P16" s="328">
        <v>1434595</v>
      </c>
      <c r="Q16" s="326">
        <v>0</v>
      </c>
      <c r="R16" s="327">
        <v>6165351</v>
      </c>
      <c r="S16" s="327">
        <v>5931904</v>
      </c>
      <c r="T16" s="327">
        <v>5389563</v>
      </c>
      <c r="U16" s="327">
        <v>8246093</v>
      </c>
      <c r="V16" s="327">
        <v>6548002</v>
      </c>
      <c r="W16" s="328">
        <v>32280913</v>
      </c>
      <c r="X16" s="330">
        <v>33715508</v>
      </c>
      <c r="Y16" s="326">
        <v>0</v>
      </c>
      <c r="Z16" s="327">
        <v>0</v>
      </c>
      <c r="AA16" s="328">
        <v>0</v>
      </c>
      <c r="AB16" s="326">
        <v>0</v>
      </c>
      <c r="AC16" s="327">
        <v>2430946</v>
      </c>
      <c r="AD16" s="327">
        <v>3109332</v>
      </c>
      <c r="AE16" s="327">
        <v>3402826</v>
      </c>
      <c r="AF16" s="327">
        <v>5446346</v>
      </c>
      <c r="AG16" s="327">
        <v>4368060</v>
      </c>
      <c r="AH16" s="328">
        <v>18757510</v>
      </c>
      <c r="AI16" s="330">
        <v>18757510</v>
      </c>
      <c r="AJ16" s="326">
        <v>0</v>
      </c>
      <c r="AK16" s="327">
        <v>0</v>
      </c>
      <c r="AL16" s="328">
        <v>0</v>
      </c>
      <c r="AM16" s="326">
        <v>0</v>
      </c>
      <c r="AN16" s="327">
        <v>0</v>
      </c>
      <c r="AO16" s="327">
        <v>105093</v>
      </c>
      <c r="AP16" s="327">
        <v>97527</v>
      </c>
      <c r="AQ16" s="327">
        <v>299216</v>
      </c>
      <c r="AR16" s="327">
        <v>338890</v>
      </c>
      <c r="AS16" s="328">
        <v>840726</v>
      </c>
      <c r="AT16" s="330">
        <v>840726</v>
      </c>
      <c r="AU16" s="326">
        <v>249707</v>
      </c>
      <c r="AV16" s="327">
        <v>593984</v>
      </c>
      <c r="AW16" s="328">
        <v>843691</v>
      </c>
      <c r="AX16" s="326">
        <v>0</v>
      </c>
      <c r="AY16" s="327">
        <v>2269653</v>
      </c>
      <c r="AZ16" s="327">
        <v>1551753</v>
      </c>
      <c r="BA16" s="327">
        <v>833609</v>
      </c>
      <c r="BB16" s="327">
        <v>1396408</v>
      </c>
      <c r="BC16" s="327">
        <v>760047</v>
      </c>
      <c r="BD16" s="328">
        <v>6811470</v>
      </c>
      <c r="BE16" s="330">
        <v>7655161</v>
      </c>
      <c r="BF16" s="326">
        <v>0</v>
      </c>
      <c r="BG16" s="327">
        <v>169616</v>
      </c>
      <c r="BH16" s="331">
        <v>169616</v>
      </c>
      <c r="BI16" s="332">
        <v>0</v>
      </c>
      <c r="BJ16" s="327">
        <v>327966</v>
      </c>
      <c r="BK16" s="327">
        <v>232227</v>
      </c>
      <c r="BL16" s="327">
        <v>25593</v>
      </c>
      <c r="BM16" s="327">
        <v>106567</v>
      </c>
      <c r="BN16" s="327">
        <v>69932</v>
      </c>
      <c r="BO16" s="328">
        <v>762285</v>
      </c>
      <c r="BP16" s="330">
        <v>931901</v>
      </c>
      <c r="BQ16" s="326">
        <v>183113</v>
      </c>
      <c r="BR16" s="327">
        <v>238175</v>
      </c>
      <c r="BS16" s="328">
        <v>421288</v>
      </c>
      <c r="BT16" s="326">
        <v>0</v>
      </c>
      <c r="BU16" s="327">
        <v>1136786</v>
      </c>
      <c r="BV16" s="327">
        <v>933499</v>
      </c>
      <c r="BW16" s="327">
        <v>1030008</v>
      </c>
      <c r="BX16" s="327">
        <v>997556</v>
      </c>
      <c r="BY16" s="327">
        <v>1011073</v>
      </c>
      <c r="BZ16" s="328">
        <v>5108922</v>
      </c>
      <c r="CA16" s="330">
        <v>5530210</v>
      </c>
      <c r="CB16" s="326">
        <v>90414</v>
      </c>
      <c r="CC16" s="327">
        <v>102855</v>
      </c>
      <c r="CD16" s="328">
        <v>193269</v>
      </c>
      <c r="CE16" s="326">
        <v>0</v>
      </c>
      <c r="CF16" s="327">
        <v>5508108</v>
      </c>
      <c r="CG16" s="327">
        <v>3001508</v>
      </c>
      <c r="CH16" s="327">
        <v>2897131</v>
      </c>
      <c r="CI16" s="327">
        <v>1845314</v>
      </c>
      <c r="CJ16" s="327">
        <v>712232</v>
      </c>
      <c r="CK16" s="328">
        <v>13964293</v>
      </c>
      <c r="CL16" s="330">
        <v>14157562</v>
      </c>
      <c r="CM16" s="326">
        <v>0</v>
      </c>
      <c r="CN16" s="327">
        <v>0</v>
      </c>
      <c r="CO16" s="328">
        <v>0</v>
      </c>
      <c r="CP16" s="332">
        <v>0</v>
      </c>
      <c r="CQ16" s="327">
        <v>4463064</v>
      </c>
      <c r="CR16" s="327">
        <v>2341895</v>
      </c>
      <c r="CS16" s="327">
        <v>2080874</v>
      </c>
      <c r="CT16" s="327">
        <v>1578476</v>
      </c>
      <c r="CU16" s="327">
        <v>551308</v>
      </c>
      <c r="CV16" s="328">
        <v>11015617</v>
      </c>
      <c r="CW16" s="330">
        <v>11015617</v>
      </c>
      <c r="CX16" s="326">
        <v>90414</v>
      </c>
      <c r="CY16" s="327">
        <v>102855</v>
      </c>
      <c r="CZ16" s="328">
        <v>193269</v>
      </c>
      <c r="DA16" s="326">
        <v>0</v>
      </c>
      <c r="DB16" s="327">
        <v>1045044</v>
      </c>
      <c r="DC16" s="327">
        <v>659613</v>
      </c>
      <c r="DD16" s="327">
        <v>816257</v>
      </c>
      <c r="DE16" s="327">
        <v>266838</v>
      </c>
      <c r="DF16" s="327">
        <v>160924</v>
      </c>
      <c r="DG16" s="328">
        <v>2948676</v>
      </c>
      <c r="DH16" s="330">
        <v>3141945</v>
      </c>
      <c r="DI16" s="326">
        <v>0</v>
      </c>
      <c r="DJ16" s="327">
        <v>61717</v>
      </c>
      <c r="DK16" s="331">
        <v>61717</v>
      </c>
      <c r="DL16" s="332">
        <v>0</v>
      </c>
      <c r="DM16" s="327">
        <v>718303</v>
      </c>
      <c r="DN16" s="327">
        <v>729602</v>
      </c>
      <c r="DO16" s="327">
        <v>1169167</v>
      </c>
      <c r="DP16" s="327">
        <v>928093</v>
      </c>
      <c r="DQ16" s="327">
        <v>266225</v>
      </c>
      <c r="DR16" s="328">
        <v>3811390</v>
      </c>
      <c r="DS16" s="330">
        <v>3873107</v>
      </c>
      <c r="DT16" s="326">
        <v>0</v>
      </c>
      <c r="DU16" s="327">
        <v>61717</v>
      </c>
      <c r="DV16" s="328">
        <v>61717</v>
      </c>
      <c r="DW16" s="326">
        <v>0</v>
      </c>
      <c r="DX16" s="327">
        <v>664166</v>
      </c>
      <c r="DY16" s="327">
        <v>597086</v>
      </c>
      <c r="DZ16" s="327">
        <v>1123114</v>
      </c>
      <c r="EA16" s="327">
        <v>928093</v>
      </c>
      <c r="EB16" s="327">
        <v>228185</v>
      </c>
      <c r="EC16" s="328">
        <v>3540644</v>
      </c>
      <c r="ED16" s="330">
        <v>3602361</v>
      </c>
      <c r="EE16" s="326">
        <v>0</v>
      </c>
      <c r="EF16" s="331">
        <v>0</v>
      </c>
      <c r="EG16" s="328">
        <v>0</v>
      </c>
      <c r="EH16" s="326">
        <v>0</v>
      </c>
      <c r="EI16" s="327">
        <v>54137</v>
      </c>
      <c r="EJ16" s="327">
        <v>132516</v>
      </c>
      <c r="EK16" s="327">
        <v>46053</v>
      </c>
      <c r="EL16" s="327">
        <v>0</v>
      </c>
      <c r="EM16" s="327">
        <v>38040</v>
      </c>
      <c r="EN16" s="331">
        <v>270746</v>
      </c>
      <c r="EO16" s="330">
        <v>270746</v>
      </c>
      <c r="EP16" s="326">
        <v>0</v>
      </c>
      <c r="EQ16" s="327">
        <v>0</v>
      </c>
      <c r="ER16" s="331">
        <v>0</v>
      </c>
      <c r="ES16" s="332">
        <v>0</v>
      </c>
      <c r="ET16" s="327">
        <v>0</v>
      </c>
      <c r="EU16" s="327">
        <v>0</v>
      </c>
      <c r="EV16" s="327">
        <v>0</v>
      </c>
      <c r="EW16" s="327">
        <v>0</v>
      </c>
      <c r="EX16" s="327">
        <v>0</v>
      </c>
      <c r="EY16" s="328">
        <v>0</v>
      </c>
      <c r="EZ16" s="330">
        <v>0</v>
      </c>
      <c r="FA16" s="326">
        <v>0</v>
      </c>
      <c r="FB16" s="327">
        <v>0</v>
      </c>
      <c r="FC16" s="331">
        <v>0</v>
      </c>
      <c r="FD16" s="404">
        <v>0</v>
      </c>
      <c r="FE16" s="327">
        <v>0</v>
      </c>
      <c r="FF16" s="327">
        <v>0</v>
      </c>
      <c r="FG16" s="327">
        <v>0</v>
      </c>
      <c r="FH16" s="327">
        <v>0</v>
      </c>
      <c r="FI16" s="327">
        <v>0</v>
      </c>
      <c r="FJ16" s="328">
        <v>0</v>
      </c>
      <c r="FK16" s="330">
        <v>0</v>
      </c>
      <c r="FL16" s="326">
        <v>376662</v>
      </c>
      <c r="FM16" s="327">
        <v>548191</v>
      </c>
      <c r="FN16" s="328">
        <v>924853</v>
      </c>
      <c r="FO16" s="326">
        <v>0</v>
      </c>
      <c r="FP16" s="327">
        <v>940222</v>
      </c>
      <c r="FQ16" s="327">
        <v>1589749</v>
      </c>
      <c r="FR16" s="327">
        <v>970354</v>
      </c>
      <c r="FS16" s="327">
        <v>1242852</v>
      </c>
      <c r="FT16" s="327">
        <v>612659</v>
      </c>
      <c r="FU16" s="328">
        <v>5355836</v>
      </c>
      <c r="FV16" s="330">
        <v>6280689</v>
      </c>
      <c r="FW16" s="333">
        <v>237832</v>
      </c>
      <c r="FX16" s="327">
        <v>525399</v>
      </c>
      <c r="FY16" s="331">
        <v>763231</v>
      </c>
      <c r="FZ16" s="332">
        <v>0</v>
      </c>
      <c r="GA16" s="327">
        <v>785267</v>
      </c>
      <c r="GB16" s="327">
        <v>1228731</v>
      </c>
      <c r="GC16" s="327">
        <v>970354</v>
      </c>
      <c r="GD16" s="327">
        <v>1083264</v>
      </c>
      <c r="GE16" s="327">
        <v>609518</v>
      </c>
      <c r="GF16" s="328">
        <v>4677134</v>
      </c>
      <c r="GG16" s="334">
        <v>5440365</v>
      </c>
      <c r="GH16" s="333">
        <v>21700</v>
      </c>
      <c r="GI16" s="327">
        <v>22792</v>
      </c>
      <c r="GJ16" s="331">
        <v>44492</v>
      </c>
      <c r="GK16" s="332">
        <v>0</v>
      </c>
      <c r="GL16" s="327">
        <v>93355</v>
      </c>
      <c r="GM16" s="327">
        <v>148218</v>
      </c>
      <c r="GN16" s="327">
        <v>0</v>
      </c>
      <c r="GO16" s="327">
        <v>21128</v>
      </c>
      <c r="GP16" s="327">
        <v>3141</v>
      </c>
      <c r="GQ16" s="328">
        <v>265842</v>
      </c>
      <c r="GR16" s="330">
        <v>310334</v>
      </c>
      <c r="GS16" s="326">
        <v>117130</v>
      </c>
      <c r="GT16" s="327">
        <v>0</v>
      </c>
      <c r="GU16" s="328">
        <v>117130</v>
      </c>
      <c r="GV16" s="326">
        <v>0</v>
      </c>
      <c r="GW16" s="327">
        <v>61600</v>
      </c>
      <c r="GX16" s="327">
        <v>212800</v>
      </c>
      <c r="GY16" s="327">
        <v>0</v>
      </c>
      <c r="GZ16" s="327">
        <v>138460</v>
      </c>
      <c r="HA16" s="327">
        <v>0</v>
      </c>
      <c r="HB16" s="331">
        <v>412860</v>
      </c>
      <c r="HC16" s="330">
        <v>529990</v>
      </c>
      <c r="HD16" s="326">
        <v>363042</v>
      </c>
      <c r="HE16" s="327">
        <v>1055891</v>
      </c>
      <c r="HF16" s="331">
        <v>1418933</v>
      </c>
      <c r="HG16" s="332">
        <v>0</v>
      </c>
      <c r="HH16" s="327">
        <v>4571317</v>
      </c>
      <c r="HI16" s="327">
        <v>4542924</v>
      </c>
      <c r="HJ16" s="327">
        <v>4226183</v>
      </c>
      <c r="HK16" s="327">
        <v>4531409</v>
      </c>
      <c r="HL16" s="327">
        <v>5371795</v>
      </c>
      <c r="HM16" s="328">
        <v>23243628</v>
      </c>
      <c r="HN16" s="329">
        <v>24662561</v>
      </c>
      <c r="HO16" s="333">
        <v>0</v>
      </c>
      <c r="HP16" s="327">
        <v>0</v>
      </c>
      <c r="HQ16" s="328">
        <v>0</v>
      </c>
      <c r="HR16" s="326">
        <v>0</v>
      </c>
      <c r="HS16" s="327">
        <v>0</v>
      </c>
      <c r="HT16" s="327">
        <v>0</v>
      </c>
      <c r="HU16" s="327">
        <v>0</v>
      </c>
      <c r="HV16" s="327">
        <v>0</v>
      </c>
      <c r="HW16" s="327">
        <v>0</v>
      </c>
      <c r="HX16" s="331">
        <v>0</v>
      </c>
      <c r="HY16" s="330">
        <v>0</v>
      </c>
      <c r="HZ16" s="358">
        <v>42756</v>
      </c>
      <c r="IA16" s="356">
        <v>72873</v>
      </c>
      <c r="IB16" s="358">
        <v>115629</v>
      </c>
      <c r="IC16" s="355">
        <v>0</v>
      </c>
      <c r="ID16" s="356">
        <v>2726899</v>
      </c>
      <c r="IE16" s="357">
        <v>3010793</v>
      </c>
      <c r="IF16" s="358">
        <v>5061344</v>
      </c>
      <c r="IG16" s="356">
        <v>3609796</v>
      </c>
      <c r="IH16" s="358">
        <v>3554559</v>
      </c>
      <c r="II16" s="359">
        <v>17963391</v>
      </c>
      <c r="IJ16" s="358">
        <v>18079020</v>
      </c>
      <c r="IK16" s="342">
        <v>0</v>
      </c>
      <c r="IL16" s="343">
        <v>0</v>
      </c>
      <c r="IM16" s="344">
        <v>0</v>
      </c>
      <c r="IN16" s="404">
        <v>0</v>
      </c>
      <c r="IO16" s="345">
        <v>0</v>
      </c>
      <c r="IP16" s="345">
        <v>57539</v>
      </c>
      <c r="IQ16" s="345">
        <v>38486</v>
      </c>
      <c r="IR16" s="345">
        <v>0</v>
      </c>
      <c r="IS16" s="345">
        <v>263865</v>
      </c>
      <c r="IT16" s="346">
        <v>359890</v>
      </c>
      <c r="IU16" s="347">
        <v>359890</v>
      </c>
      <c r="IV16" s="348">
        <v>0</v>
      </c>
      <c r="IW16" s="345">
        <v>0</v>
      </c>
      <c r="IX16" s="349">
        <v>0</v>
      </c>
      <c r="IY16" s="404">
        <v>0</v>
      </c>
      <c r="IZ16" s="345">
        <v>9188</v>
      </c>
      <c r="JA16" s="345">
        <v>0</v>
      </c>
      <c r="JB16" s="345">
        <v>0</v>
      </c>
      <c r="JC16" s="345">
        <v>0</v>
      </c>
      <c r="JD16" s="345">
        <v>0</v>
      </c>
      <c r="JE16" s="349">
        <v>9188</v>
      </c>
      <c r="JF16" s="350">
        <v>9188</v>
      </c>
      <c r="JG16" s="348">
        <v>0</v>
      </c>
      <c r="JH16" s="345">
        <v>0</v>
      </c>
      <c r="JI16" s="346">
        <v>0</v>
      </c>
      <c r="JJ16" s="351">
        <v>0</v>
      </c>
      <c r="JK16" s="345">
        <v>870721</v>
      </c>
      <c r="JL16" s="345">
        <v>806965</v>
      </c>
      <c r="JM16" s="345">
        <v>536957</v>
      </c>
      <c r="JN16" s="345">
        <v>108882</v>
      </c>
      <c r="JO16" s="345">
        <v>0</v>
      </c>
      <c r="JP16" s="349">
        <v>2323525</v>
      </c>
      <c r="JQ16" s="347">
        <v>2323525</v>
      </c>
      <c r="JR16" s="348">
        <v>0</v>
      </c>
      <c r="JS16" s="345">
        <v>0</v>
      </c>
      <c r="JT16" s="346">
        <v>0</v>
      </c>
      <c r="JU16" s="351">
        <v>0</v>
      </c>
      <c r="JV16" s="345">
        <v>71978</v>
      </c>
      <c r="JW16" s="345">
        <v>118720</v>
      </c>
      <c r="JX16" s="345">
        <v>152604</v>
      </c>
      <c r="JY16" s="345">
        <v>304134</v>
      </c>
      <c r="JZ16" s="345">
        <v>0</v>
      </c>
      <c r="KA16" s="349">
        <v>647436</v>
      </c>
      <c r="KB16" s="347">
        <v>647436</v>
      </c>
      <c r="KC16" s="352">
        <v>42756</v>
      </c>
      <c r="KD16" s="353">
        <v>72873</v>
      </c>
      <c r="KE16" s="349">
        <v>115629</v>
      </c>
      <c r="KF16" s="351">
        <v>0</v>
      </c>
      <c r="KG16" s="345">
        <v>502002</v>
      </c>
      <c r="KH16" s="345">
        <v>432547</v>
      </c>
      <c r="KI16" s="345">
        <v>1608729</v>
      </c>
      <c r="KJ16" s="345">
        <v>378658</v>
      </c>
      <c r="KK16" s="345">
        <v>275436</v>
      </c>
      <c r="KL16" s="349">
        <v>3197372</v>
      </c>
      <c r="KM16" s="354">
        <v>3313001</v>
      </c>
      <c r="KN16" s="342">
        <v>0</v>
      </c>
      <c r="KO16" s="343">
        <v>0</v>
      </c>
      <c r="KP16" s="344">
        <v>0</v>
      </c>
      <c r="KQ16" s="404">
        <v>0</v>
      </c>
      <c r="KR16" s="345">
        <v>861577</v>
      </c>
      <c r="KS16" s="345">
        <v>1296641</v>
      </c>
      <c r="KT16" s="345">
        <v>1623907</v>
      </c>
      <c r="KU16" s="345">
        <v>1087011</v>
      </c>
      <c r="KV16" s="345">
        <v>2165184</v>
      </c>
      <c r="KW16" s="349">
        <v>7034320</v>
      </c>
      <c r="KX16" s="347">
        <v>7034320</v>
      </c>
      <c r="KY16" s="348">
        <v>0</v>
      </c>
      <c r="KZ16" s="345">
        <v>0</v>
      </c>
      <c r="LA16" s="349">
        <v>0</v>
      </c>
      <c r="LB16" s="404">
        <v>0</v>
      </c>
      <c r="LC16" s="345">
        <v>141273</v>
      </c>
      <c r="LD16" s="345">
        <v>159932</v>
      </c>
      <c r="LE16" s="345">
        <v>887393</v>
      </c>
      <c r="LF16" s="345">
        <v>238492</v>
      </c>
      <c r="LG16" s="345">
        <v>850074</v>
      </c>
      <c r="LH16" s="349">
        <v>2277164</v>
      </c>
      <c r="LI16" s="350">
        <v>2277164</v>
      </c>
      <c r="LJ16" s="348">
        <v>0</v>
      </c>
      <c r="LK16" s="345">
        <v>0</v>
      </c>
      <c r="LL16" s="349">
        <v>0</v>
      </c>
      <c r="LM16" s="404">
        <v>0</v>
      </c>
      <c r="LN16" s="345">
        <v>0</v>
      </c>
      <c r="LO16" s="345">
        <v>0</v>
      </c>
      <c r="LP16" s="345">
        <v>213268</v>
      </c>
      <c r="LQ16" s="345">
        <v>685577</v>
      </c>
      <c r="LR16" s="345">
        <v>0</v>
      </c>
      <c r="LS16" s="349">
        <v>898845</v>
      </c>
      <c r="LT16" s="347">
        <v>898845</v>
      </c>
      <c r="LU16" s="348">
        <v>0</v>
      </c>
      <c r="LV16" s="345">
        <v>0</v>
      </c>
      <c r="LW16" s="349">
        <v>0</v>
      </c>
      <c r="LX16" s="404">
        <v>0</v>
      </c>
      <c r="LY16" s="345">
        <v>270160</v>
      </c>
      <c r="LZ16" s="345">
        <v>138449</v>
      </c>
      <c r="MA16" s="345">
        <v>0</v>
      </c>
      <c r="MB16" s="345">
        <v>807042</v>
      </c>
      <c r="MC16" s="345">
        <v>0</v>
      </c>
      <c r="MD16" s="349">
        <v>1215651</v>
      </c>
      <c r="ME16" s="350">
        <v>1215651</v>
      </c>
      <c r="MF16" s="348">
        <v>0</v>
      </c>
      <c r="MG16" s="345">
        <v>0</v>
      </c>
      <c r="MH16" s="349">
        <v>0</v>
      </c>
      <c r="MI16" s="404">
        <v>0</v>
      </c>
      <c r="MJ16" s="345">
        <v>754020</v>
      </c>
      <c r="MK16" s="345">
        <v>1557894</v>
      </c>
      <c r="ML16" s="345">
        <v>3776216</v>
      </c>
      <c r="MM16" s="345">
        <v>8511550</v>
      </c>
      <c r="MN16" s="345">
        <v>5613042</v>
      </c>
      <c r="MO16" s="349">
        <v>20212722</v>
      </c>
      <c r="MP16" s="354">
        <v>20212722</v>
      </c>
      <c r="MQ16" s="348">
        <v>0</v>
      </c>
      <c r="MR16" s="345">
        <v>0</v>
      </c>
      <c r="MS16" s="349">
        <v>0</v>
      </c>
      <c r="MT16" s="404">
        <v>0</v>
      </c>
      <c r="MU16" s="345">
        <v>0</v>
      </c>
      <c r="MV16" s="345">
        <v>0</v>
      </c>
      <c r="MW16" s="345">
        <v>2187417</v>
      </c>
      <c r="MX16" s="345">
        <v>4735157</v>
      </c>
      <c r="MY16" s="345">
        <v>4108067</v>
      </c>
      <c r="MZ16" s="349">
        <v>11030641</v>
      </c>
      <c r="NA16" s="354">
        <v>11030641</v>
      </c>
      <c r="NB16" s="348">
        <v>0</v>
      </c>
      <c r="NC16" s="345">
        <v>0</v>
      </c>
      <c r="ND16" s="349">
        <v>0</v>
      </c>
      <c r="NE16" s="404">
        <v>0</v>
      </c>
      <c r="NF16" s="345">
        <v>754020</v>
      </c>
      <c r="NG16" s="345">
        <v>1557894</v>
      </c>
      <c r="NH16" s="345">
        <v>1297161</v>
      </c>
      <c r="NI16" s="345">
        <v>3776393</v>
      </c>
      <c r="NJ16" s="345">
        <v>848056</v>
      </c>
      <c r="NK16" s="349">
        <v>8233524</v>
      </c>
      <c r="NL16" s="347">
        <v>8233524</v>
      </c>
      <c r="NM16" s="348">
        <v>0</v>
      </c>
      <c r="NN16" s="345">
        <v>0</v>
      </c>
      <c r="NO16" s="349">
        <v>0</v>
      </c>
      <c r="NP16" s="404">
        <v>0</v>
      </c>
      <c r="NQ16" s="345">
        <v>0</v>
      </c>
      <c r="NR16" s="345">
        <v>0</v>
      </c>
      <c r="NS16" s="345">
        <v>0</v>
      </c>
      <c r="NT16" s="345">
        <v>0</v>
      </c>
      <c r="NU16" s="345">
        <v>0</v>
      </c>
      <c r="NV16" s="349">
        <v>0</v>
      </c>
      <c r="NW16" s="350">
        <v>0</v>
      </c>
      <c r="NX16" s="348">
        <v>0</v>
      </c>
      <c r="NY16" s="345">
        <v>0</v>
      </c>
      <c r="NZ16" s="349">
        <v>0</v>
      </c>
      <c r="OA16" s="404">
        <v>0</v>
      </c>
      <c r="OB16" s="345">
        <v>0</v>
      </c>
      <c r="OC16" s="345">
        <v>0</v>
      </c>
      <c r="OD16" s="345">
        <v>291638</v>
      </c>
      <c r="OE16" s="345">
        <v>0</v>
      </c>
      <c r="OF16" s="345">
        <v>656919</v>
      </c>
      <c r="OG16" s="349">
        <v>948557</v>
      </c>
      <c r="OH16" s="350">
        <v>948557</v>
      </c>
      <c r="OI16" s="348">
        <v>1305694</v>
      </c>
      <c r="OJ16" s="345">
        <v>2843302</v>
      </c>
      <c r="OK16" s="346">
        <v>4148996</v>
      </c>
      <c r="OL16" s="351">
        <v>0</v>
      </c>
      <c r="OM16" s="345">
        <v>21384220</v>
      </c>
      <c r="ON16" s="345">
        <v>20364374</v>
      </c>
      <c r="OO16" s="345">
        <v>23489958</v>
      </c>
      <c r="OP16" s="345">
        <v>28915107</v>
      </c>
      <c r="OQ16" s="345">
        <v>22678514</v>
      </c>
      <c r="OR16" s="349">
        <v>116832173</v>
      </c>
      <c r="OS16" s="354">
        <v>120981169</v>
      </c>
    </row>
    <row r="17" spans="2:409" s="70" customFormat="1" ht="21" customHeight="1" x14ac:dyDescent="0.2">
      <c r="B17" s="106" t="s">
        <v>11</v>
      </c>
      <c r="C17" s="326">
        <v>638935</v>
      </c>
      <c r="D17" s="327">
        <v>839731</v>
      </c>
      <c r="E17" s="365">
        <v>1478666</v>
      </c>
      <c r="F17" s="332">
        <v>0</v>
      </c>
      <c r="G17" s="327">
        <v>5775988</v>
      </c>
      <c r="H17" s="327">
        <v>5288408</v>
      </c>
      <c r="I17" s="327">
        <v>3974453</v>
      </c>
      <c r="J17" s="327">
        <v>6623093</v>
      </c>
      <c r="K17" s="327">
        <v>5320357</v>
      </c>
      <c r="L17" s="329">
        <v>26982299</v>
      </c>
      <c r="M17" s="330">
        <v>28460965</v>
      </c>
      <c r="N17" s="326">
        <v>183197</v>
      </c>
      <c r="O17" s="327">
        <v>119835</v>
      </c>
      <c r="P17" s="328">
        <v>303032</v>
      </c>
      <c r="Q17" s="326">
        <v>0</v>
      </c>
      <c r="R17" s="327">
        <v>1481081</v>
      </c>
      <c r="S17" s="327">
        <v>1561029</v>
      </c>
      <c r="T17" s="327">
        <v>1153967</v>
      </c>
      <c r="U17" s="327">
        <v>1822770</v>
      </c>
      <c r="V17" s="327">
        <v>1618369</v>
      </c>
      <c r="W17" s="328">
        <v>7637216</v>
      </c>
      <c r="X17" s="330">
        <v>7940248</v>
      </c>
      <c r="Y17" s="326">
        <v>0</v>
      </c>
      <c r="Z17" s="327">
        <v>0</v>
      </c>
      <c r="AA17" s="328">
        <v>0</v>
      </c>
      <c r="AB17" s="326">
        <v>0</v>
      </c>
      <c r="AC17" s="327">
        <v>493232</v>
      </c>
      <c r="AD17" s="327">
        <v>398072</v>
      </c>
      <c r="AE17" s="327">
        <v>728073</v>
      </c>
      <c r="AF17" s="327">
        <v>900700</v>
      </c>
      <c r="AG17" s="327">
        <v>844687</v>
      </c>
      <c r="AH17" s="328">
        <v>3364764</v>
      </c>
      <c r="AI17" s="330">
        <v>3364764</v>
      </c>
      <c r="AJ17" s="326">
        <v>0</v>
      </c>
      <c r="AK17" s="327">
        <v>0</v>
      </c>
      <c r="AL17" s="328">
        <v>0</v>
      </c>
      <c r="AM17" s="326">
        <v>0</v>
      </c>
      <c r="AN17" s="327">
        <v>0</v>
      </c>
      <c r="AO17" s="327">
        <v>41494</v>
      </c>
      <c r="AP17" s="327">
        <v>0</v>
      </c>
      <c r="AQ17" s="327">
        <v>151452</v>
      </c>
      <c r="AR17" s="327">
        <v>103475</v>
      </c>
      <c r="AS17" s="328">
        <v>296421</v>
      </c>
      <c r="AT17" s="330">
        <v>296421</v>
      </c>
      <c r="AU17" s="326">
        <v>141106</v>
      </c>
      <c r="AV17" s="327">
        <v>74776</v>
      </c>
      <c r="AW17" s="328">
        <v>215882</v>
      </c>
      <c r="AX17" s="326">
        <v>0</v>
      </c>
      <c r="AY17" s="327">
        <v>715731</v>
      </c>
      <c r="AZ17" s="327">
        <v>710266</v>
      </c>
      <c r="BA17" s="327">
        <v>126325</v>
      </c>
      <c r="BB17" s="327">
        <v>491753</v>
      </c>
      <c r="BC17" s="327">
        <v>358230</v>
      </c>
      <c r="BD17" s="328">
        <v>2402305</v>
      </c>
      <c r="BE17" s="330">
        <v>2618187</v>
      </c>
      <c r="BF17" s="326">
        <v>0</v>
      </c>
      <c r="BG17" s="327">
        <v>0</v>
      </c>
      <c r="BH17" s="331">
        <v>0</v>
      </c>
      <c r="BI17" s="332">
        <v>0</v>
      </c>
      <c r="BJ17" s="327">
        <v>17479</v>
      </c>
      <c r="BK17" s="327">
        <v>86397</v>
      </c>
      <c r="BL17" s="327">
        <v>84158</v>
      </c>
      <c r="BM17" s="327">
        <v>20481</v>
      </c>
      <c r="BN17" s="327">
        <v>54132</v>
      </c>
      <c r="BO17" s="328">
        <v>262647</v>
      </c>
      <c r="BP17" s="330">
        <v>262647</v>
      </c>
      <c r="BQ17" s="326">
        <v>42091</v>
      </c>
      <c r="BR17" s="327">
        <v>45059</v>
      </c>
      <c r="BS17" s="328">
        <v>87150</v>
      </c>
      <c r="BT17" s="326">
        <v>0</v>
      </c>
      <c r="BU17" s="327">
        <v>254639</v>
      </c>
      <c r="BV17" s="327">
        <v>324800</v>
      </c>
      <c r="BW17" s="327">
        <v>215411</v>
      </c>
      <c r="BX17" s="327">
        <v>258384</v>
      </c>
      <c r="BY17" s="327">
        <v>257845</v>
      </c>
      <c r="BZ17" s="328">
        <v>1311079</v>
      </c>
      <c r="CA17" s="330">
        <v>1398229</v>
      </c>
      <c r="CB17" s="326">
        <v>92725</v>
      </c>
      <c r="CC17" s="327">
        <v>263003</v>
      </c>
      <c r="CD17" s="328">
        <v>355728</v>
      </c>
      <c r="CE17" s="326">
        <v>0</v>
      </c>
      <c r="CF17" s="327">
        <v>1350002</v>
      </c>
      <c r="CG17" s="327">
        <v>1103334</v>
      </c>
      <c r="CH17" s="327">
        <v>813806</v>
      </c>
      <c r="CI17" s="327">
        <v>891581</v>
      </c>
      <c r="CJ17" s="327">
        <v>250255</v>
      </c>
      <c r="CK17" s="328">
        <v>4408978</v>
      </c>
      <c r="CL17" s="330">
        <v>4764706</v>
      </c>
      <c r="CM17" s="326">
        <v>0</v>
      </c>
      <c r="CN17" s="327">
        <v>0</v>
      </c>
      <c r="CO17" s="328">
        <v>0</v>
      </c>
      <c r="CP17" s="332">
        <v>0</v>
      </c>
      <c r="CQ17" s="327">
        <v>974099</v>
      </c>
      <c r="CR17" s="327">
        <v>727007</v>
      </c>
      <c r="CS17" s="327">
        <v>601563</v>
      </c>
      <c r="CT17" s="327">
        <v>611657</v>
      </c>
      <c r="CU17" s="327">
        <v>209579</v>
      </c>
      <c r="CV17" s="328">
        <v>3123905</v>
      </c>
      <c r="CW17" s="330">
        <v>3123905</v>
      </c>
      <c r="CX17" s="326">
        <v>92725</v>
      </c>
      <c r="CY17" s="327">
        <v>263003</v>
      </c>
      <c r="CZ17" s="328">
        <v>355728</v>
      </c>
      <c r="DA17" s="326">
        <v>0</v>
      </c>
      <c r="DB17" s="327">
        <v>375903</v>
      </c>
      <c r="DC17" s="327">
        <v>376327</v>
      </c>
      <c r="DD17" s="327">
        <v>212243</v>
      </c>
      <c r="DE17" s="327">
        <v>279924</v>
      </c>
      <c r="DF17" s="327">
        <v>40676</v>
      </c>
      <c r="DG17" s="328">
        <v>1285073</v>
      </c>
      <c r="DH17" s="330">
        <v>1640801</v>
      </c>
      <c r="DI17" s="326">
        <v>0</v>
      </c>
      <c r="DJ17" s="327">
        <v>0</v>
      </c>
      <c r="DK17" s="331">
        <v>0</v>
      </c>
      <c r="DL17" s="332">
        <v>0</v>
      </c>
      <c r="DM17" s="327">
        <v>84127</v>
      </c>
      <c r="DN17" s="327">
        <v>66811</v>
      </c>
      <c r="DO17" s="327">
        <v>68446</v>
      </c>
      <c r="DP17" s="327">
        <v>263582</v>
      </c>
      <c r="DQ17" s="327">
        <v>383098</v>
      </c>
      <c r="DR17" s="328">
        <v>866064</v>
      </c>
      <c r="DS17" s="330">
        <v>866064</v>
      </c>
      <c r="DT17" s="326">
        <v>0</v>
      </c>
      <c r="DU17" s="327">
        <v>0</v>
      </c>
      <c r="DV17" s="328">
        <v>0</v>
      </c>
      <c r="DW17" s="326">
        <v>0</v>
      </c>
      <c r="DX17" s="327">
        <v>84127</v>
      </c>
      <c r="DY17" s="327">
        <v>66811</v>
      </c>
      <c r="DZ17" s="327">
        <v>0</v>
      </c>
      <c r="EA17" s="327">
        <v>220441</v>
      </c>
      <c r="EB17" s="327">
        <v>202346</v>
      </c>
      <c r="EC17" s="328">
        <v>573725</v>
      </c>
      <c r="ED17" s="330">
        <v>573725</v>
      </c>
      <c r="EE17" s="326">
        <v>0</v>
      </c>
      <c r="EF17" s="331">
        <v>0</v>
      </c>
      <c r="EG17" s="328">
        <v>0</v>
      </c>
      <c r="EH17" s="326">
        <v>0</v>
      </c>
      <c r="EI17" s="327">
        <v>0</v>
      </c>
      <c r="EJ17" s="327">
        <v>0</v>
      </c>
      <c r="EK17" s="327">
        <v>68446</v>
      </c>
      <c r="EL17" s="327">
        <v>43141</v>
      </c>
      <c r="EM17" s="327">
        <v>180752</v>
      </c>
      <c r="EN17" s="331">
        <v>292339</v>
      </c>
      <c r="EO17" s="330">
        <v>292339</v>
      </c>
      <c r="EP17" s="326">
        <v>0</v>
      </c>
      <c r="EQ17" s="327">
        <v>0</v>
      </c>
      <c r="ER17" s="331">
        <v>0</v>
      </c>
      <c r="ES17" s="332">
        <v>0</v>
      </c>
      <c r="ET17" s="327">
        <v>0</v>
      </c>
      <c r="EU17" s="327">
        <v>0</v>
      </c>
      <c r="EV17" s="327">
        <v>0</v>
      </c>
      <c r="EW17" s="327">
        <v>0</v>
      </c>
      <c r="EX17" s="327">
        <v>0</v>
      </c>
      <c r="EY17" s="328">
        <v>0</v>
      </c>
      <c r="EZ17" s="330">
        <v>0</v>
      </c>
      <c r="FA17" s="326">
        <v>0</v>
      </c>
      <c r="FB17" s="327">
        <v>0</v>
      </c>
      <c r="FC17" s="331">
        <v>0</v>
      </c>
      <c r="FD17" s="404">
        <v>0</v>
      </c>
      <c r="FE17" s="327">
        <v>0</v>
      </c>
      <c r="FF17" s="327">
        <v>0</v>
      </c>
      <c r="FG17" s="327">
        <v>0</v>
      </c>
      <c r="FH17" s="327">
        <v>0</v>
      </c>
      <c r="FI17" s="327">
        <v>0</v>
      </c>
      <c r="FJ17" s="328">
        <v>0</v>
      </c>
      <c r="FK17" s="330">
        <v>0</v>
      </c>
      <c r="FL17" s="326">
        <v>109508</v>
      </c>
      <c r="FM17" s="327">
        <v>120414</v>
      </c>
      <c r="FN17" s="328">
        <v>229922</v>
      </c>
      <c r="FO17" s="326">
        <v>0</v>
      </c>
      <c r="FP17" s="327">
        <v>410382</v>
      </c>
      <c r="FQ17" s="327">
        <v>499310</v>
      </c>
      <c r="FR17" s="327">
        <v>252448</v>
      </c>
      <c r="FS17" s="327">
        <v>516936</v>
      </c>
      <c r="FT17" s="327">
        <v>264264</v>
      </c>
      <c r="FU17" s="328">
        <v>1943340</v>
      </c>
      <c r="FV17" s="330">
        <v>2173262</v>
      </c>
      <c r="FW17" s="333">
        <v>109508</v>
      </c>
      <c r="FX17" s="327">
        <v>120414</v>
      </c>
      <c r="FY17" s="331">
        <v>229922</v>
      </c>
      <c r="FZ17" s="332">
        <v>0</v>
      </c>
      <c r="GA17" s="327">
        <v>352177</v>
      </c>
      <c r="GB17" s="327">
        <v>460810</v>
      </c>
      <c r="GC17" s="327">
        <v>252448</v>
      </c>
      <c r="GD17" s="327">
        <v>516936</v>
      </c>
      <c r="GE17" s="327">
        <v>264264</v>
      </c>
      <c r="GF17" s="328">
        <v>1846635</v>
      </c>
      <c r="GG17" s="334">
        <v>2076557</v>
      </c>
      <c r="GH17" s="333">
        <v>0</v>
      </c>
      <c r="GI17" s="327">
        <v>0</v>
      </c>
      <c r="GJ17" s="331">
        <v>0</v>
      </c>
      <c r="GK17" s="332">
        <v>0</v>
      </c>
      <c r="GL17" s="327">
        <v>58205</v>
      </c>
      <c r="GM17" s="327">
        <v>38500</v>
      </c>
      <c r="GN17" s="327">
        <v>0</v>
      </c>
      <c r="GO17" s="327">
        <v>0</v>
      </c>
      <c r="GP17" s="327">
        <v>0</v>
      </c>
      <c r="GQ17" s="328">
        <v>96705</v>
      </c>
      <c r="GR17" s="330">
        <v>96705</v>
      </c>
      <c r="GS17" s="326">
        <v>0</v>
      </c>
      <c r="GT17" s="327">
        <v>0</v>
      </c>
      <c r="GU17" s="328">
        <v>0</v>
      </c>
      <c r="GV17" s="326">
        <v>0</v>
      </c>
      <c r="GW17" s="327">
        <v>0</v>
      </c>
      <c r="GX17" s="327">
        <v>0</v>
      </c>
      <c r="GY17" s="327">
        <v>0</v>
      </c>
      <c r="GZ17" s="327">
        <v>0</v>
      </c>
      <c r="HA17" s="327">
        <v>0</v>
      </c>
      <c r="HB17" s="331">
        <v>0</v>
      </c>
      <c r="HC17" s="330">
        <v>0</v>
      </c>
      <c r="HD17" s="326">
        <v>253505</v>
      </c>
      <c r="HE17" s="327">
        <v>336479</v>
      </c>
      <c r="HF17" s="331">
        <v>589984</v>
      </c>
      <c r="HG17" s="332">
        <v>0</v>
      </c>
      <c r="HH17" s="327">
        <v>2450396</v>
      </c>
      <c r="HI17" s="327">
        <v>2057924</v>
      </c>
      <c r="HJ17" s="327">
        <v>1685786</v>
      </c>
      <c r="HK17" s="327">
        <v>3128224</v>
      </c>
      <c r="HL17" s="327">
        <v>2804371</v>
      </c>
      <c r="HM17" s="328">
        <v>12126701</v>
      </c>
      <c r="HN17" s="329">
        <v>12716685</v>
      </c>
      <c r="HO17" s="333">
        <v>0</v>
      </c>
      <c r="HP17" s="327">
        <v>0</v>
      </c>
      <c r="HQ17" s="328">
        <v>0</v>
      </c>
      <c r="HR17" s="326">
        <v>0</v>
      </c>
      <c r="HS17" s="327">
        <v>0</v>
      </c>
      <c r="HT17" s="327">
        <v>0</v>
      </c>
      <c r="HU17" s="327">
        <v>0</v>
      </c>
      <c r="HV17" s="327">
        <v>0</v>
      </c>
      <c r="HW17" s="327">
        <v>0</v>
      </c>
      <c r="HX17" s="331">
        <v>0</v>
      </c>
      <c r="HY17" s="330">
        <v>0</v>
      </c>
      <c r="HZ17" s="335">
        <v>0</v>
      </c>
      <c r="IA17" s="336">
        <v>135002</v>
      </c>
      <c r="IB17" s="337">
        <v>135002</v>
      </c>
      <c r="IC17" s="338">
        <v>0</v>
      </c>
      <c r="ID17" s="336">
        <v>1119174</v>
      </c>
      <c r="IE17" s="339">
        <v>2364824</v>
      </c>
      <c r="IF17" s="337">
        <v>1676227</v>
      </c>
      <c r="IG17" s="336">
        <v>1489054</v>
      </c>
      <c r="IH17" s="337">
        <v>21271</v>
      </c>
      <c r="II17" s="340">
        <v>6670550</v>
      </c>
      <c r="IJ17" s="341">
        <v>6805552</v>
      </c>
      <c r="IK17" s="342">
        <v>0</v>
      </c>
      <c r="IL17" s="343">
        <v>0</v>
      </c>
      <c r="IM17" s="344">
        <v>0</v>
      </c>
      <c r="IN17" s="404">
        <v>0</v>
      </c>
      <c r="IO17" s="345">
        <v>0</v>
      </c>
      <c r="IP17" s="345">
        <v>320380</v>
      </c>
      <c r="IQ17" s="345">
        <v>0</v>
      </c>
      <c r="IR17" s="345">
        <v>0</v>
      </c>
      <c r="IS17" s="345">
        <v>0</v>
      </c>
      <c r="IT17" s="346">
        <v>320380</v>
      </c>
      <c r="IU17" s="347">
        <v>320380</v>
      </c>
      <c r="IV17" s="348">
        <v>0</v>
      </c>
      <c r="IW17" s="345">
        <v>0</v>
      </c>
      <c r="IX17" s="349">
        <v>0</v>
      </c>
      <c r="IY17" s="404">
        <v>0</v>
      </c>
      <c r="IZ17" s="345">
        <v>0</v>
      </c>
      <c r="JA17" s="345">
        <v>0</v>
      </c>
      <c r="JB17" s="345">
        <v>0</v>
      </c>
      <c r="JC17" s="345">
        <v>14657</v>
      </c>
      <c r="JD17" s="345">
        <v>0</v>
      </c>
      <c r="JE17" s="349">
        <v>14657</v>
      </c>
      <c r="JF17" s="350">
        <v>14657</v>
      </c>
      <c r="JG17" s="348">
        <v>0</v>
      </c>
      <c r="JH17" s="345">
        <v>0</v>
      </c>
      <c r="JI17" s="346">
        <v>0</v>
      </c>
      <c r="JJ17" s="351">
        <v>0</v>
      </c>
      <c r="JK17" s="345">
        <v>874792</v>
      </c>
      <c r="JL17" s="345">
        <v>515601</v>
      </c>
      <c r="JM17" s="345">
        <v>549233</v>
      </c>
      <c r="JN17" s="345">
        <v>498133</v>
      </c>
      <c r="JO17" s="345">
        <v>21271</v>
      </c>
      <c r="JP17" s="349">
        <v>2459030</v>
      </c>
      <c r="JQ17" s="347">
        <v>2459030</v>
      </c>
      <c r="JR17" s="348">
        <v>0</v>
      </c>
      <c r="JS17" s="345">
        <v>0</v>
      </c>
      <c r="JT17" s="346">
        <v>0</v>
      </c>
      <c r="JU17" s="351">
        <v>0</v>
      </c>
      <c r="JV17" s="345">
        <v>244382</v>
      </c>
      <c r="JW17" s="345">
        <v>80664</v>
      </c>
      <c r="JX17" s="345">
        <v>0</v>
      </c>
      <c r="JY17" s="345">
        <v>0</v>
      </c>
      <c r="JZ17" s="345">
        <v>0</v>
      </c>
      <c r="KA17" s="349">
        <v>325046</v>
      </c>
      <c r="KB17" s="347">
        <v>325046</v>
      </c>
      <c r="KC17" s="352">
        <v>0</v>
      </c>
      <c r="KD17" s="353">
        <v>135002</v>
      </c>
      <c r="KE17" s="349">
        <v>135002</v>
      </c>
      <c r="KF17" s="351">
        <v>0</v>
      </c>
      <c r="KG17" s="345">
        <v>0</v>
      </c>
      <c r="KH17" s="345">
        <v>591793</v>
      </c>
      <c r="KI17" s="345">
        <v>421114</v>
      </c>
      <c r="KJ17" s="345">
        <v>469337</v>
      </c>
      <c r="KK17" s="345">
        <v>0</v>
      </c>
      <c r="KL17" s="349">
        <v>1482244</v>
      </c>
      <c r="KM17" s="354">
        <v>1617246</v>
      </c>
      <c r="KN17" s="342">
        <v>0</v>
      </c>
      <c r="KO17" s="343">
        <v>0</v>
      </c>
      <c r="KP17" s="344">
        <v>0</v>
      </c>
      <c r="KQ17" s="404">
        <v>0</v>
      </c>
      <c r="KR17" s="345">
        <v>0</v>
      </c>
      <c r="KS17" s="345">
        <v>684176</v>
      </c>
      <c r="KT17" s="345">
        <v>705880</v>
      </c>
      <c r="KU17" s="345">
        <v>246887</v>
      </c>
      <c r="KV17" s="345">
        <v>0</v>
      </c>
      <c r="KW17" s="349">
        <v>1636943</v>
      </c>
      <c r="KX17" s="347">
        <v>1636943</v>
      </c>
      <c r="KY17" s="348">
        <v>0</v>
      </c>
      <c r="KZ17" s="345">
        <v>0</v>
      </c>
      <c r="LA17" s="349">
        <v>0</v>
      </c>
      <c r="LB17" s="404">
        <v>0</v>
      </c>
      <c r="LC17" s="345">
        <v>0</v>
      </c>
      <c r="LD17" s="345">
        <v>0</v>
      </c>
      <c r="LE17" s="345">
        <v>0</v>
      </c>
      <c r="LF17" s="345">
        <v>0</v>
      </c>
      <c r="LG17" s="345">
        <v>0</v>
      </c>
      <c r="LH17" s="349">
        <v>0</v>
      </c>
      <c r="LI17" s="350">
        <v>0</v>
      </c>
      <c r="LJ17" s="348">
        <v>0</v>
      </c>
      <c r="LK17" s="345">
        <v>0</v>
      </c>
      <c r="LL17" s="349">
        <v>0</v>
      </c>
      <c r="LM17" s="404">
        <v>0</v>
      </c>
      <c r="LN17" s="345">
        <v>0</v>
      </c>
      <c r="LO17" s="345">
        <v>0</v>
      </c>
      <c r="LP17" s="345">
        <v>0</v>
      </c>
      <c r="LQ17" s="345">
        <v>0</v>
      </c>
      <c r="LR17" s="345">
        <v>0</v>
      </c>
      <c r="LS17" s="349">
        <v>0</v>
      </c>
      <c r="LT17" s="347">
        <v>0</v>
      </c>
      <c r="LU17" s="348">
        <v>0</v>
      </c>
      <c r="LV17" s="345">
        <v>0</v>
      </c>
      <c r="LW17" s="349">
        <v>0</v>
      </c>
      <c r="LX17" s="404">
        <v>0</v>
      </c>
      <c r="LY17" s="345">
        <v>0</v>
      </c>
      <c r="LZ17" s="345">
        <v>172210</v>
      </c>
      <c r="MA17" s="345">
        <v>0</v>
      </c>
      <c r="MB17" s="345">
        <v>260040</v>
      </c>
      <c r="MC17" s="345">
        <v>0</v>
      </c>
      <c r="MD17" s="349">
        <v>432250</v>
      </c>
      <c r="ME17" s="350">
        <v>432250</v>
      </c>
      <c r="MF17" s="348">
        <v>0</v>
      </c>
      <c r="MG17" s="345">
        <v>0</v>
      </c>
      <c r="MH17" s="349">
        <v>0</v>
      </c>
      <c r="MI17" s="404">
        <v>0</v>
      </c>
      <c r="MJ17" s="345">
        <v>0</v>
      </c>
      <c r="MK17" s="345">
        <v>187567</v>
      </c>
      <c r="ML17" s="345">
        <v>2618066</v>
      </c>
      <c r="MM17" s="345">
        <v>2682849</v>
      </c>
      <c r="MN17" s="345">
        <v>2965232</v>
      </c>
      <c r="MO17" s="349">
        <v>8453714</v>
      </c>
      <c r="MP17" s="354">
        <v>8453714</v>
      </c>
      <c r="MQ17" s="348">
        <v>0</v>
      </c>
      <c r="MR17" s="345">
        <v>0</v>
      </c>
      <c r="MS17" s="349">
        <v>0</v>
      </c>
      <c r="MT17" s="404">
        <v>0</v>
      </c>
      <c r="MU17" s="345">
        <v>0</v>
      </c>
      <c r="MV17" s="345">
        <v>0</v>
      </c>
      <c r="MW17" s="345">
        <v>1366551</v>
      </c>
      <c r="MX17" s="345">
        <v>1411498</v>
      </c>
      <c r="MY17" s="345">
        <v>1747790</v>
      </c>
      <c r="MZ17" s="349">
        <v>4525839</v>
      </c>
      <c r="NA17" s="354">
        <v>4525839</v>
      </c>
      <c r="NB17" s="348">
        <v>0</v>
      </c>
      <c r="NC17" s="345">
        <v>0</v>
      </c>
      <c r="ND17" s="349">
        <v>0</v>
      </c>
      <c r="NE17" s="404">
        <v>0</v>
      </c>
      <c r="NF17" s="345">
        <v>0</v>
      </c>
      <c r="NG17" s="345">
        <v>187567</v>
      </c>
      <c r="NH17" s="345">
        <v>1251515</v>
      </c>
      <c r="NI17" s="345">
        <v>1271351</v>
      </c>
      <c r="NJ17" s="345">
        <v>254680</v>
      </c>
      <c r="NK17" s="349">
        <v>2965113</v>
      </c>
      <c r="NL17" s="347">
        <v>2965113</v>
      </c>
      <c r="NM17" s="348">
        <v>0</v>
      </c>
      <c r="NN17" s="345">
        <v>0</v>
      </c>
      <c r="NO17" s="349">
        <v>0</v>
      </c>
      <c r="NP17" s="404">
        <v>0</v>
      </c>
      <c r="NQ17" s="345">
        <v>0</v>
      </c>
      <c r="NR17" s="345">
        <v>0</v>
      </c>
      <c r="NS17" s="345">
        <v>0</v>
      </c>
      <c r="NT17" s="345">
        <v>0</v>
      </c>
      <c r="NU17" s="345">
        <v>0</v>
      </c>
      <c r="NV17" s="349">
        <v>0</v>
      </c>
      <c r="NW17" s="350">
        <v>0</v>
      </c>
      <c r="NX17" s="348">
        <v>0</v>
      </c>
      <c r="NY17" s="345">
        <v>0</v>
      </c>
      <c r="NZ17" s="349">
        <v>0</v>
      </c>
      <c r="OA17" s="404">
        <v>0</v>
      </c>
      <c r="OB17" s="345">
        <v>0</v>
      </c>
      <c r="OC17" s="345">
        <v>0</v>
      </c>
      <c r="OD17" s="345">
        <v>0</v>
      </c>
      <c r="OE17" s="345">
        <v>0</v>
      </c>
      <c r="OF17" s="345">
        <v>962762</v>
      </c>
      <c r="OG17" s="349">
        <v>962762</v>
      </c>
      <c r="OH17" s="350">
        <v>962762</v>
      </c>
      <c r="OI17" s="348">
        <v>638935</v>
      </c>
      <c r="OJ17" s="345">
        <v>974733</v>
      </c>
      <c r="OK17" s="346">
        <v>1613668</v>
      </c>
      <c r="OL17" s="351">
        <v>0</v>
      </c>
      <c r="OM17" s="345">
        <v>6895162</v>
      </c>
      <c r="ON17" s="345">
        <v>7840799</v>
      </c>
      <c r="OO17" s="345">
        <v>8268746</v>
      </c>
      <c r="OP17" s="345">
        <v>10794996</v>
      </c>
      <c r="OQ17" s="345">
        <v>8306860</v>
      </c>
      <c r="OR17" s="349">
        <v>42106563</v>
      </c>
      <c r="OS17" s="354">
        <v>43720231</v>
      </c>
    </row>
    <row r="18" spans="2:409" s="70" customFormat="1" ht="21" customHeight="1" x14ac:dyDescent="0.2">
      <c r="B18" s="106" t="s">
        <v>12</v>
      </c>
      <c r="C18" s="326">
        <v>879759</v>
      </c>
      <c r="D18" s="327">
        <v>2217819</v>
      </c>
      <c r="E18" s="328">
        <v>3097578</v>
      </c>
      <c r="F18" s="329">
        <v>0</v>
      </c>
      <c r="G18" s="327">
        <v>5992207</v>
      </c>
      <c r="H18" s="366">
        <v>9740530</v>
      </c>
      <c r="I18" s="366">
        <v>7766431</v>
      </c>
      <c r="J18" s="366">
        <v>6787605</v>
      </c>
      <c r="K18" s="366">
        <v>5258280</v>
      </c>
      <c r="L18" s="331">
        <v>35545053</v>
      </c>
      <c r="M18" s="330">
        <v>38642631</v>
      </c>
      <c r="N18" s="326">
        <v>341546</v>
      </c>
      <c r="O18" s="327">
        <v>697720</v>
      </c>
      <c r="P18" s="328">
        <v>1039266</v>
      </c>
      <c r="Q18" s="326">
        <v>0</v>
      </c>
      <c r="R18" s="327">
        <v>2013837</v>
      </c>
      <c r="S18" s="327">
        <v>3158018</v>
      </c>
      <c r="T18" s="327">
        <v>2502092</v>
      </c>
      <c r="U18" s="327">
        <v>2990560</v>
      </c>
      <c r="V18" s="327">
        <v>2082444</v>
      </c>
      <c r="W18" s="328">
        <v>12746951</v>
      </c>
      <c r="X18" s="330">
        <v>13786217</v>
      </c>
      <c r="Y18" s="326">
        <v>0</v>
      </c>
      <c r="Z18" s="327">
        <v>0</v>
      </c>
      <c r="AA18" s="328">
        <v>0</v>
      </c>
      <c r="AB18" s="326">
        <v>0</v>
      </c>
      <c r="AC18" s="327">
        <v>1087931</v>
      </c>
      <c r="AD18" s="327">
        <v>1364974</v>
      </c>
      <c r="AE18" s="327">
        <v>1572231</v>
      </c>
      <c r="AF18" s="327">
        <v>1298956</v>
      </c>
      <c r="AG18" s="327">
        <v>1045753</v>
      </c>
      <c r="AH18" s="328">
        <v>6369845</v>
      </c>
      <c r="AI18" s="330">
        <v>6369845</v>
      </c>
      <c r="AJ18" s="326">
        <v>0</v>
      </c>
      <c r="AK18" s="327">
        <v>0</v>
      </c>
      <c r="AL18" s="328">
        <v>0</v>
      </c>
      <c r="AM18" s="326">
        <v>0</v>
      </c>
      <c r="AN18" s="327">
        <v>0</v>
      </c>
      <c r="AO18" s="327">
        <v>72614</v>
      </c>
      <c r="AP18" s="327">
        <v>10607</v>
      </c>
      <c r="AQ18" s="327">
        <v>258297</v>
      </c>
      <c r="AR18" s="327">
        <v>179255</v>
      </c>
      <c r="AS18" s="328">
        <v>520773</v>
      </c>
      <c r="AT18" s="330">
        <v>520773</v>
      </c>
      <c r="AU18" s="326">
        <v>232079</v>
      </c>
      <c r="AV18" s="327">
        <v>571957</v>
      </c>
      <c r="AW18" s="328">
        <v>804036</v>
      </c>
      <c r="AX18" s="326">
        <v>0</v>
      </c>
      <c r="AY18" s="327">
        <v>657472</v>
      </c>
      <c r="AZ18" s="327">
        <v>1353172</v>
      </c>
      <c r="BA18" s="327">
        <v>440839</v>
      </c>
      <c r="BB18" s="327">
        <v>853450</v>
      </c>
      <c r="BC18" s="327">
        <v>523671</v>
      </c>
      <c r="BD18" s="328">
        <v>3828604</v>
      </c>
      <c r="BE18" s="330">
        <v>4632640</v>
      </c>
      <c r="BF18" s="326">
        <v>53880</v>
      </c>
      <c r="BG18" s="327">
        <v>8093</v>
      </c>
      <c r="BH18" s="331">
        <v>61973</v>
      </c>
      <c r="BI18" s="332">
        <v>0</v>
      </c>
      <c r="BJ18" s="327">
        <v>59218</v>
      </c>
      <c r="BK18" s="327">
        <v>21696</v>
      </c>
      <c r="BL18" s="327">
        <v>61243</v>
      </c>
      <c r="BM18" s="327">
        <v>199050</v>
      </c>
      <c r="BN18" s="327">
        <v>38106</v>
      </c>
      <c r="BO18" s="328">
        <v>379313</v>
      </c>
      <c r="BP18" s="330">
        <v>441286</v>
      </c>
      <c r="BQ18" s="326">
        <v>55587</v>
      </c>
      <c r="BR18" s="327">
        <v>117670</v>
      </c>
      <c r="BS18" s="328">
        <v>173257</v>
      </c>
      <c r="BT18" s="326">
        <v>0</v>
      </c>
      <c r="BU18" s="327">
        <v>209216</v>
      </c>
      <c r="BV18" s="327">
        <v>345562</v>
      </c>
      <c r="BW18" s="327">
        <v>417172</v>
      </c>
      <c r="BX18" s="327">
        <v>380807</v>
      </c>
      <c r="BY18" s="327">
        <v>295659</v>
      </c>
      <c r="BZ18" s="328">
        <v>1648416</v>
      </c>
      <c r="CA18" s="330">
        <v>1821673</v>
      </c>
      <c r="CB18" s="326">
        <v>135826</v>
      </c>
      <c r="CC18" s="327">
        <v>375910</v>
      </c>
      <c r="CD18" s="328">
        <v>511736</v>
      </c>
      <c r="CE18" s="326">
        <v>0</v>
      </c>
      <c r="CF18" s="327">
        <v>2245007</v>
      </c>
      <c r="CG18" s="327">
        <v>2320938</v>
      </c>
      <c r="CH18" s="327">
        <v>1648801</v>
      </c>
      <c r="CI18" s="327">
        <v>868884</v>
      </c>
      <c r="CJ18" s="327">
        <v>343541</v>
      </c>
      <c r="CK18" s="328">
        <v>7427171</v>
      </c>
      <c r="CL18" s="330">
        <v>7938907</v>
      </c>
      <c r="CM18" s="326">
        <v>0</v>
      </c>
      <c r="CN18" s="327">
        <v>0</v>
      </c>
      <c r="CO18" s="328">
        <v>0</v>
      </c>
      <c r="CP18" s="332">
        <v>0</v>
      </c>
      <c r="CQ18" s="327">
        <v>1703263</v>
      </c>
      <c r="CR18" s="327">
        <v>1802449</v>
      </c>
      <c r="CS18" s="327">
        <v>1079842</v>
      </c>
      <c r="CT18" s="327">
        <v>658008</v>
      </c>
      <c r="CU18" s="327">
        <v>322207</v>
      </c>
      <c r="CV18" s="328">
        <v>5565769</v>
      </c>
      <c r="CW18" s="330">
        <v>5565769</v>
      </c>
      <c r="CX18" s="326">
        <v>135826</v>
      </c>
      <c r="CY18" s="327">
        <v>375910</v>
      </c>
      <c r="CZ18" s="328">
        <v>511736</v>
      </c>
      <c r="DA18" s="326">
        <v>0</v>
      </c>
      <c r="DB18" s="327">
        <v>541744</v>
      </c>
      <c r="DC18" s="327">
        <v>518489</v>
      </c>
      <c r="DD18" s="327">
        <v>568959</v>
      </c>
      <c r="DE18" s="327">
        <v>210876</v>
      </c>
      <c r="DF18" s="327">
        <v>21334</v>
      </c>
      <c r="DG18" s="328">
        <v>1861402</v>
      </c>
      <c r="DH18" s="330">
        <v>2373138</v>
      </c>
      <c r="DI18" s="326">
        <v>0</v>
      </c>
      <c r="DJ18" s="327">
        <v>102116</v>
      </c>
      <c r="DK18" s="331">
        <v>102116</v>
      </c>
      <c r="DL18" s="332">
        <v>0</v>
      </c>
      <c r="DM18" s="327">
        <v>187814</v>
      </c>
      <c r="DN18" s="327">
        <v>636440</v>
      </c>
      <c r="DO18" s="327">
        <v>589596</v>
      </c>
      <c r="DP18" s="327">
        <v>163472</v>
      </c>
      <c r="DQ18" s="327">
        <v>304935</v>
      </c>
      <c r="DR18" s="328">
        <v>1882257</v>
      </c>
      <c r="DS18" s="330">
        <v>1984373</v>
      </c>
      <c r="DT18" s="326">
        <v>0</v>
      </c>
      <c r="DU18" s="327">
        <v>102116</v>
      </c>
      <c r="DV18" s="328">
        <v>102116</v>
      </c>
      <c r="DW18" s="326">
        <v>0</v>
      </c>
      <c r="DX18" s="327">
        <v>187814</v>
      </c>
      <c r="DY18" s="327">
        <v>636440</v>
      </c>
      <c r="DZ18" s="327">
        <v>566570</v>
      </c>
      <c r="EA18" s="327">
        <v>163472</v>
      </c>
      <c r="EB18" s="327">
        <v>48774</v>
      </c>
      <c r="EC18" s="328">
        <v>1603070</v>
      </c>
      <c r="ED18" s="330">
        <v>1705186</v>
      </c>
      <c r="EE18" s="326">
        <v>0</v>
      </c>
      <c r="EF18" s="331">
        <v>0</v>
      </c>
      <c r="EG18" s="328">
        <v>0</v>
      </c>
      <c r="EH18" s="326">
        <v>0</v>
      </c>
      <c r="EI18" s="327">
        <v>0</v>
      </c>
      <c r="EJ18" s="327">
        <v>0</v>
      </c>
      <c r="EK18" s="327">
        <v>23026</v>
      </c>
      <c r="EL18" s="327">
        <v>0</v>
      </c>
      <c r="EM18" s="327">
        <v>256161</v>
      </c>
      <c r="EN18" s="331">
        <v>279187</v>
      </c>
      <c r="EO18" s="330">
        <v>279187</v>
      </c>
      <c r="EP18" s="326">
        <v>0</v>
      </c>
      <c r="EQ18" s="327">
        <v>0</v>
      </c>
      <c r="ER18" s="331">
        <v>0</v>
      </c>
      <c r="ES18" s="332">
        <v>0</v>
      </c>
      <c r="ET18" s="327">
        <v>0</v>
      </c>
      <c r="EU18" s="327">
        <v>0</v>
      </c>
      <c r="EV18" s="327">
        <v>0</v>
      </c>
      <c r="EW18" s="327">
        <v>0</v>
      </c>
      <c r="EX18" s="327">
        <v>0</v>
      </c>
      <c r="EY18" s="328">
        <v>0</v>
      </c>
      <c r="EZ18" s="330">
        <v>0</v>
      </c>
      <c r="FA18" s="326">
        <v>0</v>
      </c>
      <c r="FB18" s="327">
        <v>0</v>
      </c>
      <c r="FC18" s="331">
        <v>0</v>
      </c>
      <c r="FD18" s="404">
        <v>0</v>
      </c>
      <c r="FE18" s="327">
        <v>0</v>
      </c>
      <c r="FF18" s="327">
        <v>0</v>
      </c>
      <c r="FG18" s="327">
        <v>0</v>
      </c>
      <c r="FH18" s="327">
        <v>0</v>
      </c>
      <c r="FI18" s="327">
        <v>0</v>
      </c>
      <c r="FJ18" s="328">
        <v>0</v>
      </c>
      <c r="FK18" s="330">
        <v>0</v>
      </c>
      <c r="FL18" s="326">
        <v>131957</v>
      </c>
      <c r="FM18" s="327">
        <v>443198</v>
      </c>
      <c r="FN18" s="328">
        <v>575155</v>
      </c>
      <c r="FO18" s="326">
        <v>0</v>
      </c>
      <c r="FP18" s="327">
        <v>391727</v>
      </c>
      <c r="FQ18" s="327">
        <v>997381</v>
      </c>
      <c r="FR18" s="327">
        <v>792284</v>
      </c>
      <c r="FS18" s="327">
        <v>800215</v>
      </c>
      <c r="FT18" s="327">
        <v>487648</v>
      </c>
      <c r="FU18" s="328">
        <v>3469255</v>
      </c>
      <c r="FV18" s="330">
        <v>4044410</v>
      </c>
      <c r="FW18" s="333">
        <v>131957</v>
      </c>
      <c r="FX18" s="327">
        <v>331317</v>
      </c>
      <c r="FY18" s="331">
        <v>463274</v>
      </c>
      <c r="FZ18" s="332">
        <v>0</v>
      </c>
      <c r="GA18" s="327">
        <v>274827</v>
      </c>
      <c r="GB18" s="327">
        <v>927311</v>
      </c>
      <c r="GC18" s="327">
        <v>644140</v>
      </c>
      <c r="GD18" s="327">
        <v>678209</v>
      </c>
      <c r="GE18" s="327">
        <v>428148</v>
      </c>
      <c r="GF18" s="328">
        <v>2952635</v>
      </c>
      <c r="GG18" s="334">
        <v>3415909</v>
      </c>
      <c r="GH18" s="333">
        <v>0</v>
      </c>
      <c r="GI18" s="327">
        <v>32648</v>
      </c>
      <c r="GJ18" s="331">
        <v>32648</v>
      </c>
      <c r="GK18" s="332">
        <v>0</v>
      </c>
      <c r="GL18" s="327">
        <v>21700</v>
      </c>
      <c r="GM18" s="327">
        <v>70070</v>
      </c>
      <c r="GN18" s="327">
        <v>114544</v>
      </c>
      <c r="GO18" s="327">
        <v>45006</v>
      </c>
      <c r="GP18" s="327">
        <v>0</v>
      </c>
      <c r="GQ18" s="328">
        <v>251320</v>
      </c>
      <c r="GR18" s="330">
        <v>283968</v>
      </c>
      <c r="GS18" s="326">
        <v>0</v>
      </c>
      <c r="GT18" s="327">
        <v>79233</v>
      </c>
      <c r="GU18" s="328">
        <v>79233</v>
      </c>
      <c r="GV18" s="326">
        <v>0</v>
      </c>
      <c r="GW18" s="327">
        <v>95200</v>
      </c>
      <c r="GX18" s="327">
        <v>0</v>
      </c>
      <c r="GY18" s="327">
        <v>33600</v>
      </c>
      <c r="GZ18" s="327">
        <v>77000</v>
      </c>
      <c r="HA18" s="327">
        <v>59500</v>
      </c>
      <c r="HB18" s="331">
        <v>265300</v>
      </c>
      <c r="HC18" s="330">
        <v>344533</v>
      </c>
      <c r="HD18" s="326">
        <v>270430</v>
      </c>
      <c r="HE18" s="327">
        <v>598875</v>
      </c>
      <c r="HF18" s="331">
        <v>869305</v>
      </c>
      <c r="HG18" s="332">
        <v>0</v>
      </c>
      <c r="HH18" s="327">
        <v>1153822</v>
      </c>
      <c r="HI18" s="327">
        <v>2627753</v>
      </c>
      <c r="HJ18" s="327">
        <v>2233658</v>
      </c>
      <c r="HK18" s="327">
        <v>1964474</v>
      </c>
      <c r="HL18" s="327">
        <v>2039712</v>
      </c>
      <c r="HM18" s="328">
        <v>10019419</v>
      </c>
      <c r="HN18" s="329">
        <v>10888724</v>
      </c>
      <c r="HO18" s="333">
        <v>0</v>
      </c>
      <c r="HP18" s="327">
        <v>0</v>
      </c>
      <c r="HQ18" s="328">
        <v>0</v>
      </c>
      <c r="HR18" s="326">
        <v>0</v>
      </c>
      <c r="HS18" s="327">
        <v>0</v>
      </c>
      <c r="HT18" s="327">
        <v>0</v>
      </c>
      <c r="HU18" s="327">
        <v>0</v>
      </c>
      <c r="HV18" s="327">
        <v>0</v>
      </c>
      <c r="HW18" s="327">
        <v>0</v>
      </c>
      <c r="HX18" s="331">
        <v>0</v>
      </c>
      <c r="HY18" s="330">
        <v>0</v>
      </c>
      <c r="HZ18" s="358">
        <v>0</v>
      </c>
      <c r="IA18" s="356">
        <v>0</v>
      </c>
      <c r="IB18" s="358">
        <v>0</v>
      </c>
      <c r="IC18" s="355">
        <v>0</v>
      </c>
      <c r="ID18" s="356">
        <v>848320</v>
      </c>
      <c r="IE18" s="357">
        <v>1456900</v>
      </c>
      <c r="IF18" s="358">
        <v>1999557</v>
      </c>
      <c r="IG18" s="356">
        <v>2191549</v>
      </c>
      <c r="IH18" s="358">
        <v>1043772</v>
      </c>
      <c r="II18" s="359">
        <v>7540098</v>
      </c>
      <c r="IJ18" s="358">
        <v>7540098</v>
      </c>
      <c r="IK18" s="342">
        <v>0</v>
      </c>
      <c r="IL18" s="343">
        <v>0</v>
      </c>
      <c r="IM18" s="344">
        <v>0</v>
      </c>
      <c r="IN18" s="404">
        <v>0</v>
      </c>
      <c r="IO18" s="345">
        <v>0</v>
      </c>
      <c r="IP18" s="345">
        <v>0</v>
      </c>
      <c r="IQ18" s="345">
        <v>0</v>
      </c>
      <c r="IR18" s="345">
        <v>0</v>
      </c>
      <c r="IS18" s="345">
        <v>0</v>
      </c>
      <c r="IT18" s="346">
        <v>0</v>
      </c>
      <c r="IU18" s="347">
        <v>0</v>
      </c>
      <c r="IV18" s="348">
        <v>0</v>
      </c>
      <c r="IW18" s="345">
        <v>0</v>
      </c>
      <c r="IX18" s="349">
        <v>0</v>
      </c>
      <c r="IY18" s="404">
        <v>0</v>
      </c>
      <c r="IZ18" s="345">
        <v>0</v>
      </c>
      <c r="JA18" s="345">
        <v>0</v>
      </c>
      <c r="JB18" s="345">
        <v>0</v>
      </c>
      <c r="JC18" s="345">
        <v>0</v>
      </c>
      <c r="JD18" s="345">
        <v>0</v>
      </c>
      <c r="JE18" s="349">
        <v>0</v>
      </c>
      <c r="JF18" s="350">
        <v>0</v>
      </c>
      <c r="JG18" s="348">
        <v>0</v>
      </c>
      <c r="JH18" s="345">
        <v>0</v>
      </c>
      <c r="JI18" s="346">
        <v>0</v>
      </c>
      <c r="JJ18" s="351">
        <v>0</v>
      </c>
      <c r="JK18" s="345">
        <v>635740</v>
      </c>
      <c r="JL18" s="345">
        <v>437279</v>
      </c>
      <c r="JM18" s="345">
        <v>76455</v>
      </c>
      <c r="JN18" s="345">
        <v>358820</v>
      </c>
      <c r="JO18" s="345">
        <v>414568</v>
      </c>
      <c r="JP18" s="349">
        <v>1922862</v>
      </c>
      <c r="JQ18" s="347">
        <v>1922862</v>
      </c>
      <c r="JR18" s="348">
        <v>0</v>
      </c>
      <c r="JS18" s="345">
        <v>0</v>
      </c>
      <c r="JT18" s="346">
        <v>0</v>
      </c>
      <c r="JU18" s="351">
        <v>0</v>
      </c>
      <c r="JV18" s="345">
        <v>0</v>
      </c>
      <c r="JW18" s="345">
        <v>0</v>
      </c>
      <c r="JX18" s="345">
        <v>0</v>
      </c>
      <c r="JY18" s="345">
        <v>0</v>
      </c>
      <c r="JZ18" s="345">
        <v>0</v>
      </c>
      <c r="KA18" s="349">
        <v>0</v>
      </c>
      <c r="KB18" s="347">
        <v>0</v>
      </c>
      <c r="KC18" s="352">
        <v>0</v>
      </c>
      <c r="KD18" s="353">
        <v>0</v>
      </c>
      <c r="KE18" s="349">
        <v>0</v>
      </c>
      <c r="KF18" s="351">
        <v>0</v>
      </c>
      <c r="KG18" s="345">
        <v>0</v>
      </c>
      <c r="KH18" s="345">
        <v>160881</v>
      </c>
      <c r="KI18" s="345">
        <v>164781</v>
      </c>
      <c r="KJ18" s="345">
        <v>464375</v>
      </c>
      <c r="KK18" s="345">
        <v>0</v>
      </c>
      <c r="KL18" s="349">
        <v>790037</v>
      </c>
      <c r="KM18" s="354">
        <v>790037</v>
      </c>
      <c r="KN18" s="342">
        <v>0</v>
      </c>
      <c r="KO18" s="343">
        <v>0</v>
      </c>
      <c r="KP18" s="344">
        <v>0</v>
      </c>
      <c r="KQ18" s="404">
        <v>0</v>
      </c>
      <c r="KR18" s="345">
        <v>212580</v>
      </c>
      <c r="KS18" s="345">
        <v>676789</v>
      </c>
      <c r="KT18" s="345">
        <v>586513</v>
      </c>
      <c r="KU18" s="345">
        <v>681244</v>
      </c>
      <c r="KV18" s="345">
        <v>476490</v>
      </c>
      <c r="KW18" s="349">
        <v>2633616</v>
      </c>
      <c r="KX18" s="347">
        <v>2633616</v>
      </c>
      <c r="KY18" s="348">
        <v>0</v>
      </c>
      <c r="KZ18" s="345">
        <v>0</v>
      </c>
      <c r="LA18" s="349">
        <v>0</v>
      </c>
      <c r="LB18" s="404">
        <v>0</v>
      </c>
      <c r="LC18" s="345">
        <v>0</v>
      </c>
      <c r="LD18" s="345">
        <v>0</v>
      </c>
      <c r="LE18" s="345">
        <v>186100</v>
      </c>
      <c r="LF18" s="345">
        <v>405454</v>
      </c>
      <c r="LG18" s="345">
        <v>152714</v>
      </c>
      <c r="LH18" s="349">
        <v>744268</v>
      </c>
      <c r="LI18" s="350">
        <v>744268</v>
      </c>
      <c r="LJ18" s="348">
        <v>0</v>
      </c>
      <c r="LK18" s="345">
        <v>0</v>
      </c>
      <c r="LL18" s="349">
        <v>0</v>
      </c>
      <c r="LM18" s="404">
        <v>0</v>
      </c>
      <c r="LN18" s="345">
        <v>0</v>
      </c>
      <c r="LO18" s="345">
        <v>0</v>
      </c>
      <c r="LP18" s="345">
        <v>485450</v>
      </c>
      <c r="LQ18" s="345">
        <v>0</v>
      </c>
      <c r="LR18" s="345">
        <v>0</v>
      </c>
      <c r="LS18" s="349">
        <v>485450</v>
      </c>
      <c r="LT18" s="347">
        <v>485450</v>
      </c>
      <c r="LU18" s="348">
        <v>0</v>
      </c>
      <c r="LV18" s="345">
        <v>0</v>
      </c>
      <c r="LW18" s="349">
        <v>0</v>
      </c>
      <c r="LX18" s="404">
        <v>0</v>
      </c>
      <c r="LY18" s="345">
        <v>0</v>
      </c>
      <c r="LZ18" s="345">
        <v>181951</v>
      </c>
      <c r="MA18" s="345">
        <v>500258</v>
      </c>
      <c r="MB18" s="345">
        <v>281656</v>
      </c>
      <c r="MC18" s="345">
        <v>0</v>
      </c>
      <c r="MD18" s="349">
        <v>963865</v>
      </c>
      <c r="ME18" s="350">
        <v>963865</v>
      </c>
      <c r="MF18" s="348">
        <v>0</v>
      </c>
      <c r="MG18" s="345">
        <v>0</v>
      </c>
      <c r="MH18" s="349">
        <v>0</v>
      </c>
      <c r="MI18" s="404">
        <v>0</v>
      </c>
      <c r="MJ18" s="345">
        <v>208462</v>
      </c>
      <c r="MK18" s="345">
        <v>854259</v>
      </c>
      <c r="ML18" s="345">
        <v>2550776</v>
      </c>
      <c r="MM18" s="345">
        <v>7615307</v>
      </c>
      <c r="MN18" s="345">
        <v>863021</v>
      </c>
      <c r="MO18" s="349">
        <v>12091825</v>
      </c>
      <c r="MP18" s="354">
        <v>12091825</v>
      </c>
      <c r="MQ18" s="348">
        <v>0</v>
      </c>
      <c r="MR18" s="345">
        <v>0</v>
      </c>
      <c r="MS18" s="349">
        <v>0</v>
      </c>
      <c r="MT18" s="404">
        <v>0</v>
      </c>
      <c r="MU18" s="345">
        <v>0</v>
      </c>
      <c r="MV18" s="345">
        <v>0</v>
      </c>
      <c r="MW18" s="345">
        <v>675699</v>
      </c>
      <c r="MX18" s="345">
        <v>4201711</v>
      </c>
      <c r="MY18" s="345">
        <v>277771</v>
      </c>
      <c r="MZ18" s="349">
        <v>5155181</v>
      </c>
      <c r="NA18" s="354">
        <v>5155181</v>
      </c>
      <c r="NB18" s="348">
        <v>0</v>
      </c>
      <c r="NC18" s="345">
        <v>0</v>
      </c>
      <c r="ND18" s="349">
        <v>0</v>
      </c>
      <c r="NE18" s="404">
        <v>0</v>
      </c>
      <c r="NF18" s="345">
        <v>208462</v>
      </c>
      <c r="NG18" s="345">
        <v>854259</v>
      </c>
      <c r="NH18" s="345">
        <v>1875077</v>
      </c>
      <c r="NI18" s="345">
        <v>2801730</v>
      </c>
      <c r="NJ18" s="345">
        <v>585250</v>
      </c>
      <c r="NK18" s="349">
        <v>6324778</v>
      </c>
      <c r="NL18" s="347">
        <v>6324778</v>
      </c>
      <c r="NM18" s="348">
        <v>0</v>
      </c>
      <c r="NN18" s="345">
        <v>0</v>
      </c>
      <c r="NO18" s="349">
        <v>0</v>
      </c>
      <c r="NP18" s="404">
        <v>0</v>
      </c>
      <c r="NQ18" s="345">
        <v>0</v>
      </c>
      <c r="NR18" s="345">
        <v>0</v>
      </c>
      <c r="NS18" s="345">
        <v>0</v>
      </c>
      <c r="NT18" s="345">
        <v>0</v>
      </c>
      <c r="NU18" s="345">
        <v>0</v>
      </c>
      <c r="NV18" s="349">
        <v>0</v>
      </c>
      <c r="NW18" s="350">
        <v>0</v>
      </c>
      <c r="NX18" s="348">
        <v>0</v>
      </c>
      <c r="NY18" s="345">
        <v>0</v>
      </c>
      <c r="NZ18" s="349">
        <v>0</v>
      </c>
      <c r="OA18" s="404">
        <v>0</v>
      </c>
      <c r="OB18" s="345">
        <v>0</v>
      </c>
      <c r="OC18" s="345">
        <v>0</v>
      </c>
      <c r="OD18" s="345">
        <v>0</v>
      </c>
      <c r="OE18" s="345">
        <v>611866</v>
      </c>
      <c r="OF18" s="345">
        <v>0</v>
      </c>
      <c r="OG18" s="349">
        <v>611866</v>
      </c>
      <c r="OH18" s="350">
        <v>611866</v>
      </c>
      <c r="OI18" s="348">
        <v>879759</v>
      </c>
      <c r="OJ18" s="345">
        <v>2217819</v>
      </c>
      <c r="OK18" s="346">
        <v>3097578</v>
      </c>
      <c r="OL18" s="351">
        <v>0</v>
      </c>
      <c r="OM18" s="345">
        <v>7048989</v>
      </c>
      <c r="ON18" s="345">
        <v>12051689</v>
      </c>
      <c r="OO18" s="345">
        <v>12316764</v>
      </c>
      <c r="OP18" s="345">
        <v>16594461</v>
      </c>
      <c r="OQ18" s="345">
        <v>7165073</v>
      </c>
      <c r="OR18" s="349">
        <v>55176976</v>
      </c>
      <c r="OS18" s="354">
        <v>58274554</v>
      </c>
    </row>
    <row r="19" spans="2:409" s="70" customFormat="1" ht="21" customHeight="1" x14ac:dyDescent="0.2">
      <c r="B19" s="106" t="s">
        <v>13</v>
      </c>
      <c r="C19" s="326">
        <v>238401</v>
      </c>
      <c r="D19" s="327">
        <v>729111</v>
      </c>
      <c r="E19" s="328">
        <v>967512</v>
      </c>
      <c r="F19" s="326">
        <v>0</v>
      </c>
      <c r="G19" s="366">
        <v>3921623</v>
      </c>
      <c r="H19" s="327">
        <v>6047694</v>
      </c>
      <c r="I19" s="327">
        <v>3873172</v>
      </c>
      <c r="J19" s="327">
        <v>3910551</v>
      </c>
      <c r="K19" s="327">
        <v>5454227</v>
      </c>
      <c r="L19" s="331">
        <v>23207267</v>
      </c>
      <c r="M19" s="330">
        <v>24174779</v>
      </c>
      <c r="N19" s="326">
        <v>61953</v>
      </c>
      <c r="O19" s="327">
        <v>190243</v>
      </c>
      <c r="P19" s="328">
        <v>252196</v>
      </c>
      <c r="Q19" s="326">
        <v>0</v>
      </c>
      <c r="R19" s="327">
        <v>1404454</v>
      </c>
      <c r="S19" s="327">
        <v>2817821</v>
      </c>
      <c r="T19" s="327">
        <v>1710853</v>
      </c>
      <c r="U19" s="327">
        <v>2338666</v>
      </c>
      <c r="V19" s="327">
        <v>4199737</v>
      </c>
      <c r="W19" s="328">
        <v>12471531</v>
      </c>
      <c r="X19" s="330">
        <v>12723727</v>
      </c>
      <c r="Y19" s="326">
        <v>0</v>
      </c>
      <c r="Z19" s="327">
        <v>0</v>
      </c>
      <c r="AA19" s="328">
        <v>0</v>
      </c>
      <c r="AB19" s="326">
        <v>0</v>
      </c>
      <c r="AC19" s="327">
        <v>594399</v>
      </c>
      <c r="AD19" s="327">
        <v>1143349</v>
      </c>
      <c r="AE19" s="327">
        <v>921759</v>
      </c>
      <c r="AF19" s="327">
        <v>1487387</v>
      </c>
      <c r="AG19" s="327">
        <v>2560832</v>
      </c>
      <c r="AH19" s="328">
        <v>6707726</v>
      </c>
      <c r="AI19" s="330">
        <v>6707726</v>
      </c>
      <c r="AJ19" s="326">
        <v>0</v>
      </c>
      <c r="AK19" s="327">
        <v>0</v>
      </c>
      <c r="AL19" s="328">
        <v>0</v>
      </c>
      <c r="AM19" s="326">
        <v>0</v>
      </c>
      <c r="AN19" s="327">
        <v>0</v>
      </c>
      <c r="AO19" s="327">
        <v>52546</v>
      </c>
      <c r="AP19" s="327">
        <v>0</v>
      </c>
      <c r="AQ19" s="327">
        <v>149808</v>
      </c>
      <c r="AR19" s="327">
        <v>358769</v>
      </c>
      <c r="AS19" s="328">
        <v>561123</v>
      </c>
      <c r="AT19" s="330">
        <v>561123</v>
      </c>
      <c r="AU19" s="326">
        <v>11882</v>
      </c>
      <c r="AV19" s="327">
        <v>116358</v>
      </c>
      <c r="AW19" s="328">
        <v>128240</v>
      </c>
      <c r="AX19" s="326">
        <v>0</v>
      </c>
      <c r="AY19" s="327">
        <v>413280</v>
      </c>
      <c r="AZ19" s="327">
        <v>1105422</v>
      </c>
      <c r="BA19" s="327">
        <v>588950</v>
      </c>
      <c r="BB19" s="327">
        <v>545560</v>
      </c>
      <c r="BC19" s="327">
        <v>933644</v>
      </c>
      <c r="BD19" s="328">
        <v>3586856</v>
      </c>
      <c r="BE19" s="330">
        <v>3715096</v>
      </c>
      <c r="BF19" s="326">
        <v>0</v>
      </c>
      <c r="BG19" s="327">
        <v>0</v>
      </c>
      <c r="BH19" s="331">
        <v>0</v>
      </c>
      <c r="BI19" s="332">
        <v>0</v>
      </c>
      <c r="BJ19" s="327">
        <v>4782</v>
      </c>
      <c r="BK19" s="327">
        <v>111897</v>
      </c>
      <c r="BL19" s="327">
        <v>0</v>
      </c>
      <c r="BM19" s="327">
        <v>0</v>
      </c>
      <c r="BN19" s="327">
        <v>100134</v>
      </c>
      <c r="BO19" s="328">
        <v>216813</v>
      </c>
      <c r="BP19" s="330">
        <v>216813</v>
      </c>
      <c r="BQ19" s="326">
        <v>50071</v>
      </c>
      <c r="BR19" s="327">
        <v>73885</v>
      </c>
      <c r="BS19" s="328">
        <v>123956</v>
      </c>
      <c r="BT19" s="326">
        <v>0</v>
      </c>
      <c r="BU19" s="327">
        <v>391993</v>
      </c>
      <c r="BV19" s="327">
        <v>404607</v>
      </c>
      <c r="BW19" s="327">
        <v>200144</v>
      </c>
      <c r="BX19" s="327">
        <v>155911</v>
      </c>
      <c r="BY19" s="327">
        <v>246358</v>
      </c>
      <c r="BZ19" s="328">
        <v>1399013</v>
      </c>
      <c r="CA19" s="330">
        <v>1522969</v>
      </c>
      <c r="CB19" s="326">
        <v>19094</v>
      </c>
      <c r="CC19" s="327">
        <v>0</v>
      </c>
      <c r="CD19" s="328">
        <v>19094</v>
      </c>
      <c r="CE19" s="326">
        <v>0</v>
      </c>
      <c r="CF19" s="327">
        <v>572573</v>
      </c>
      <c r="CG19" s="327">
        <v>888452</v>
      </c>
      <c r="CH19" s="327">
        <v>532114</v>
      </c>
      <c r="CI19" s="327">
        <v>430608</v>
      </c>
      <c r="CJ19" s="327">
        <v>311543</v>
      </c>
      <c r="CK19" s="328">
        <v>2735290</v>
      </c>
      <c r="CL19" s="330">
        <v>2754384</v>
      </c>
      <c r="CM19" s="326">
        <v>0</v>
      </c>
      <c r="CN19" s="327">
        <v>0</v>
      </c>
      <c r="CO19" s="328">
        <v>0</v>
      </c>
      <c r="CP19" s="332">
        <v>0</v>
      </c>
      <c r="CQ19" s="327">
        <v>494866</v>
      </c>
      <c r="CR19" s="327">
        <v>702789</v>
      </c>
      <c r="CS19" s="327">
        <v>381123</v>
      </c>
      <c r="CT19" s="327">
        <v>164961</v>
      </c>
      <c r="CU19" s="327">
        <v>311543</v>
      </c>
      <c r="CV19" s="328">
        <v>2055282</v>
      </c>
      <c r="CW19" s="330">
        <v>2055282</v>
      </c>
      <c r="CX19" s="326">
        <v>19094</v>
      </c>
      <c r="CY19" s="327">
        <v>0</v>
      </c>
      <c r="CZ19" s="328">
        <v>19094</v>
      </c>
      <c r="DA19" s="326">
        <v>0</v>
      </c>
      <c r="DB19" s="327">
        <v>77707</v>
      </c>
      <c r="DC19" s="327">
        <v>185663</v>
      </c>
      <c r="DD19" s="327">
        <v>150991</v>
      </c>
      <c r="DE19" s="327">
        <v>265647</v>
      </c>
      <c r="DF19" s="327">
        <v>0</v>
      </c>
      <c r="DG19" s="328">
        <v>680008</v>
      </c>
      <c r="DH19" s="330">
        <v>699102</v>
      </c>
      <c r="DI19" s="326">
        <v>0</v>
      </c>
      <c r="DJ19" s="327">
        <v>0</v>
      </c>
      <c r="DK19" s="331">
        <v>0</v>
      </c>
      <c r="DL19" s="332">
        <v>0</v>
      </c>
      <c r="DM19" s="327">
        <v>52673</v>
      </c>
      <c r="DN19" s="327">
        <v>188706</v>
      </c>
      <c r="DO19" s="327">
        <v>245863</v>
      </c>
      <c r="DP19" s="327">
        <v>86263</v>
      </c>
      <c r="DQ19" s="327">
        <v>0</v>
      </c>
      <c r="DR19" s="328">
        <v>573505</v>
      </c>
      <c r="DS19" s="330">
        <v>573505</v>
      </c>
      <c r="DT19" s="326">
        <v>0</v>
      </c>
      <c r="DU19" s="327">
        <v>0</v>
      </c>
      <c r="DV19" s="328">
        <v>0</v>
      </c>
      <c r="DW19" s="326">
        <v>0</v>
      </c>
      <c r="DX19" s="327">
        <v>52673</v>
      </c>
      <c r="DY19" s="327">
        <v>115126</v>
      </c>
      <c r="DZ19" s="327">
        <v>245863</v>
      </c>
      <c r="EA19" s="327">
        <v>0</v>
      </c>
      <c r="EB19" s="327">
        <v>0</v>
      </c>
      <c r="EC19" s="328">
        <v>413662</v>
      </c>
      <c r="ED19" s="330">
        <v>413662</v>
      </c>
      <c r="EE19" s="326">
        <v>0</v>
      </c>
      <c r="EF19" s="331">
        <v>0</v>
      </c>
      <c r="EG19" s="328">
        <v>0</v>
      </c>
      <c r="EH19" s="326">
        <v>0</v>
      </c>
      <c r="EI19" s="327">
        <v>0</v>
      </c>
      <c r="EJ19" s="327">
        <v>73580</v>
      </c>
      <c r="EK19" s="327">
        <v>0</v>
      </c>
      <c r="EL19" s="327">
        <v>86263</v>
      </c>
      <c r="EM19" s="327">
        <v>0</v>
      </c>
      <c r="EN19" s="331">
        <v>159843</v>
      </c>
      <c r="EO19" s="330">
        <v>159843</v>
      </c>
      <c r="EP19" s="326">
        <v>0</v>
      </c>
      <c r="EQ19" s="327">
        <v>0</v>
      </c>
      <c r="ER19" s="331">
        <v>0</v>
      </c>
      <c r="ES19" s="332">
        <v>0</v>
      </c>
      <c r="ET19" s="327">
        <v>0</v>
      </c>
      <c r="EU19" s="327">
        <v>0</v>
      </c>
      <c r="EV19" s="327">
        <v>0</v>
      </c>
      <c r="EW19" s="327">
        <v>0</v>
      </c>
      <c r="EX19" s="327">
        <v>0</v>
      </c>
      <c r="EY19" s="328">
        <v>0</v>
      </c>
      <c r="EZ19" s="330">
        <v>0</v>
      </c>
      <c r="FA19" s="326">
        <v>0</v>
      </c>
      <c r="FB19" s="327">
        <v>0</v>
      </c>
      <c r="FC19" s="331">
        <v>0</v>
      </c>
      <c r="FD19" s="404">
        <v>0</v>
      </c>
      <c r="FE19" s="327">
        <v>0</v>
      </c>
      <c r="FF19" s="327">
        <v>0</v>
      </c>
      <c r="FG19" s="327">
        <v>0</v>
      </c>
      <c r="FH19" s="327">
        <v>0</v>
      </c>
      <c r="FI19" s="327">
        <v>0</v>
      </c>
      <c r="FJ19" s="328">
        <v>0</v>
      </c>
      <c r="FK19" s="330">
        <v>0</v>
      </c>
      <c r="FL19" s="326">
        <v>8778</v>
      </c>
      <c r="FM19" s="327">
        <v>227032</v>
      </c>
      <c r="FN19" s="328">
        <v>235810</v>
      </c>
      <c r="FO19" s="326">
        <v>0</v>
      </c>
      <c r="FP19" s="327">
        <v>114863</v>
      </c>
      <c r="FQ19" s="327">
        <v>576058</v>
      </c>
      <c r="FR19" s="327">
        <v>367626</v>
      </c>
      <c r="FS19" s="327">
        <v>244937</v>
      </c>
      <c r="FT19" s="327">
        <v>500612</v>
      </c>
      <c r="FU19" s="328">
        <v>1804096</v>
      </c>
      <c r="FV19" s="330">
        <v>2039906</v>
      </c>
      <c r="FW19" s="333">
        <v>8778</v>
      </c>
      <c r="FX19" s="327">
        <v>130130</v>
      </c>
      <c r="FY19" s="331">
        <v>138908</v>
      </c>
      <c r="FZ19" s="332">
        <v>0</v>
      </c>
      <c r="GA19" s="327">
        <v>114863</v>
      </c>
      <c r="GB19" s="327">
        <v>491358</v>
      </c>
      <c r="GC19" s="327">
        <v>252630</v>
      </c>
      <c r="GD19" s="327">
        <v>223937</v>
      </c>
      <c r="GE19" s="327">
        <v>500612</v>
      </c>
      <c r="GF19" s="328">
        <v>1583400</v>
      </c>
      <c r="GG19" s="334">
        <v>1722308</v>
      </c>
      <c r="GH19" s="333">
        <v>0</v>
      </c>
      <c r="GI19" s="327">
        <v>2402</v>
      </c>
      <c r="GJ19" s="331">
        <v>2402</v>
      </c>
      <c r="GK19" s="332">
        <v>0</v>
      </c>
      <c r="GL19" s="327">
        <v>0</v>
      </c>
      <c r="GM19" s="327">
        <v>38500</v>
      </c>
      <c r="GN19" s="327">
        <v>34496</v>
      </c>
      <c r="GO19" s="327">
        <v>0</v>
      </c>
      <c r="GP19" s="327">
        <v>0</v>
      </c>
      <c r="GQ19" s="328">
        <v>72996</v>
      </c>
      <c r="GR19" s="330">
        <v>75398</v>
      </c>
      <c r="GS19" s="326">
        <v>0</v>
      </c>
      <c r="GT19" s="327">
        <v>94500</v>
      </c>
      <c r="GU19" s="328">
        <v>94500</v>
      </c>
      <c r="GV19" s="326">
        <v>0</v>
      </c>
      <c r="GW19" s="327">
        <v>0</v>
      </c>
      <c r="GX19" s="327">
        <v>46200</v>
      </c>
      <c r="GY19" s="327">
        <v>80500</v>
      </c>
      <c r="GZ19" s="327">
        <v>21000</v>
      </c>
      <c r="HA19" s="327">
        <v>0</v>
      </c>
      <c r="HB19" s="331">
        <v>147700</v>
      </c>
      <c r="HC19" s="330">
        <v>242200</v>
      </c>
      <c r="HD19" s="326">
        <v>148576</v>
      </c>
      <c r="HE19" s="327">
        <v>311836</v>
      </c>
      <c r="HF19" s="331">
        <v>460412</v>
      </c>
      <c r="HG19" s="332">
        <v>0</v>
      </c>
      <c r="HH19" s="327">
        <v>1777060</v>
      </c>
      <c r="HI19" s="327">
        <v>1576657</v>
      </c>
      <c r="HJ19" s="327">
        <v>1016716</v>
      </c>
      <c r="HK19" s="327">
        <v>810077</v>
      </c>
      <c r="HL19" s="327">
        <v>442335</v>
      </c>
      <c r="HM19" s="328">
        <v>5622845</v>
      </c>
      <c r="HN19" s="329">
        <v>6083257</v>
      </c>
      <c r="HO19" s="333">
        <v>0</v>
      </c>
      <c r="HP19" s="327">
        <v>0</v>
      </c>
      <c r="HQ19" s="328">
        <v>0</v>
      </c>
      <c r="HR19" s="326">
        <v>0</v>
      </c>
      <c r="HS19" s="327">
        <v>0</v>
      </c>
      <c r="HT19" s="327">
        <v>0</v>
      </c>
      <c r="HU19" s="327">
        <v>0</v>
      </c>
      <c r="HV19" s="327">
        <v>0</v>
      </c>
      <c r="HW19" s="327">
        <v>0</v>
      </c>
      <c r="HX19" s="331">
        <v>0</v>
      </c>
      <c r="HY19" s="330">
        <v>0</v>
      </c>
      <c r="HZ19" s="335">
        <v>0</v>
      </c>
      <c r="IA19" s="336">
        <v>0</v>
      </c>
      <c r="IB19" s="337">
        <v>0</v>
      </c>
      <c r="IC19" s="338">
        <v>0</v>
      </c>
      <c r="ID19" s="336">
        <v>950653</v>
      </c>
      <c r="IE19" s="339">
        <v>415942</v>
      </c>
      <c r="IF19" s="337">
        <v>673909</v>
      </c>
      <c r="IG19" s="336">
        <v>24804</v>
      </c>
      <c r="IH19" s="337">
        <v>536492</v>
      </c>
      <c r="II19" s="340">
        <v>2601800</v>
      </c>
      <c r="IJ19" s="341">
        <v>2601800</v>
      </c>
      <c r="IK19" s="342">
        <v>0</v>
      </c>
      <c r="IL19" s="343">
        <v>0</v>
      </c>
      <c r="IM19" s="344">
        <v>0</v>
      </c>
      <c r="IN19" s="404">
        <v>0</v>
      </c>
      <c r="IO19" s="345">
        <v>0</v>
      </c>
      <c r="IP19" s="345">
        <v>0</v>
      </c>
      <c r="IQ19" s="345">
        <v>0</v>
      </c>
      <c r="IR19" s="345">
        <v>0</v>
      </c>
      <c r="IS19" s="345">
        <v>0</v>
      </c>
      <c r="IT19" s="346">
        <v>0</v>
      </c>
      <c r="IU19" s="347">
        <v>0</v>
      </c>
      <c r="IV19" s="348">
        <v>0</v>
      </c>
      <c r="IW19" s="345">
        <v>0</v>
      </c>
      <c r="IX19" s="349">
        <v>0</v>
      </c>
      <c r="IY19" s="404">
        <v>0</v>
      </c>
      <c r="IZ19" s="345">
        <v>0</v>
      </c>
      <c r="JA19" s="345">
        <v>0</v>
      </c>
      <c r="JB19" s="345">
        <v>0</v>
      </c>
      <c r="JC19" s="345">
        <v>0</v>
      </c>
      <c r="JD19" s="345">
        <v>0</v>
      </c>
      <c r="JE19" s="349">
        <v>0</v>
      </c>
      <c r="JF19" s="350">
        <v>0</v>
      </c>
      <c r="JG19" s="348">
        <v>0</v>
      </c>
      <c r="JH19" s="345">
        <v>0</v>
      </c>
      <c r="JI19" s="346">
        <v>0</v>
      </c>
      <c r="JJ19" s="351">
        <v>0</v>
      </c>
      <c r="JK19" s="345">
        <v>393183</v>
      </c>
      <c r="JL19" s="345">
        <v>338711</v>
      </c>
      <c r="JM19" s="345">
        <v>504803</v>
      </c>
      <c r="JN19" s="345">
        <v>24804</v>
      </c>
      <c r="JO19" s="345">
        <v>271226</v>
      </c>
      <c r="JP19" s="349">
        <v>1532727</v>
      </c>
      <c r="JQ19" s="347">
        <v>1532727</v>
      </c>
      <c r="JR19" s="348">
        <v>0</v>
      </c>
      <c r="JS19" s="345">
        <v>0</v>
      </c>
      <c r="JT19" s="346">
        <v>0</v>
      </c>
      <c r="JU19" s="351">
        <v>0</v>
      </c>
      <c r="JV19" s="345">
        <v>0</v>
      </c>
      <c r="JW19" s="345">
        <v>77231</v>
      </c>
      <c r="JX19" s="345">
        <v>-10068</v>
      </c>
      <c r="JY19" s="345">
        <v>0</v>
      </c>
      <c r="JZ19" s="345">
        <v>0</v>
      </c>
      <c r="KA19" s="349">
        <v>67163</v>
      </c>
      <c r="KB19" s="347">
        <v>67163</v>
      </c>
      <c r="KC19" s="352">
        <v>0</v>
      </c>
      <c r="KD19" s="353">
        <v>0</v>
      </c>
      <c r="KE19" s="349">
        <v>0</v>
      </c>
      <c r="KF19" s="351">
        <v>0</v>
      </c>
      <c r="KG19" s="345">
        <v>121645</v>
      </c>
      <c r="KH19" s="345">
        <v>0</v>
      </c>
      <c r="KI19" s="345">
        <v>0</v>
      </c>
      <c r="KJ19" s="345">
        <v>0</v>
      </c>
      <c r="KK19" s="345">
        <v>265266</v>
      </c>
      <c r="KL19" s="349">
        <v>386911</v>
      </c>
      <c r="KM19" s="354">
        <v>386911</v>
      </c>
      <c r="KN19" s="342">
        <v>0</v>
      </c>
      <c r="KO19" s="343">
        <v>0</v>
      </c>
      <c r="KP19" s="344">
        <v>0</v>
      </c>
      <c r="KQ19" s="404">
        <v>0</v>
      </c>
      <c r="KR19" s="345">
        <v>435825</v>
      </c>
      <c r="KS19" s="345">
        <v>0</v>
      </c>
      <c r="KT19" s="345">
        <v>0</v>
      </c>
      <c r="KU19" s="345">
        <v>0</v>
      </c>
      <c r="KV19" s="345">
        <v>0</v>
      </c>
      <c r="KW19" s="349">
        <v>435825</v>
      </c>
      <c r="KX19" s="347">
        <v>435825</v>
      </c>
      <c r="KY19" s="348">
        <v>0</v>
      </c>
      <c r="KZ19" s="345">
        <v>0</v>
      </c>
      <c r="LA19" s="349">
        <v>0</v>
      </c>
      <c r="LB19" s="404">
        <v>0</v>
      </c>
      <c r="LC19" s="345">
        <v>0</v>
      </c>
      <c r="LD19" s="345">
        <v>0</v>
      </c>
      <c r="LE19" s="345">
        <v>179174</v>
      </c>
      <c r="LF19" s="345">
        <v>0</v>
      </c>
      <c r="LG19" s="345">
        <v>0</v>
      </c>
      <c r="LH19" s="349">
        <v>179174</v>
      </c>
      <c r="LI19" s="350">
        <v>179174</v>
      </c>
      <c r="LJ19" s="348">
        <v>0</v>
      </c>
      <c r="LK19" s="345">
        <v>0</v>
      </c>
      <c r="LL19" s="349">
        <v>0</v>
      </c>
      <c r="LM19" s="404">
        <v>0</v>
      </c>
      <c r="LN19" s="345">
        <v>0</v>
      </c>
      <c r="LO19" s="345">
        <v>0</v>
      </c>
      <c r="LP19" s="345">
        <v>0</v>
      </c>
      <c r="LQ19" s="345">
        <v>0</v>
      </c>
      <c r="LR19" s="345">
        <v>0</v>
      </c>
      <c r="LS19" s="349">
        <v>0</v>
      </c>
      <c r="LT19" s="347">
        <v>0</v>
      </c>
      <c r="LU19" s="348">
        <v>0</v>
      </c>
      <c r="LV19" s="345">
        <v>0</v>
      </c>
      <c r="LW19" s="349">
        <v>0</v>
      </c>
      <c r="LX19" s="404">
        <v>0</v>
      </c>
      <c r="LY19" s="345">
        <v>0</v>
      </c>
      <c r="LZ19" s="345">
        <v>0</v>
      </c>
      <c r="MA19" s="345">
        <v>0</v>
      </c>
      <c r="MB19" s="345">
        <v>0</v>
      </c>
      <c r="MC19" s="345">
        <v>0</v>
      </c>
      <c r="MD19" s="349">
        <v>0</v>
      </c>
      <c r="ME19" s="350">
        <v>0</v>
      </c>
      <c r="MF19" s="348">
        <v>0</v>
      </c>
      <c r="MG19" s="345">
        <v>0</v>
      </c>
      <c r="MH19" s="349">
        <v>0</v>
      </c>
      <c r="MI19" s="404">
        <v>0</v>
      </c>
      <c r="MJ19" s="345">
        <v>0</v>
      </c>
      <c r="MK19" s="345">
        <v>224511</v>
      </c>
      <c r="ML19" s="345">
        <v>1155594</v>
      </c>
      <c r="MM19" s="345">
        <v>1398979</v>
      </c>
      <c r="MN19" s="345">
        <v>1395674</v>
      </c>
      <c r="MO19" s="349">
        <v>4174758</v>
      </c>
      <c r="MP19" s="354">
        <v>4174758</v>
      </c>
      <c r="MQ19" s="348">
        <v>0</v>
      </c>
      <c r="MR19" s="345">
        <v>0</v>
      </c>
      <c r="MS19" s="349">
        <v>0</v>
      </c>
      <c r="MT19" s="404">
        <v>0</v>
      </c>
      <c r="MU19" s="345">
        <v>0</v>
      </c>
      <c r="MV19" s="345">
        <v>0</v>
      </c>
      <c r="MW19" s="345">
        <v>594514</v>
      </c>
      <c r="MX19" s="345">
        <v>772985</v>
      </c>
      <c r="MY19" s="345">
        <v>815466</v>
      </c>
      <c r="MZ19" s="349">
        <v>2182965</v>
      </c>
      <c r="NA19" s="354">
        <v>2182965</v>
      </c>
      <c r="NB19" s="348">
        <v>0</v>
      </c>
      <c r="NC19" s="345">
        <v>0</v>
      </c>
      <c r="ND19" s="349">
        <v>0</v>
      </c>
      <c r="NE19" s="404">
        <v>0</v>
      </c>
      <c r="NF19" s="345">
        <v>0</v>
      </c>
      <c r="NG19" s="345">
        <v>224511</v>
      </c>
      <c r="NH19" s="345">
        <v>561080</v>
      </c>
      <c r="NI19" s="345">
        <v>625994</v>
      </c>
      <c r="NJ19" s="345">
        <v>580208</v>
      </c>
      <c r="NK19" s="349">
        <v>1991793</v>
      </c>
      <c r="NL19" s="347">
        <v>1991793</v>
      </c>
      <c r="NM19" s="348">
        <v>0</v>
      </c>
      <c r="NN19" s="345">
        <v>0</v>
      </c>
      <c r="NO19" s="349">
        <v>0</v>
      </c>
      <c r="NP19" s="404">
        <v>0</v>
      </c>
      <c r="NQ19" s="345">
        <v>0</v>
      </c>
      <c r="NR19" s="345">
        <v>0</v>
      </c>
      <c r="NS19" s="345">
        <v>0</v>
      </c>
      <c r="NT19" s="345">
        <v>0</v>
      </c>
      <c r="NU19" s="345">
        <v>0</v>
      </c>
      <c r="NV19" s="349">
        <v>0</v>
      </c>
      <c r="NW19" s="350">
        <v>0</v>
      </c>
      <c r="NX19" s="348">
        <v>0</v>
      </c>
      <c r="NY19" s="345">
        <v>0</v>
      </c>
      <c r="NZ19" s="349">
        <v>0</v>
      </c>
      <c r="OA19" s="404">
        <v>0</v>
      </c>
      <c r="OB19" s="345">
        <v>0</v>
      </c>
      <c r="OC19" s="345">
        <v>0</v>
      </c>
      <c r="OD19" s="345">
        <v>0</v>
      </c>
      <c r="OE19" s="345">
        <v>0</v>
      </c>
      <c r="OF19" s="345">
        <v>0</v>
      </c>
      <c r="OG19" s="349">
        <v>0</v>
      </c>
      <c r="OH19" s="350">
        <v>0</v>
      </c>
      <c r="OI19" s="348">
        <v>238401</v>
      </c>
      <c r="OJ19" s="345">
        <v>729111</v>
      </c>
      <c r="OK19" s="346">
        <v>967512</v>
      </c>
      <c r="OL19" s="351">
        <v>0</v>
      </c>
      <c r="OM19" s="345">
        <v>4872276</v>
      </c>
      <c r="ON19" s="345">
        <v>6688147</v>
      </c>
      <c r="OO19" s="345">
        <v>5702675</v>
      </c>
      <c r="OP19" s="345">
        <v>5334334</v>
      </c>
      <c r="OQ19" s="345">
        <v>7386393</v>
      </c>
      <c r="OR19" s="349">
        <v>29983825</v>
      </c>
      <c r="OS19" s="354">
        <v>30951337</v>
      </c>
    </row>
    <row r="20" spans="2:409" s="70" customFormat="1" ht="21" customHeight="1" x14ac:dyDescent="0.2">
      <c r="B20" s="106" t="s">
        <v>15</v>
      </c>
      <c r="C20" s="326">
        <v>300163</v>
      </c>
      <c r="D20" s="327">
        <v>232078</v>
      </c>
      <c r="E20" s="328">
        <v>532241</v>
      </c>
      <c r="F20" s="329">
        <v>0</v>
      </c>
      <c r="G20" s="327">
        <v>673306</v>
      </c>
      <c r="H20" s="327">
        <v>1090084</v>
      </c>
      <c r="I20" s="327">
        <v>491122</v>
      </c>
      <c r="J20" s="327">
        <v>474483</v>
      </c>
      <c r="K20" s="327">
        <v>857082</v>
      </c>
      <c r="L20" s="329">
        <v>3586077</v>
      </c>
      <c r="M20" s="330">
        <v>4118318</v>
      </c>
      <c r="N20" s="326">
        <v>49373</v>
      </c>
      <c r="O20" s="327">
        <v>30236</v>
      </c>
      <c r="P20" s="328">
        <v>79609</v>
      </c>
      <c r="Q20" s="326">
        <v>0</v>
      </c>
      <c r="R20" s="327">
        <v>126400</v>
      </c>
      <c r="S20" s="327">
        <v>303980</v>
      </c>
      <c r="T20" s="327">
        <v>32757</v>
      </c>
      <c r="U20" s="327">
        <v>81941</v>
      </c>
      <c r="V20" s="327">
        <v>198173</v>
      </c>
      <c r="W20" s="328">
        <v>743251</v>
      </c>
      <c r="X20" s="330">
        <v>822860</v>
      </c>
      <c r="Y20" s="326">
        <v>0</v>
      </c>
      <c r="Z20" s="327">
        <v>0</v>
      </c>
      <c r="AA20" s="328">
        <v>0</v>
      </c>
      <c r="AB20" s="326">
        <v>0</v>
      </c>
      <c r="AC20" s="327">
        <v>75452</v>
      </c>
      <c r="AD20" s="327">
        <v>81895</v>
      </c>
      <c r="AE20" s="327">
        <v>0</v>
      </c>
      <c r="AF20" s="327">
        <v>4612</v>
      </c>
      <c r="AG20" s="327">
        <v>0</v>
      </c>
      <c r="AH20" s="328">
        <v>161959</v>
      </c>
      <c r="AI20" s="330">
        <v>161959</v>
      </c>
      <c r="AJ20" s="326">
        <v>0</v>
      </c>
      <c r="AK20" s="327">
        <v>0</v>
      </c>
      <c r="AL20" s="328">
        <v>0</v>
      </c>
      <c r="AM20" s="326">
        <v>0</v>
      </c>
      <c r="AN20" s="327">
        <v>0</v>
      </c>
      <c r="AO20" s="327">
        <v>0</v>
      </c>
      <c r="AP20" s="327">
        <v>0</v>
      </c>
      <c r="AQ20" s="327">
        <v>0</v>
      </c>
      <c r="AR20" s="327">
        <v>52546</v>
      </c>
      <c r="AS20" s="328">
        <v>52546</v>
      </c>
      <c r="AT20" s="330">
        <v>52546</v>
      </c>
      <c r="AU20" s="326">
        <v>12147</v>
      </c>
      <c r="AV20" s="327">
        <v>24083</v>
      </c>
      <c r="AW20" s="328">
        <v>36230</v>
      </c>
      <c r="AX20" s="326">
        <v>0</v>
      </c>
      <c r="AY20" s="327">
        <v>23606</v>
      </c>
      <c r="AZ20" s="327">
        <v>110767</v>
      </c>
      <c r="BA20" s="327">
        <v>18848</v>
      </c>
      <c r="BB20" s="327">
        <v>49367</v>
      </c>
      <c r="BC20" s="327">
        <v>76295</v>
      </c>
      <c r="BD20" s="328">
        <v>278883</v>
      </c>
      <c r="BE20" s="330">
        <v>315113</v>
      </c>
      <c r="BF20" s="326">
        <v>0</v>
      </c>
      <c r="BG20" s="327">
        <v>0</v>
      </c>
      <c r="BH20" s="331">
        <v>0</v>
      </c>
      <c r="BI20" s="332">
        <v>0</v>
      </c>
      <c r="BJ20" s="327">
        <v>0</v>
      </c>
      <c r="BK20" s="327">
        <v>28116</v>
      </c>
      <c r="BL20" s="327">
        <v>0</v>
      </c>
      <c r="BM20" s="327">
        <v>18386</v>
      </c>
      <c r="BN20" s="327">
        <v>28116</v>
      </c>
      <c r="BO20" s="328">
        <v>74618</v>
      </c>
      <c r="BP20" s="330">
        <v>74618</v>
      </c>
      <c r="BQ20" s="326">
        <v>37226</v>
      </c>
      <c r="BR20" s="327">
        <v>6153</v>
      </c>
      <c r="BS20" s="328">
        <v>43379</v>
      </c>
      <c r="BT20" s="326">
        <v>0</v>
      </c>
      <c r="BU20" s="327">
        <v>27342</v>
      </c>
      <c r="BV20" s="327">
        <v>83202</v>
      </c>
      <c r="BW20" s="327">
        <v>13909</v>
      </c>
      <c r="BX20" s="327">
        <v>9576</v>
      </c>
      <c r="BY20" s="327">
        <v>41216</v>
      </c>
      <c r="BZ20" s="328">
        <v>175245</v>
      </c>
      <c r="CA20" s="330">
        <v>218624</v>
      </c>
      <c r="CB20" s="326">
        <v>18759</v>
      </c>
      <c r="CC20" s="327">
        <v>0</v>
      </c>
      <c r="CD20" s="328">
        <v>18759</v>
      </c>
      <c r="CE20" s="326">
        <v>0</v>
      </c>
      <c r="CF20" s="327">
        <v>58757</v>
      </c>
      <c r="CG20" s="327">
        <v>188422</v>
      </c>
      <c r="CH20" s="327">
        <v>133935</v>
      </c>
      <c r="CI20" s="327">
        <v>124016</v>
      </c>
      <c r="CJ20" s="327">
        <v>94095</v>
      </c>
      <c r="CK20" s="328">
        <v>599225</v>
      </c>
      <c r="CL20" s="330">
        <v>617984</v>
      </c>
      <c r="CM20" s="326">
        <v>0</v>
      </c>
      <c r="CN20" s="327">
        <v>0</v>
      </c>
      <c r="CO20" s="328">
        <v>0</v>
      </c>
      <c r="CP20" s="332">
        <v>0</v>
      </c>
      <c r="CQ20" s="327">
        <v>58757</v>
      </c>
      <c r="CR20" s="327">
        <v>72465</v>
      </c>
      <c r="CS20" s="327">
        <v>0</v>
      </c>
      <c r="CT20" s="327">
        <v>40002</v>
      </c>
      <c r="CU20" s="327">
        <v>0</v>
      </c>
      <c r="CV20" s="328">
        <v>171224</v>
      </c>
      <c r="CW20" s="330">
        <v>171224</v>
      </c>
      <c r="CX20" s="326">
        <v>18759</v>
      </c>
      <c r="CY20" s="327">
        <v>0</v>
      </c>
      <c r="CZ20" s="328">
        <v>18759</v>
      </c>
      <c r="DA20" s="326">
        <v>0</v>
      </c>
      <c r="DB20" s="327">
        <v>0</v>
      </c>
      <c r="DC20" s="327">
        <v>115957</v>
      </c>
      <c r="DD20" s="327">
        <v>133935</v>
      </c>
      <c r="DE20" s="327">
        <v>84014</v>
      </c>
      <c r="DF20" s="327">
        <v>94095</v>
      </c>
      <c r="DG20" s="328">
        <v>428001</v>
      </c>
      <c r="DH20" s="330">
        <v>446760</v>
      </c>
      <c r="DI20" s="326">
        <v>0</v>
      </c>
      <c r="DJ20" s="327">
        <v>0</v>
      </c>
      <c r="DK20" s="331">
        <v>0</v>
      </c>
      <c r="DL20" s="332">
        <v>0</v>
      </c>
      <c r="DM20" s="327">
        <v>0</v>
      </c>
      <c r="DN20" s="327">
        <v>152696</v>
      </c>
      <c r="DO20" s="327">
        <v>112433</v>
      </c>
      <c r="DP20" s="327">
        <v>0</v>
      </c>
      <c r="DQ20" s="327">
        <v>26668</v>
      </c>
      <c r="DR20" s="328">
        <v>291797</v>
      </c>
      <c r="DS20" s="330">
        <v>291797</v>
      </c>
      <c r="DT20" s="326">
        <v>0</v>
      </c>
      <c r="DU20" s="327">
        <v>0</v>
      </c>
      <c r="DV20" s="328">
        <v>0</v>
      </c>
      <c r="DW20" s="326">
        <v>0</v>
      </c>
      <c r="DX20" s="327">
        <v>0</v>
      </c>
      <c r="DY20" s="327">
        <v>122307</v>
      </c>
      <c r="DZ20" s="327">
        <v>0</v>
      </c>
      <c r="EA20" s="327">
        <v>0</v>
      </c>
      <c r="EB20" s="327">
        <v>26668</v>
      </c>
      <c r="EC20" s="328">
        <v>148975</v>
      </c>
      <c r="ED20" s="330">
        <v>148975</v>
      </c>
      <c r="EE20" s="326">
        <v>0</v>
      </c>
      <c r="EF20" s="331">
        <v>0</v>
      </c>
      <c r="EG20" s="328">
        <v>0</v>
      </c>
      <c r="EH20" s="326">
        <v>0</v>
      </c>
      <c r="EI20" s="327">
        <v>0</v>
      </c>
      <c r="EJ20" s="327">
        <v>30389</v>
      </c>
      <c r="EK20" s="327">
        <v>112433</v>
      </c>
      <c r="EL20" s="327">
        <v>0</v>
      </c>
      <c r="EM20" s="327">
        <v>0</v>
      </c>
      <c r="EN20" s="331">
        <v>142822</v>
      </c>
      <c r="EO20" s="330">
        <v>142822</v>
      </c>
      <c r="EP20" s="326">
        <v>0</v>
      </c>
      <c r="EQ20" s="327">
        <v>0</v>
      </c>
      <c r="ER20" s="331">
        <v>0</v>
      </c>
      <c r="ES20" s="332">
        <v>0</v>
      </c>
      <c r="ET20" s="327">
        <v>0</v>
      </c>
      <c r="EU20" s="327">
        <v>0</v>
      </c>
      <c r="EV20" s="327">
        <v>0</v>
      </c>
      <c r="EW20" s="327">
        <v>0</v>
      </c>
      <c r="EX20" s="327">
        <v>0</v>
      </c>
      <c r="EY20" s="328">
        <v>0</v>
      </c>
      <c r="EZ20" s="330">
        <v>0</v>
      </c>
      <c r="FA20" s="326">
        <v>0</v>
      </c>
      <c r="FB20" s="327">
        <v>0</v>
      </c>
      <c r="FC20" s="331">
        <v>0</v>
      </c>
      <c r="FD20" s="404">
        <v>0</v>
      </c>
      <c r="FE20" s="327">
        <v>0</v>
      </c>
      <c r="FF20" s="327">
        <v>0</v>
      </c>
      <c r="FG20" s="327">
        <v>0</v>
      </c>
      <c r="FH20" s="327">
        <v>0</v>
      </c>
      <c r="FI20" s="327">
        <v>0</v>
      </c>
      <c r="FJ20" s="328">
        <v>0</v>
      </c>
      <c r="FK20" s="330">
        <v>0</v>
      </c>
      <c r="FL20" s="326">
        <v>14280</v>
      </c>
      <c r="FM20" s="327">
        <v>26320</v>
      </c>
      <c r="FN20" s="328">
        <v>40600</v>
      </c>
      <c r="FO20" s="326">
        <v>0</v>
      </c>
      <c r="FP20" s="327">
        <v>18004</v>
      </c>
      <c r="FQ20" s="327">
        <v>109613</v>
      </c>
      <c r="FR20" s="327">
        <v>33789</v>
      </c>
      <c r="FS20" s="327">
        <v>64680</v>
      </c>
      <c r="FT20" s="327">
        <v>32984</v>
      </c>
      <c r="FU20" s="328">
        <v>259070</v>
      </c>
      <c r="FV20" s="330">
        <v>299670</v>
      </c>
      <c r="FW20" s="333">
        <v>14280</v>
      </c>
      <c r="FX20" s="327">
        <v>26320</v>
      </c>
      <c r="FY20" s="331">
        <v>40600</v>
      </c>
      <c r="FZ20" s="332">
        <v>0</v>
      </c>
      <c r="GA20" s="327">
        <v>18004</v>
      </c>
      <c r="GB20" s="327">
        <v>109613</v>
      </c>
      <c r="GC20" s="327">
        <v>33789</v>
      </c>
      <c r="GD20" s="327">
        <v>64680</v>
      </c>
      <c r="GE20" s="327">
        <v>32984</v>
      </c>
      <c r="GF20" s="328">
        <v>259070</v>
      </c>
      <c r="GG20" s="334">
        <v>299670</v>
      </c>
      <c r="GH20" s="333">
        <v>0</v>
      </c>
      <c r="GI20" s="327">
        <v>0</v>
      </c>
      <c r="GJ20" s="331">
        <v>0</v>
      </c>
      <c r="GK20" s="332">
        <v>0</v>
      </c>
      <c r="GL20" s="327">
        <v>0</v>
      </c>
      <c r="GM20" s="327">
        <v>0</v>
      </c>
      <c r="GN20" s="327">
        <v>0</v>
      </c>
      <c r="GO20" s="327">
        <v>0</v>
      </c>
      <c r="GP20" s="327">
        <v>0</v>
      </c>
      <c r="GQ20" s="328">
        <v>0</v>
      </c>
      <c r="GR20" s="330">
        <v>0</v>
      </c>
      <c r="GS20" s="326">
        <v>0</v>
      </c>
      <c r="GT20" s="327">
        <v>0</v>
      </c>
      <c r="GU20" s="328">
        <v>0</v>
      </c>
      <c r="GV20" s="326">
        <v>0</v>
      </c>
      <c r="GW20" s="327">
        <v>0</v>
      </c>
      <c r="GX20" s="327">
        <v>0</v>
      </c>
      <c r="GY20" s="327">
        <v>0</v>
      </c>
      <c r="GZ20" s="327">
        <v>0</v>
      </c>
      <c r="HA20" s="327">
        <v>0</v>
      </c>
      <c r="HB20" s="331">
        <v>0</v>
      </c>
      <c r="HC20" s="330">
        <v>0</v>
      </c>
      <c r="HD20" s="326">
        <v>217751</v>
      </c>
      <c r="HE20" s="327">
        <v>175522</v>
      </c>
      <c r="HF20" s="331">
        <v>393273</v>
      </c>
      <c r="HG20" s="332">
        <v>0</v>
      </c>
      <c r="HH20" s="327">
        <v>470145</v>
      </c>
      <c r="HI20" s="327">
        <v>335373</v>
      </c>
      <c r="HJ20" s="327">
        <v>178208</v>
      </c>
      <c r="HK20" s="327">
        <v>203846</v>
      </c>
      <c r="HL20" s="327">
        <v>505162</v>
      </c>
      <c r="HM20" s="328">
        <v>1692734</v>
      </c>
      <c r="HN20" s="329">
        <v>2086007</v>
      </c>
      <c r="HO20" s="333">
        <v>0</v>
      </c>
      <c r="HP20" s="327">
        <v>0</v>
      </c>
      <c r="HQ20" s="328">
        <v>0</v>
      </c>
      <c r="HR20" s="326">
        <v>0</v>
      </c>
      <c r="HS20" s="327">
        <v>0</v>
      </c>
      <c r="HT20" s="327">
        <v>0</v>
      </c>
      <c r="HU20" s="327">
        <v>0</v>
      </c>
      <c r="HV20" s="327">
        <v>0</v>
      </c>
      <c r="HW20" s="327">
        <v>0</v>
      </c>
      <c r="HX20" s="331">
        <v>0</v>
      </c>
      <c r="HY20" s="330">
        <v>0</v>
      </c>
      <c r="HZ20" s="358">
        <v>0</v>
      </c>
      <c r="IA20" s="356">
        <v>0</v>
      </c>
      <c r="IB20" s="358">
        <v>0</v>
      </c>
      <c r="IC20" s="355">
        <v>0</v>
      </c>
      <c r="ID20" s="356">
        <v>162711</v>
      </c>
      <c r="IE20" s="357">
        <v>840218</v>
      </c>
      <c r="IF20" s="358">
        <v>233414</v>
      </c>
      <c r="IG20" s="356">
        <v>269680</v>
      </c>
      <c r="IH20" s="358">
        <v>131798</v>
      </c>
      <c r="II20" s="359">
        <v>1637821</v>
      </c>
      <c r="IJ20" s="358">
        <v>1637821</v>
      </c>
      <c r="IK20" s="342">
        <v>0</v>
      </c>
      <c r="IL20" s="343">
        <v>0</v>
      </c>
      <c r="IM20" s="344">
        <v>0</v>
      </c>
      <c r="IN20" s="404">
        <v>0</v>
      </c>
      <c r="IO20" s="345">
        <v>0</v>
      </c>
      <c r="IP20" s="345">
        <v>0</v>
      </c>
      <c r="IQ20" s="345">
        <v>0</v>
      </c>
      <c r="IR20" s="345">
        <v>0</v>
      </c>
      <c r="IS20" s="345">
        <v>0</v>
      </c>
      <c r="IT20" s="346">
        <v>0</v>
      </c>
      <c r="IU20" s="347">
        <v>0</v>
      </c>
      <c r="IV20" s="348">
        <v>0</v>
      </c>
      <c r="IW20" s="345">
        <v>0</v>
      </c>
      <c r="IX20" s="349">
        <v>0</v>
      </c>
      <c r="IY20" s="404">
        <v>0</v>
      </c>
      <c r="IZ20" s="345">
        <v>0</v>
      </c>
      <c r="JA20" s="345">
        <v>0</v>
      </c>
      <c r="JB20" s="345">
        <v>0</v>
      </c>
      <c r="JC20" s="345">
        <v>0</v>
      </c>
      <c r="JD20" s="345">
        <v>0</v>
      </c>
      <c r="JE20" s="349">
        <v>0</v>
      </c>
      <c r="JF20" s="350">
        <v>0</v>
      </c>
      <c r="JG20" s="348">
        <v>0</v>
      </c>
      <c r="JH20" s="345">
        <v>0</v>
      </c>
      <c r="JI20" s="346">
        <v>0</v>
      </c>
      <c r="JJ20" s="351">
        <v>0</v>
      </c>
      <c r="JK20" s="345">
        <v>162711</v>
      </c>
      <c r="JL20" s="345">
        <v>214671</v>
      </c>
      <c r="JM20" s="345">
        <v>33724</v>
      </c>
      <c r="JN20" s="345">
        <v>0</v>
      </c>
      <c r="JO20" s="345">
        <v>131798</v>
      </c>
      <c r="JP20" s="349">
        <v>542904</v>
      </c>
      <c r="JQ20" s="347">
        <v>542904</v>
      </c>
      <c r="JR20" s="348">
        <v>0</v>
      </c>
      <c r="JS20" s="345">
        <v>0</v>
      </c>
      <c r="JT20" s="346">
        <v>0</v>
      </c>
      <c r="JU20" s="351">
        <v>0</v>
      </c>
      <c r="JV20" s="345">
        <v>0</v>
      </c>
      <c r="JW20" s="345">
        <v>0</v>
      </c>
      <c r="JX20" s="345">
        <v>0</v>
      </c>
      <c r="JY20" s="345">
        <v>0</v>
      </c>
      <c r="JZ20" s="345">
        <v>0</v>
      </c>
      <c r="KA20" s="349">
        <v>0</v>
      </c>
      <c r="KB20" s="347">
        <v>0</v>
      </c>
      <c r="KC20" s="352">
        <v>0</v>
      </c>
      <c r="KD20" s="353">
        <v>0</v>
      </c>
      <c r="KE20" s="349">
        <v>0</v>
      </c>
      <c r="KF20" s="351">
        <v>0</v>
      </c>
      <c r="KG20" s="345">
        <v>0</v>
      </c>
      <c r="KH20" s="345">
        <v>0</v>
      </c>
      <c r="KI20" s="345">
        <v>199690</v>
      </c>
      <c r="KJ20" s="345">
        <v>0</v>
      </c>
      <c r="KK20" s="345">
        <v>0</v>
      </c>
      <c r="KL20" s="349">
        <v>199690</v>
      </c>
      <c r="KM20" s="354">
        <v>199690</v>
      </c>
      <c r="KN20" s="342">
        <v>0</v>
      </c>
      <c r="KO20" s="343">
        <v>0</v>
      </c>
      <c r="KP20" s="344">
        <v>0</v>
      </c>
      <c r="KQ20" s="404">
        <v>0</v>
      </c>
      <c r="KR20" s="345">
        <v>0</v>
      </c>
      <c r="KS20" s="345">
        <v>625547</v>
      </c>
      <c r="KT20" s="345">
        <v>0</v>
      </c>
      <c r="KU20" s="345">
        <v>0</v>
      </c>
      <c r="KV20" s="345">
        <v>0</v>
      </c>
      <c r="KW20" s="349">
        <v>625547</v>
      </c>
      <c r="KX20" s="347">
        <v>625547</v>
      </c>
      <c r="KY20" s="348">
        <v>0</v>
      </c>
      <c r="KZ20" s="345">
        <v>0</v>
      </c>
      <c r="LA20" s="349">
        <v>0</v>
      </c>
      <c r="LB20" s="404">
        <v>0</v>
      </c>
      <c r="LC20" s="345">
        <v>0</v>
      </c>
      <c r="LD20" s="345">
        <v>0</v>
      </c>
      <c r="LE20" s="345">
        <v>0</v>
      </c>
      <c r="LF20" s="345">
        <v>0</v>
      </c>
      <c r="LG20" s="345">
        <v>0</v>
      </c>
      <c r="LH20" s="349">
        <v>0</v>
      </c>
      <c r="LI20" s="350">
        <v>0</v>
      </c>
      <c r="LJ20" s="348">
        <v>0</v>
      </c>
      <c r="LK20" s="345">
        <v>0</v>
      </c>
      <c r="LL20" s="349">
        <v>0</v>
      </c>
      <c r="LM20" s="404">
        <v>0</v>
      </c>
      <c r="LN20" s="345">
        <v>0</v>
      </c>
      <c r="LO20" s="345">
        <v>0</v>
      </c>
      <c r="LP20" s="345">
        <v>0</v>
      </c>
      <c r="LQ20" s="345">
        <v>269680</v>
      </c>
      <c r="LR20" s="345">
        <v>0</v>
      </c>
      <c r="LS20" s="349">
        <v>269680</v>
      </c>
      <c r="LT20" s="347">
        <v>269680</v>
      </c>
      <c r="LU20" s="348">
        <v>0</v>
      </c>
      <c r="LV20" s="345">
        <v>0</v>
      </c>
      <c r="LW20" s="349">
        <v>0</v>
      </c>
      <c r="LX20" s="404">
        <v>0</v>
      </c>
      <c r="LY20" s="345">
        <v>0</v>
      </c>
      <c r="LZ20" s="345">
        <v>0</v>
      </c>
      <c r="MA20" s="345">
        <v>0</v>
      </c>
      <c r="MB20" s="345">
        <v>0</v>
      </c>
      <c r="MC20" s="345">
        <v>0</v>
      </c>
      <c r="MD20" s="349">
        <v>0</v>
      </c>
      <c r="ME20" s="350">
        <v>0</v>
      </c>
      <c r="MF20" s="348">
        <v>0</v>
      </c>
      <c r="MG20" s="345">
        <v>0</v>
      </c>
      <c r="MH20" s="349">
        <v>0</v>
      </c>
      <c r="MI20" s="404">
        <v>0</v>
      </c>
      <c r="MJ20" s="345">
        <v>0</v>
      </c>
      <c r="MK20" s="345">
        <v>0</v>
      </c>
      <c r="ML20" s="345">
        <v>643573</v>
      </c>
      <c r="MM20" s="345">
        <v>270108</v>
      </c>
      <c r="MN20" s="345">
        <v>483658</v>
      </c>
      <c r="MO20" s="349">
        <v>1397339</v>
      </c>
      <c r="MP20" s="354">
        <v>1397339</v>
      </c>
      <c r="MQ20" s="348">
        <v>0</v>
      </c>
      <c r="MR20" s="345">
        <v>0</v>
      </c>
      <c r="MS20" s="349">
        <v>0</v>
      </c>
      <c r="MT20" s="404">
        <v>0</v>
      </c>
      <c r="MU20" s="345">
        <v>0</v>
      </c>
      <c r="MV20" s="345">
        <v>0</v>
      </c>
      <c r="MW20" s="345">
        <v>242234</v>
      </c>
      <c r="MX20" s="345">
        <v>270108</v>
      </c>
      <c r="MY20" s="345">
        <v>483658</v>
      </c>
      <c r="MZ20" s="349">
        <v>996000</v>
      </c>
      <c r="NA20" s="354">
        <v>996000</v>
      </c>
      <c r="NB20" s="348">
        <v>0</v>
      </c>
      <c r="NC20" s="345">
        <v>0</v>
      </c>
      <c r="ND20" s="349">
        <v>0</v>
      </c>
      <c r="NE20" s="404">
        <v>0</v>
      </c>
      <c r="NF20" s="345">
        <v>0</v>
      </c>
      <c r="NG20" s="345">
        <v>0</v>
      </c>
      <c r="NH20" s="345">
        <v>401339</v>
      </c>
      <c r="NI20" s="345">
        <v>0</v>
      </c>
      <c r="NJ20" s="345">
        <v>0</v>
      </c>
      <c r="NK20" s="349">
        <v>401339</v>
      </c>
      <c r="NL20" s="347">
        <v>401339</v>
      </c>
      <c r="NM20" s="348">
        <v>0</v>
      </c>
      <c r="NN20" s="345">
        <v>0</v>
      </c>
      <c r="NO20" s="349">
        <v>0</v>
      </c>
      <c r="NP20" s="404">
        <v>0</v>
      </c>
      <c r="NQ20" s="345">
        <v>0</v>
      </c>
      <c r="NR20" s="345">
        <v>0</v>
      </c>
      <c r="NS20" s="345">
        <v>0</v>
      </c>
      <c r="NT20" s="345">
        <v>0</v>
      </c>
      <c r="NU20" s="345">
        <v>0</v>
      </c>
      <c r="NV20" s="349">
        <v>0</v>
      </c>
      <c r="NW20" s="350">
        <v>0</v>
      </c>
      <c r="NX20" s="348">
        <v>0</v>
      </c>
      <c r="NY20" s="345">
        <v>0</v>
      </c>
      <c r="NZ20" s="349">
        <v>0</v>
      </c>
      <c r="OA20" s="404">
        <v>0</v>
      </c>
      <c r="OB20" s="345">
        <v>0</v>
      </c>
      <c r="OC20" s="345">
        <v>0</v>
      </c>
      <c r="OD20" s="345">
        <v>0</v>
      </c>
      <c r="OE20" s="345">
        <v>0</v>
      </c>
      <c r="OF20" s="345">
        <v>0</v>
      </c>
      <c r="OG20" s="349">
        <v>0</v>
      </c>
      <c r="OH20" s="350">
        <v>0</v>
      </c>
      <c r="OI20" s="348">
        <v>300163</v>
      </c>
      <c r="OJ20" s="345">
        <v>232078</v>
      </c>
      <c r="OK20" s="346">
        <v>532241</v>
      </c>
      <c r="OL20" s="351">
        <v>0</v>
      </c>
      <c r="OM20" s="345">
        <v>836017</v>
      </c>
      <c r="ON20" s="345">
        <v>1930302</v>
      </c>
      <c r="OO20" s="345">
        <v>1368109</v>
      </c>
      <c r="OP20" s="345">
        <v>1014271</v>
      </c>
      <c r="OQ20" s="345">
        <v>1472538</v>
      </c>
      <c r="OR20" s="349">
        <v>6621237</v>
      </c>
      <c r="OS20" s="354">
        <v>7153478</v>
      </c>
    </row>
    <row r="21" spans="2:409" s="70" customFormat="1" ht="21" customHeight="1" x14ac:dyDescent="0.2">
      <c r="B21" s="106" t="s">
        <v>16</v>
      </c>
      <c r="C21" s="326">
        <v>441217</v>
      </c>
      <c r="D21" s="327">
        <v>311350</v>
      </c>
      <c r="E21" s="328">
        <v>752567</v>
      </c>
      <c r="F21" s="329">
        <v>0</v>
      </c>
      <c r="G21" s="327">
        <v>2788927</v>
      </c>
      <c r="H21" s="327">
        <v>6250768</v>
      </c>
      <c r="I21" s="327">
        <v>4326867</v>
      </c>
      <c r="J21" s="327">
        <v>3716920</v>
      </c>
      <c r="K21" s="327">
        <v>2805110</v>
      </c>
      <c r="L21" s="329">
        <v>19888592</v>
      </c>
      <c r="M21" s="330">
        <v>20641159</v>
      </c>
      <c r="N21" s="326">
        <v>121698</v>
      </c>
      <c r="O21" s="327">
        <v>60290</v>
      </c>
      <c r="P21" s="328">
        <v>181988</v>
      </c>
      <c r="Q21" s="326">
        <v>0</v>
      </c>
      <c r="R21" s="327">
        <v>512442</v>
      </c>
      <c r="S21" s="327">
        <v>1799462</v>
      </c>
      <c r="T21" s="327">
        <v>870459</v>
      </c>
      <c r="U21" s="327">
        <v>991878</v>
      </c>
      <c r="V21" s="327">
        <v>485239</v>
      </c>
      <c r="W21" s="328">
        <v>4659480</v>
      </c>
      <c r="X21" s="330">
        <v>4841468</v>
      </c>
      <c r="Y21" s="326">
        <v>0</v>
      </c>
      <c r="Z21" s="327">
        <v>0</v>
      </c>
      <c r="AA21" s="328">
        <v>0</v>
      </c>
      <c r="AB21" s="326">
        <v>0</v>
      </c>
      <c r="AC21" s="327">
        <v>93288</v>
      </c>
      <c r="AD21" s="327">
        <v>858392</v>
      </c>
      <c r="AE21" s="327">
        <v>278802</v>
      </c>
      <c r="AF21" s="327">
        <v>178547</v>
      </c>
      <c r="AG21" s="327">
        <v>96740</v>
      </c>
      <c r="AH21" s="328">
        <v>1505769</v>
      </c>
      <c r="AI21" s="330">
        <v>1505769</v>
      </c>
      <c r="AJ21" s="326">
        <v>0</v>
      </c>
      <c r="AK21" s="327">
        <v>0</v>
      </c>
      <c r="AL21" s="328">
        <v>0</v>
      </c>
      <c r="AM21" s="326">
        <v>0</v>
      </c>
      <c r="AN21" s="327">
        <v>0</v>
      </c>
      <c r="AO21" s="327">
        <v>0</v>
      </c>
      <c r="AP21" s="327">
        <v>0</v>
      </c>
      <c r="AQ21" s="327">
        <v>80816</v>
      </c>
      <c r="AR21" s="327">
        <v>103444</v>
      </c>
      <c r="AS21" s="328">
        <v>184260</v>
      </c>
      <c r="AT21" s="330">
        <v>184260</v>
      </c>
      <c r="AU21" s="326">
        <v>77911</v>
      </c>
      <c r="AV21" s="327">
        <v>60290</v>
      </c>
      <c r="AW21" s="328">
        <v>138201</v>
      </c>
      <c r="AX21" s="326">
        <v>0</v>
      </c>
      <c r="AY21" s="327">
        <v>299069</v>
      </c>
      <c r="AZ21" s="327">
        <v>600569</v>
      </c>
      <c r="BA21" s="327">
        <v>415999</v>
      </c>
      <c r="BB21" s="327">
        <v>566146</v>
      </c>
      <c r="BC21" s="327">
        <v>158643</v>
      </c>
      <c r="BD21" s="328">
        <v>2040426</v>
      </c>
      <c r="BE21" s="330">
        <v>2178627</v>
      </c>
      <c r="BF21" s="326">
        <v>26378</v>
      </c>
      <c r="BG21" s="327">
        <v>0</v>
      </c>
      <c r="BH21" s="331">
        <v>26378</v>
      </c>
      <c r="BI21" s="332">
        <v>0</v>
      </c>
      <c r="BJ21" s="327">
        <v>0</v>
      </c>
      <c r="BK21" s="327">
        <v>55475</v>
      </c>
      <c r="BL21" s="327">
        <v>0</v>
      </c>
      <c r="BM21" s="327">
        <v>0</v>
      </c>
      <c r="BN21" s="327">
        <v>20803</v>
      </c>
      <c r="BO21" s="328">
        <v>76278</v>
      </c>
      <c r="BP21" s="330">
        <v>102656</v>
      </c>
      <c r="BQ21" s="326">
        <v>17409</v>
      </c>
      <c r="BR21" s="327">
        <v>0</v>
      </c>
      <c r="BS21" s="328">
        <v>17409</v>
      </c>
      <c r="BT21" s="326">
        <v>0</v>
      </c>
      <c r="BU21" s="327">
        <v>120085</v>
      </c>
      <c r="BV21" s="327">
        <v>285026</v>
      </c>
      <c r="BW21" s="327">
        <v>175658</v>
      </c>
      <c r="BX21" s="327">
        <v>166369</v>
      </c>
      <c r="BY21" s="327">
        <v>105609</v>
      </c>
      <c r="BZ21" s="328">
        <v>852747</v>
      </c>
      <c r="CA21" s="330">
        <v>870156</v>
      </c>
      <c r="CB21" s="326">
        <v>92819</v>
      </c>
      <c r="CC21" s="327">
        <v>201710</v>
      </c>
      <c r="CD21" s="328">
        <v>294529</v>
      </c>
      <c r="CE21" s="326">
        <v>0</v>
      </c>
      <c r="CF21" s="327">
        <v>1133531</v>
      </c>
      <c r="CG21" s="327">
        <v>1956824</v>
      </c>
      <c r="CH21" s="327">
        <v>915407</v>
      </c>
      <c r="CI21" s="327">
        <v>429610</v>
      </c>
      <c r="CJ21" s="327">
        <v>277284</v>
      </c>
      <c r="CK21" s="328">
        <v>4712656</v>
      </c>
      <c r="CL21" s="330">
        <v>5007185</v>
      </c>
      <c r="CM21" s="326">
        <v>0</v>
      </c>
      <c r="CN21" s="327">
        <v>0</v>
      </c>
      <c r="CO21" s="328">
        <v>0</v>
      </c>
      <c r="CP21" s="332">
        <v>0</v>
      </c>
      <c r="CQ21" s="327">
        <v>701216</v>
      </c>
      <c r="CR21" s="327">
        <v>1199924</v>
      </c>
      <c r="CS21" s="327">
        <v>414392</v>
      </c>
      <c r="CT21" s="327">
        <v>371786</v>
      </c>
      <c r="CU21" s="327">
        <v>174662</v>
      </c>
      <c r="CV21" s="328">
        <v>2861980</v>
      </c>
      <c r="CW21" s="330">
        <v>2861980</v>
      </c>
      <c r="CX21" s="326">
        <v>92819</v>
      </c>
      <c r="CY21" s="327">
        <v>201710</v>
      </c>
      <c r="CZ21" s="328">
        <v>294529</v>
      </c>
      <c r="DA21" s="326">
        <v>0</v>
      </c>
      <c r="DB21" s="327">
        <v>432315</v>
      </c>
      <c r="DC21" s="327">
        <v>756900</v>
      </c>
      <c r="DD21" s="327">
        <v>501015</v>
      </c>
      <c r="DE21" s="327">
        <v>57824</v>
      </c>
      <c r="DF21" s="327">
        <v>102622</v>
      </c>
      <c r="DG21" s="328">
        <v>1850676</v>
      </c>
      <c r="DH21" s="330">
        <v>2145205</v>
      </c>
      <c r="DI21" s="326">
        <v>0</v>
      </c>
      <c r="DJ21" s="327">
        <v>0</v>
      </c>
      <c r="DK21" s="331">
        <v>0</v>
      </c>
      <c r="DL21" s="332">
        <v>0</v>
      </c>
      <c r="DM21" s="327">
        <v>0</v>
      </c>
      <c r="DN21" s="327">
        <v>505935</v>
      </c>
      <c r="DO21" s="327">
        <v>385937</v>
      </c>
      <c r="DP21" s="327">
        <v>86193</v>
      </c>
      <c r="DQ21" s="327">
        <v>274143</v>
      </c>
      <c r="DR21" s="328">
        <v>1252208</v>
      </c>
      <c r="DS21" s="330">
        <v>1252208</v>
      </c>
      <c r="DT21" s="326">
        <v>0</v>
      </c>
      <c r="DU21" s="327">
        <v>0</v>
      </c>
      <c r="DV21" s="328">
        <v>0</v>
      </c>
      <c r="DW21" s="326">
        <v>0</v>
      </c>
      <c r="DX21" s="327">
        <v>0</v>
      </c>
      <c r="DY21" s="327">
        <v>476662</v>
      </c>
      <c r="DZ21" s="327">
        <v>348152</v>
      </c>
      <c r="EA21" s="327">
        <v>86193</v>
      </c>
      <c r="EB21" s="327">
        <v>274143</v>
      </c>
      <c r="EC21" s="328">
        <v>1185150</v>
      </c>
      <c r="ED21" s="330">
        <v>1185150</v>
      </c>
      <c r="EE21" s="326">
        <v>0</v>
      </c>
      <c r="EF21" s="331">
        <v>0</v>
      </c>
      <c r="EG21" s="328">
        <v>0</v>
      </c>
      <c r="EH21" s="326">
        <v>0</v>
      </c>
      <c r="EI21" s="327">
        <v>0</v>
      </c>
      <c r="EJ21" s="327">
        <v>29273</v>
      </c>
      <c r="EK21" s="327">
        <v>37785</v>
      </c>
      <c r="EL21" s="327">
        <v>0</v>
      </c>
      <c r="EM21" s="327">
        <v>0</v>
      </c>
      <c r="EN21" s="331">
        <v>67058</v>
      </c>
      <c r="EO21" s="330">
        <v>67058</v>
      </c>
      <c r="EP21" s="326">
        <v>0</v>
      </c>
      <c r="EQ21" s="327">
        <v>0</v>
      </c>
      <c r="ER21" s="331">
        <v>0</v>
      </c>
      <c r="ES21" s="332">
        <v>0</v>
      </c>
      <c r="ET21" s="327">
        <v>0</v>
      </c>
      <c r="EU21" s="327">
        <v>0</v>
      </c>
      <c r="EV21" s="327">
        <v>0</v>
      </c>
      <c r="EW21" s="327">
        <v>0</v>
      </c>
      <c r="EX21" s="327">
        <v>0</v>
      </c>
      <c r="EY21" s="328">
        <v>0</v>
      </c>
      <c r="EZ21" s="330">
        <v>0</v>
      </c>
      <c r="FA21" s="326">
        <v>0</v>
      </c>
      <c r="FB21" s="327">
        <v>0</v>
      </c>
      <c r="FC21" s="331">
        <v>0</v>
      </c>
      <c r="FD21" s="404">
        <v>0</v>
      </c>
      <c r="FE21" s="327">
        <v>0</v>
      </c>
      <c r="FF21" s="327">
        <v>0</v>
      </c>
      <c r="FG21" s="327">
        <v>0</v>
      </c>
      <c r="FH21" s="327">
        <v>0</v>
      </c>
      <c r="FI21" s="327">
        <v>0</v>
      </c>
      <c r="FJ21" s="328">
        <v>0</v>
      </c>
      <c r="FK21" s="330">
        <v>0</v>
      </c>
      <c r="FL21" s="326">
        <v>71218</v>
      </c>
      <c r="FM21" s="327">
        <v>49350</v>
      </c>
      <c r="FN21" s="328">
        <v>120568</v>
      </c>
      <c r="FO21" s="326">
        <v>0</v>
      </c>
      <c r="FP21" s="327">
        <v>132377</v>
      </c>
      <c r="FQ21" s="327">
        <v>378847</v>
      </c>
      <c r="FR21" s="327">
        <v>179774</v>
      </c>
      <c r="FS21" s="327">
        <v>271523</v>
      </c>
      <c r="FT21" s="327">
        <v>185556</v>
      </c>
      <c r="FU21" s="328">
        <v>1148077</v>
      </c>
      <c r="FV21" s="330">
        <v>1268645</v>
      </c>
      <c r="FW21" s="333">
        <v>43428</v>
      </c>
      <c r="FX21" s="327">
        <v>49350</v>
      </c>
      <c r="FY21" s="331">
        <v>92778</v>
      </c>
      <c r="FZ21" s="332">
        <v>0</v>
      </c>
      <c r="GA21" s="327">
        <v>93492</v>
      </c>
      <c r="GB21" s="327">
        <v>378847</v>
      </c>
      <c r="GC21" s="327">
        <v>179774</v>
      </c>
      <c r="GD21" s="327">
        <v>271523</v>
      </c>
      <c r="GE21" s="327">
        <v>185556</v>
      </c>
      <c r="GF21" s="328">
        <v>1109192</v>
      </c>
      <c r="GG21" s="334">
        <v>1201970</v>
      </c>
      <c r="GH21" s="333">
        <v>15050</v>
      </c>
      <c r="GI21" s="327">
        <v>0</v>
      </c>
      <c r="GJ21" s="331">
        <v>15050</v>
      </c>
      <c r="GK21" s="332">
        <v>0</v>
      </c>
      <c r="GL21" s="327">
        <v>38885</v>
      </c>
      <c r="GM21" s="327">
        <v>0</v>
      </c>
      <c r="GN21" s="327">
        <v>0</v>
      </c>
      <c r="GO21" s="327">
        <v>0</v>
      </c>
      <c r="GP21" s="327">
        <v>0</v>
      </c>
      <c r="GQ21" s="328">
        <v>38885</v>
      </c>
      <c r="GR21" s="330">
        <v>53935</v>
      </c>
      <c r="GS21" s="326">
        <v>12740</v>
      </c>
      <c r="GT21" s="327">
        <v>0</v>
      </c>
      <c r="GU21" s="328">
        <v>12740</v>
      </c>
      <c r="GV21" s="326">
        <v>0</v>
      </c>
      <c r="GW21" s="327">
        <v>0</v>
      </c>
      <c r="GX21" s="327">
        <v>0</v>
      </c>
      <c r="GY21" s="327">
        <v>0</v>
      </c>
      <c r="GZ21" s="327">
        <v>0</v>
      </c>
      <c r="HA21" s="327">
        <v>0</v>
      </c>
      <c r="HB21" s="331">
        <v>0</v>
      </c>
      <c r="HC21" s="330">
        <v>12740</v>
      </c>
      <c r="HD21" s="326">
        <v>155482</v>
      </c>
      <c r="HE21" s="327">
        <v>0</v>
      </c>
      <c r="HF21" s="331">
        <v>155482</v>
      </c>
      <c r="HG21" s="332">
        <v>0</v>
      </c>
      <c r="HH21" s="327">
        <v>1010577</v>
      </c>
      <c r="HI21" s="327">
        <v>1609700</v>
      </c>
      <c r="HJ21" s="327">
        <v>1975290</v>
      </c>
      <c r="HK21" s="327">
        <v>1937716</v>
      </c>
      <c r="HL21" s="327">
        <v>1582888</v>
      </c>
      <c r="HM21" s="328">
        <v>8116171</v>
      </c>
      <c r="HN21" s="329">
        <v>8271653</v>
      </c>
      <c r="HO21" s="333">
        <v>0</v>
      </c>
      <c r="HP21" s="327">
        <v>0</v>
      </c>
      <c r="HQ21" s="328">
        <v>0</v>
      </c>
      <c r="HR21" s="326">
        <v>0</v>
      </c>
      <c r="HS21" s="327">
        <v>0</v>
      </c>
      <c r="HT21" s="327">
        <v>0</v>
      </c>
      <c r="HU21" s="327">
        <v>0</v>
      </c>
      <c r="HV21" s="327">
        <v>0</v>
      </c>
      <c r="HW21" s="327">
        <v>0</v>
      </c>
      <c r="HX21" s="331">
        <v>0</v>
      </c>
      <c r="HY21" s="330">
        <v>0</v>
      </c>
      <c r="HZ21" s="335">
        <v>0</v>
      </c>
      <c r="IA21" s="336">
        <v>0</v>
      </c>
      <c r="IB21" s="337">
        <v>0</v>
      </c>
      <c r="IC21" s="338">
        <v>0</v>
      </c>
      <c r="ID21" s="336">
        <v>705083</v>
      </c>
      <c r="IE21" s="339">
        <v>964157</v>
      </c>
      <c r="IF21" s="337">
        <v>586742</v>
      </c>
      <c r="IG21" s="336">
        <v>407369</v>
      </c>
      <c r="IH21" s="337">
        <v>256389</v>
      </c>
      <c r="II21" s="340">
        <v>2919740</v>
      </c>
      <c r="IJ21" s="341">
        <v>2919740</v>
      </c>
      <c r="IK21" s="342">
        <v>0</v>
      </c>
      <c r="IL21" s="343">
        <v>0</v>
      </c>
      <c r="IM21" s="344">
        <v>0</v>
      </c>
      <c r="IN21" s="404">
        <v>0</v>
      </c>
      <c r="IO21" s="345">
        <v>0</v>
      </c>
      <c r="IP21" s="345">
        <v>0</v>
      </c>
      <c r="IQ21" s="345">
        <v>157936</v>
      </c>
      <c r="IR21" s="345">
        <v>167049</v>
      </c>
      <c r="IS21" s="345">
        <v>0</v>
      </c>
      <c r="IT21" s="346">
        <v>324985</v>
      </c>
      <c r="IU21" s="347">
        <v>324985</v>
      </c>
      <c r="IV21" s="348">
        <v>0</v>
      </c>
      <c r="IW21" s="345">
        <v>0</v>
      </c>
      <c r="IX21" s="349">
        <v>0</v>
      </c>
      <c r="IY21" s="404">
        <v>0</v>
      </c>
      <c r="IZ21" s="345">
        <v>0</v>
      </c>
      <c r="JA21" s="345">
        <v>22829</v>
      </c>
      <c r="JB21" s="345">
        <v>0</v>
      </c>
      <c r="JC21" s="345">
        <v>0</v>
      </c>
      <c r="JD21" s="345">
        <v>0</v>
      </c>
      <c r="JE21" s="349">
        <v>22829</v>
      </c>
      <c r="JF21" s="350">
        <v>22829</v>
      </c>
      <c r="JG21" s="348">
        <v>0</v>
      </c>
      <c r="JH21" s="345">
        <v>0</v>
      </c>
      <c r="JI21" s="346">
        <v>0</v>
      </c>
      <c r="JJ21" s="351">
        <v>0</v>
      </c>
      <c r="JK21" s="345">
        <v>248882</v>
      </c>
      <c r="JL21" s="345">
        <v>333482</v>
      </c>
      <c r="JM21" s="345">
        <v>203439</v>
      </c>
      <c r="JN21" s="345">
        <v>0</v>
      </c>
      <c r="JO21" s="345">
        <v>0</v>
      </c>
      <c r="JP21" s="349">
        <v>785803</v>
      </c>
      <c r="JQ21" s="347">
        <v>785803</v>
      </c>
      <c r="JR21" s="348">
        <v>0</v>
      </c>
      <c r="JS21" s="345">
        <v>0</v>
      </c>
      <c r="JT21" s="346">
        <v>0</v>
      </c>
      <c r="JU21" s="351">
        <v>0</v>
      </c>
      <c r="JV21" s="345">
        <v>34911</v>
      </c>
      <c r="JW21" s="345">
        <v>0</v>
      </c>
      <c r="JX21" s="345">
        <v>0</v>
      </c>
      <c r="JY21" s="345">
        <v>0</v>
      </c>
      <c r="JZ21" s="345">
        <v>0</v>
      </c>
      <c r="KA21" s="349">
        <v>34911</v>
      </c>
      <c r="KB21" s="347">
        <v>34911</v>
      </c>
      <c r="KC21" s="352">
        <v>0</v>
      </c>
      <c r="KD21" s="353">
        <v>0</v>
      </c>
      <c r="KE21" s="349">
        <v>0</v>
      </c>
      <c r="KF21" s="351">
        <v>0</v>
      </c>
      <c r="KG21" s="345">
        <v>312687</v>
      </c>
      <c r="KH21" s="345">
        <v>162596</v>
      </c>
      <c r="KI21" s="345">
        <v>0</v>
      </c>
      <c r="KJ21" s="345">
        <v>0</v>
      </c>
      <c r="KK21" s="345">
        <v>256389</v>
      </c>
      <c r="KL21" s="349">
        <v>731672</v>
      </c>
      <c r="KM21" s="354">
        <v>731672</v>
      </c>
      <c r="KN21" s="342">
        <v>0</v>
      </c>
      <c r="KO21" s="343">
        <v>0</v>
      </c>
      <c r="KP21" s="344">
        <v>0</v>
      </c>
      <c r="KQ21" s="404">
        <v>0</v>
      </c>
      <c r="KR21" s="345">
        <v>217776</v>
      </c>
      <c r="KS21" s="345">
        <v>445250</v>
      </c>
      <c r="KT21" s="345">
        <v>225367</v>
      </c>
      <c r="KU21" s="345">
        <v>240320</v>
      </c>
      <c r="KV21" s="345">
        <v>0</v>
      </c>
      <c r="KW21" s="349">
        <v>1128713</v>
      </c>
      <c r="KX21" s="347">
        <v>1128713</v>
      </c>
      <c r="KY21" s="348">
        <v>0</v>
      </c>
      <c r="KZ21" s="345">
        <v>0</v>
      </c>
      <c r="LA21" s="349">
        <v>0</v>
      </c>
      <c r="LB21" s="404">
        <v>0</v>
      </c>
      <c r="LC21" s="345">
        <v>0</v>
      </c>
      <c r="LD21" s="345">
        <v>0</v>
      </c>
      <c r="LE21" s="345">
        <v>0</v>
      </c>
      <c r="LF21" s="345">
        <v>0</v>
      </c>
      <c r="LG21" s="345">
        <v>0</v>
      </c>
      <c r="LH21" s="349">
        <v>0</v>
      </c>
      <c r="LI21" s="350">
        <v>0</v>
      </c>
      <c r="LJ21" s="348">
        <v>0</v>
      </c>
      <c r="LK21" s="345">
        <v>0</v>
      </c>
      <c r="LL21" s="349">
        <v>0</v>
      </c>
      <c r="LM21" s="404">
        <v>0</v>
      </c>
      <c r="LN21" s="345">
        <v>0</v>
      </c>
      <c r="LO21" s="345">
        <v>0</v>
      </c>
      <c r="LP21" s="345">
        <v>0</v>
      </c>
      <c r="LQ21" s="345">
        <v>0</v>
      </c>
      <c r="LR21" s="345">
        <v>0</v>
      </c>
      <c r="LS21" s="349">
        <v>0</v>
      </c>
      <c r="LT21" s="347">
        <v>0</v>
      </c>
      <c r="LU21" s="348">
        <v>0</v>
      </c>
      <c r="LV21" s="345">
        <v>0</v>
      </c>
      <c r="LW21" s="349">
        <v>0</v>
      </c>
      <c r="LX21" s="404">
        <v>0</v>
      </c>
      <c r="LY21" s="345">
        <v>-109173</v>
      </c>
      <c r="LZ21" s="345">
        <v>0</v>
      </c>
      <c r="MA21" s="345">
        <v>0</v>
      </c>
      <c r="MB21" s="345">
        <v>0</v>
      </c>
      <c r="MC21" s="345">
        <v>0</v>
      </c>
      <c r="MD21" s="349">
        <v>-109173</v>
      </c>
      <c r="ME21" s="350">
        <v>-109173</v>
      </c>
      <c r="MF21" s="348">
        <v>0</v>
      </c>
      <c r="MG21" s="345">
        <v>0</v>
      </c>
      <c r="MH21" s="349">
        <v>0</v>
      </c>
      <c r="MI21" s="404">
        <v>0</v>
      </c>
      <c r="MJ21" s="345">
        <v>0</v>
      </c>
      <c r="MK21" s="345">
        <v>312741</v>
      </c>
      <c r="ML21" s="345">
        <v>2308256</v>
      </c>
      <c r="MM21" s="345">
        <v>3294849</v>
      </c>
      <c r="MN21" s="345">
        <v>1679720</v>
      </c>
      <c r="MO21" s="349">
        <v>7595566</v>
      </c>
      <c r="MP21" s="354">
        <v>7595566</v>
      </c>
      <c r="MQ21" s="348">
        <v>0</v>
      </c>
      <c r="MR21" s="345">
        <v>0</v>
      </c>
      <c r="MS21" s="349">
        <v>0</v>
      </c>
      <c r="MT21" s="404">
        <v>0</v>
      </c>
      <c r="MU21" s="345">
        <v>0</v>
      </c>
      <c r="MV21" s="345">
        <v>0</v>
      </c>
      <c r="MW21" s="345">
        <v>883308</v>
      </c>
      <c r="MX21" s="345">
        <v>1769989</v>
      </c>
      <c r="MY21" s="345">
        <v>830599</v>
      </c>
      <c r="MZ21" s="349">
        <v>3483896</v>
      </c>
      <c r="NA21" s="354">
        <v>3483896</v>
      </c>
      <c r="NB21" s="348">
        <v>0</v>
      </c>
      <c r="NC21" s="345">
        <v>0</v>
      </c>
      <c r="ND21" s="349">
        <v>0</v>
      </c>
      <c r="NE21" s="404">
        <v>0</v>
      </c>
      <c r="NF21" s="345">
        <v>0</v>
      </c>
      <c r="NG21" s="345">
        <v>312741</v>
      </c>
      <c r="NH21" s="345">
        <v>1424948</v>
      </c>
      <c r="NI21" s="345">
        <v>1524860</v>
      </c>
      <c r="NJ21" s="345">
        <v>849121</v>
      </c>
      <c r="NK21" s="349">
        <v>4111670</v>
      </c>
      <c r="NL21" s="347">
        <v>4111670</v>
      </c>
      <c r="NM21" s="348">
        <v>0</v>
      </c>
      <c r="NN21" s="345">
        <v>0</v>
      </c>
      <c r="NO21" s="349">
        <v>0</v>
      </c>
      <c r="NP21" s="404">
        <v>0</v>
      </c>
      <c r="NQ21" s="345">
        <v>0</v>
      </c>
      <c r="NR21" s="345">
        <v>0</v>
      </c>
      <c r="NS21" s="345">
        <v>0</v>
      </c>
      <c r="NT21" s="345">
        <v>0</v>
      </c>
      <c r="NU21" s="345">
        <v>0</v>
      </c>
      <c r="NV21" s="349">
        <v>0</v>
      </c>
      <c r="NW21" s="350">
        <v>0</v>
      </c>
      <c r="NX21" s="348">
        <v>0</v>
      </c>
      <c r="NY21" s="345">
        <v>0</v>
      </c>
      <c r="NZ21" s="349">
        <v>0</v>
      </c>
      <c r="OA21" s="404">
        <v>0</v>
      </c>
      <c r="OB21" s="345">
        <v>0</v>
      </c>
      <c r="OC21" s="345">
        <v>0</v>
      </c>
      <c r="OD21" s="345">
        <v>0</v>
      </c>
      <c r="OE21" s="345">
        <v>0</v>
      </c>
      <c r="OF21" s="345">
        <v>0</v>
      </c>
      <c r="OG21" s="349">
        <v>0</v>
      </c>
      <c r="OH21" s="350">
        <v>0</v>
      </c>
      <c r="OI21" s="348">
        <v>441217</v>
      </c>
      <c r="OJ21" s="345">
        <v>311350</v>
      </c>
      <c r="OK21" s="346">
        <v>752567</v>
      </c>
      <c r="OL21" s="351">
        <v>0</v>
      </c>
      <c r="OM21" s="345">
        <v>3494010</v>
      </c>
      <c r="ON21" s="345">
        <v>7527666</v>
      </c>
      <c r="OO21" s="345">
        <v>7221865</v>
      </c>
      <c r="OP21" s="345">
        <v>7419138</v>
      </c>
      <c r="OQ21" s="345">
        <v>4741219</v>
      </c>
      <c r="OR21" s="349">
        <v>30403898</v>
      </c>
      <c r="OS21" s="354">
        <v>31156465</v>
      </c>
    </row>
    <row r="22" spans="2:409" s="70" customFormat="1" ht="21" customHeight="1" x14ac:dyDescent="0.2">
      <c r="B22" s="106" t="s">
        <v>17</v>
      </c>
      <c r="C22" s="326">
        <v>455738</v>
      </c>
      <c r="D22" s="327">
        <v>850078</v>
      </c>
      <c r="E22" s="328">
        <v>1305816</v>
      </c>
      <c r="F22" s="329">
        <v>0</v>
      </c>
      <c r="G22" s="327">
        <v>4832543</v>
      </c>
      <c r="H22" s="327">
        <v>8791897</v>
      </c>
      <c r="I22" s="327">
        <v>8455228</v>
      </c>
      <c r="J22" s="327">
        <v>7049338</v>
      </c>
      <c r="K22" s="327">
        <v>3015317</v>
      </c>
      <c r="L22" s="329">
        <v>32144323</v>
      </c>
      <c r="M22" s="330">
        <v>33450139</v>
      </c>
      <c r="N22" s="326">
        <v>150420</v>
      </c>
      <c r="O22" s="327">
        <v>310858</v>
      </c>
      <c r="P22" s="328">
        <v>461278</v>
      </c>
      <c r="Q22" s="326">
        <v>0</v>
      </c>
      <c r="R22" s="327">
        <v>876725</v>
      </c>
      <c r="S22" s="327">
        <v>2988710</v>
      </c>
      <c r="T22" s="327">
        <v>3439664</v>
      </c>
      <c r="U22" s="327">
        <v>2345712</v>
      </c>
      <c r="V22" s="327">
        <v>1224233</v>
      </c>
      <c r="W22" s="328">
        <v>10875044</v>
      </c>
      <c r="X22" s="330">
        <v>11336322</v>
      </c>
      <c r="Y22" s="326">
        <v>0</v>
      </c>
      <c r="Z22" s="327">
        <v>0</v>
      </c>
      <c r="AA22" s="328">
        <v>0</v>
      </c>
      <c r="AB22" s="326">
        <v>0</v>
      </c>
      <c r="AC22" s="327">
        <v>316303</v>
      </c>
      <c r="AD22" s="327">
        <v>1346589</v>
      </c>
      <c r="AE22" s="327">
        <v>2147009</v>
      </c>
      <c r="AF22" s="327">
        <v>1179412</v>
      </c>
      <c r="AG22" s="327">
        <v>455669</v>
      </c>
      <c r="AH22" s="328">
        <v>5444982</v>
      </c>
      <c r="AI22" s="330">
        <v>5444982</v>
      </c>
      <c r="AJ22" s="326">
        <v>0</v>
      </c>
      <c r="AK22" s="327">
        <v>0</v>
      </c>
      <c r="AL22" s="328">
        <v>0</v>
      </c>
      <c r="AM22" s="326">
        <v>0</v>
      </c>
      <c r="AN22" s="327">
        <v>0</v>
      </c>
      <c r="AO22" s="327">
        <v>0</v>
      </c>
      <c r="AP22" s="327">
        <v>74124</v>
      </c>
      <c r="AQ22" s="327">
        <v>214121</v>
      </c>
      <c r="AR22" s="327">
        <v>320797</v>
      </c>
      <c r="AS22" s="328">
        <v>609042</v>
      </c>
      <c r="AT22" s="330">
        <v>609042</v>
      </c>
      <c r="AU22" s="326">
        <v>53153</v>
      </c>
      <c r="AV22" s="327">
        <v>264567</v>
      </c>
      <c r="AW22" s="328">
        <v>317720</v>
      </c>
      <c r="AX22" s="326">
        <v>0</v>
      </c>
      <c r="AY22" s="327">
        <v>232547</v>
      </c>
      <c r="AZ22" s="327">
        <v>1199292</v>
      </c>
      <c r="BA22" s="327">
        <v>635681</v>
      </c>
      <c r="BB22" s="327">
        <v>525114</v>
      </c>
      <c r="BC22" s="327">
        <v>189936</v>
      </c>
      <c r="BD22" s="328">
        <v>2782570</v>
      </c>
      <c r="BE22" s="330">
        <v>3100290</v>
      </c>
      <c r="BF22" s="326">
        <v>46090</v>
      </c>
      <c r="BG22" s="327">
        <v>0</v>
      </c>
      <c r="BH22" s="331">
        <v>46090</v>
      </c>
      <c r="BI22" s="332">
        <v>0</v>
      </c>
      <c r="BJ22" s="327">
        <v>49989</v>
      </c>
      <c r="BK22" s="327">
        <v>112135</v>
      </c>
      <c r="BL22" s="327">
        <v>179734</v>
      </c>
      <c r="BM22" s="327">
        <v>48554</v>
      </c>
      <c r="BN22" s="327">
        <v>0</v>
      </c>
      <c r="BO22" s="328">
        <v>390412</v>
      </c>
      <c r="BP22" s="330">
        <v>436502</v>
      </c>
      <c r="BQ22" s="326">
        <v>51177</v>
      </c>
      <c r="BR22" s="327">
        <v>46291</v>
      </c>
      <c r="BS22" s="328">
        <v>97468</v>
      </c>
      <c r="BT22" s="326">
        <v>0</v>
      </c>
      <c r="BU22" s="327">
        <v>277886</v>
      </c>
      <c r="BV22" s="327">
        <v>330694</v>
      </c>
      <c r="BW22" s="327">
        <v>403116</v>
      </c>
      <c r="BX22" s="327">
        <v>378511</v>
      </c>
      <c r="BY22" s="327">
        <v>257831</v>
      </c>
      <c r="BZ22" s="328">
        <v>1648038</v>
      </c>
      <c r="CA22" s="330">
        <v>1745506</v>
      </c>
      <c r="CB22" s="326">
        <v>94010</v>
      </c>
      <c r="CC22" s="327">
        <v>173685</v>
      </c>
      <c r="CD22" s="328">
        <v>267695</v>
      </c>
      <c r="CE22" s="326">
        <v>0</v>
      </c>
      <c r="CF22" s="327">
        <v>974198</v>
      </c>
      <c r="CG22" s="327">
        <v>3132286</v>
      </c>
      <c r="CH22" s="327">
        <v>1942505</v>
      </c>
      <c r="CI22" s="327">
        <v>811386</v>
      </c>
      <c r="CJ22" s="327">
        <v>0</v>
      </c>
      <c r="CK22" s="328">
        <v>6860375</v>
      </c>
      <c r="CL22" s="330">
        <v>7128070</v>
      </c>
      <c r="CM22" s="326">
        <v>0</v>
      </c>
      <c r="CN22" s="327">
        <v>0</v>
      </c>
      <c r="CO22" s="328">
        <v>0</v>
      </c>
      <c r="CP22" s="332">
        <v>0</v>
      </c>
      <c r="CQ22" s="327">
        <v>494424</v>
      </c>
      <c r="CR22" s="327">
        <v>2480670</v>
      </c>
      <c r="CS22" s="327">
        <v>1173040</v>
      </c>
      <c r="CT22" s="327">
        <v>491303</v>
      </c>
      <c r="CU22" s="327">
        <v>0</v>
      </c>
      <c r="CV22" s="328">
        <v>4639437</v>
      </c>
      <c r="CW22" s="330">
        <v>4639437</v>
      </c>
      <c r="CX22" s="326">
        <v>94010</v>
      </c>
      <c r="CY22" s="327">
        <v>173685</v>
      </c>
      <c r="CZ22" s="328">
        <v>267695</v>
      </c>
      <c r="DA22" s="326">
        <v>0</v>
      </c>
      <c r="DB22" s="327">
        <v>479774</v>
      </c>
      <c r="DC22" s="327">
        <v>651616</v>
      </c>
      <c r="DD22" s="327">
        <v>769465</v>
      </c>
      <c r="DE22" s="327">
        <v>320083</v>
      </c>
      <c r="DF22" s="327">
        <v>0</v>
      </c>
      <c r="DG22" s="328">
        <v>2220938</v>
      </c>
      <c r="DH22" s="330">
        <v>2488633</v>
      </c>
      <c r="DI22" s="326">
        <v>23796</v>
      </c>
      <c r="DJ22" s="327">
        <v>0</v>
      </c>
      <c r="DK22" s="331">
        <v>23796</v>
      </c>
      <c r="DL22" s="332">
        <v>0</v>
      </c>
      <c r="DM22" s="327">
        <v>160933</v>
      </c>
      <c r="DN22" s="327">
        <v>419865</v>
      </c>
      <c r="DO22" s="327">
        <v>860072</v>
      </c>
      <c r="DP22" s="327">
        <v>877728</v>
      </c>
      <c r="DQ22" s="327">
        <v>0</v>
      </c>
      <c r="DR22" s="328">
        <v>2318598</v>
      </c>
      <c r="DS22" s="330">
        <v>2342394</v>
      </c>
      <c r="DT22" s="326">
        <v>23796</v>
      </c>
      <c r="DU22" s="327">
        <v>0</v>
      </c>
      <c r="DV22" s="328">
        <v>23796</v>
      </c>
      <c r="DW22" s="326">
        <v>0</v>
      </c>
      <c r="DX22" s="327">
        <v>160933</v>
      </c>
      <c r="DY22" s="327">
        <v>283533</v>
      </c>
      <c r="DZ22" s="327">
        <v>860072</v>
      </c>
      <c r="EA22" s="327">
        <v>524123</v>
      </c>
      <c r="EB22" s="327">
        <v>0</v>
      </c>
      <c r="EC22" s="328">
        <v>1828661</v>
      </c>
      <c r="ED22" s="330">
        <v>1852457</v>
      </c>
      <c r="EE22" s="326">
        <v>0</v>
      </c>
      <c r="EF22" s="331">
        <v>0</v>
      </c>
      <c r="EG22" s="328">
        <v>0</v>
      </c>
      <c r="EH22" s="326">
        <v>0</v>
      </c>
      <c r="EI22" s="327">
        <v>0</v>
      </c>
      <c r="EJ22" s="327">
        <v>136332</v>
      </c>
      <c r="EK22" s="327">
        <v>0</v>
      </c>
      <c r="EL22" s="327">
        <v>353605</v>
      </c>
      <c r="EM22" s="327">
        <v>0</v>
      </c>
      <c r="EN22" s="331">
        <v>489937</v>
      </c>
      <c r="EO22" s="330">
        <v>489937</v>
      </c>
      <c r="EP22" s="326">
        <v>0</v>
      </c>
      <c r="EQ22" s="327">
        <v>0</v>
      </c>
      <c r="ER22" s="331">
        <v>0</v>
      </c>
      <c r="ES22" s="332">
        <v>0</v>
      </c>
      <c r="ET22" s="327">
        <v>0</v>
      </c>
      <c r="EU22" s="327">
        <v>0</v>
      </c>
      <c r="EV22" s="327">
        <v>0</v>
      </c>
      <c r="EW22" s="327">
        <v>0</v>
      </c>
      <c r="EX22" s="327">
        <v>0</v>
      </c>
      <c r="EY22" s="328">
        <v>0</v>
      </c>
      <c r="EZ22" s="330">
        <v>0</v>
      </c>
      <c r="FA22" s="326">
        <v>0</v>
      </c>
      <c r="FB22" s="327">
        <v>0</v>
      </c>
      <c r="FC22" s="331">
        <v>0</v>
      </c>
      <c r="FD22" s="404">
        <v>0</v>
      </c>
      <c r="FE22" s="327">
        <v>0</v>
      </c>
      <c r="FF22" s="327">
        <v>0</v>
      </c>
      <c r="FG22" s="327">
        <v>0</v>
      </c>
      <c r="FH22" s="327">
        <v>0</v>
      </c>
      <c r="FI22" s="327">
        <v>0</v>
      </c>
      <c r="FJ22" s="328">
        <v>0</v>
      </c>
      <c r="FK22" s="330">
        <v>0</v>
      </c>
      <c r="FL22" s="326">
        <v>89543</v>
      </c>
      <c r="FM22" s="327">
        <v>228522</v>
      </c>
      <c r="FN22" s="328">
        <v>318065</v>
      </c>
      <c r="FO22" s="326">
        <v>0</v>
      </c>
      <c r="FP22" s="327">
        <v>337766</v>
      </c>
      <c r="FQ22" s="327">
        <v>780318</v>
      </c>
      <c r="FR22" s="327">
        <v>652988</v>
      </c>
      <c r="FS22" s="327">
        <v>502693</v>
      </c>
      <c r="FT22" s="327">
        <v>186172</v>
      </c>
      <c r="FU22" s="328">
        <v>2459937</v>
      </c>
      <c r="FV22" s="330">
        <v>2778002</v>
      </c>
      <c r="FW22" s="333">
        <v>37072</v>
      </c>
      <c r="FX22" s="327">
        <v>137312</v>
      </c>
      <c r="FY22" s="331">
        <v>174384</v>
      </c>
      <c r="FZ22" s="332">
        <v>0</v>
      </c>
      <c r="GA22" s="327">
        <v>172550</v>
      </c>
      <c r="GB22" s="327">
        <v>722218</v>
      </c>
      <c r="GC22" s="327">
        <v>627578</v>
      </c>
      <c r="GD22" s="327">
        <v>458157</v>
      </c>
      <c r="GE22" s="327">
        <v>186172</v>
      </c>
      <c r="GF22" s="328">
        <v>2166675</v>
      </c>
      <c r="GG22" s="334">
        <v>2341059</v>
      </c>
      <c r="GH22" s="333">
        <v>0</v>
      </c>
      <c r="GI22" s="327">
        <v>20510</v>
      </c>
      <c r="GJ22" s="331">
        <v>20510</v>
      </c>
      <c r="GK22" s="332">
        <v>0</v>
      </c>
      <c r="GL22" s="327">
        <v>43610</v>
      </c>
      <c r="GM22" s="327">
        <v>0</v>
      </c>
      <c r="GN22" s="327">
        <v>25410</v>
      </c>
      <c r="GO22" s="327">
        <v>44536</v>
      </c>
      <c r="GP22" s="327">
        <v>0</v>
      </c>
      <c r="GQ22" s="328">
        <v>113556</v>
      </c>
      <c r="GR22" s="330">
        <v>134066</v>
      </c>
      <c r="GS22" s="326">
        <v>52471</v>
      </c>
      <c r="GT22" s="327">
        <v>70700</v>
      </c>
      <c r="GU22" s="328">
        <v>123171</v>
      </c>
      <c r="GV22" s="326">
        <v>0</v>
      </c>
      <c r="GW22" s="327">
        <v>121606</v>
      </c>
      <c r="GX22" s="327">
        <v>58100</v>
      </c>
      <c r="GY22" s="327">
        <v>0</v>
      </c>
      <c r="GZ22" s="327">
        <v>0</v>
      </c>
      <c r="HA22" s="327">
        <v>0</v>
      </c>
      <c r="HB22" s="331">
        <v>179706</v>
      </c>
      <c r="HC22" s="330">
        <v>302877</v>
      </c>
      <c r="HD22" s="326">
        <v>97969</v>
      </c>
      <c r="HE22" s="327">
        <v>137013</v>
      </c>
      <c r="HF22" s="331">
        <v>234982</v>
      </c>
      <c r="HG22" s="332">
        <v>0</v>
      </c>
      <c r="HH22" s="327">
        <v>2482921</v>
      </c>
      <c r="HI22" s="327">
        <v>1470718</v>
      </c>
      <c r="HJ22" s="327">
        <v>1559999</v>
      </c>
      <c r="HK22" s="327">
        <v>2511819</v>
      </c>
      <c r="HL22" s="327">
        <v>1604912</v>
      </c>
      <c r="HM22" s="328">
        <v>9630369</v>
      </c>
      <c r="HN22" s="329">
        <v>9865351</v>
      </c>
      <c r="HO22" s="333">
        <v>0</v>
      </c>
      <c r="HP22" s="327">
        <v>0</v>
      </c>
      <c r="HQ22" s="328">
        <v>0</v>
      </c>
      <c r="HR22" s="326">
        <v>0</v>
      </c>
      <c r="HS22" s="327">
        <v>0</v>
      </c>
      <c r="HT22" s="327">
        <v>0</v>
      </c>
      <c r="HU22" s="327">
        <v>0</v>
      </c>
      <c r="HV22" s="327">
        <v>0</v>
      </c>
      <c r="HW22" s="327">
        <v>0</v>
      </c>
      <c r="HX22" s="331">
        <v>0</v>
      </c>
      <c r="HY22" s="330">
        <v>0</v>
      </c>
      <c r="HZ22" s="358">
        <v>0</v>
      </c>
      <c r="IA22" s="356">
        <v>0</v>
      </c>
      <c r="IB22" s="358">
        <v>0</v>
      </c>
      <c r="IC22" s="355">
        <v>0</v>
      </c>
      <c r="ID22" s="356">
        <v>1311394</v>
      </c>
      <c r="IE22" s="357">
        <v>1282863</v>
      </c>
      <c r="IF22" s="358">
        <v>2534678</v>
      </c>
      <c r="IG22" s="356">
        <v>1291080</v>
      </c>
      <c r="IH22" s="358">
        <v>1584810</v>
      </c>
      <c r="II22" s="359">
        <v>8004825</v>
      </c>
      <c r="IJ22" s="358">
        <v>8004825</v>
      </c>
      <c r="IK22" s="342">
        <v>0</v>
      </c>
      <c r="IL22" s="343">
        <v>0</v>
      </c>
      <c r="IM22" s="344">
        <v>0</v>
      </c>
      <c r="IN22" s="404">
        <v>0</v>
      </c>
      <c r="IO22" s="345">
        <v>0</v>
      </c>
      <c r="IP22" s="345">
        <v>0</v>
      </c>
      <c r="IQ22" s="345">
        <v>0</v>
      </c>
      <c r="IR22" s="345">
        <v>0</v>
      </c>
      <c r="IS22" s="345">
        <v>0</v>
      </c>
      <c r="IT22" s="346">
        <v>0</v>
      </c>
      <c r="IU22" s="347">
        <v>0</v>
      </c>
      <c r="IV22" s="348">
        <v>0</v>
      </c>
      <c r="IW22" s="345">
        <v>0</v>
      </c>
      <c r="IX22" s="349">
        <v>0</v>
      </c>
      <c r="IY22" s="404">
        <v>0</v>
      </c>
      <c r="IZ22" s="345">
        <v>0</v>
      </c>
      <c r="JA22" s="345">
        <v>0</v>
      </c>
      <c r="JB22" s="345">
        <v>0</v>
      </c>
      <c r="JC22" s="345">
        <v>0</v>
      </c>
      <c r="JD22" s="345">
        <v>0</v>
      </c>
      <c r="JE22" s="349">
        <v>0</v>
      </c>
      <c r="JF22" s="350">
        <v>0</v>
      </c>
      <c r="JG22" s="348">
        <v>0</v>
      </c>
      <c r="JH22" s="345">
        <v>0</v>
      </c>
      <c r="JI22" s="346">
        <v>0</v>
      </c>
      <c r="JJ22" s="351">
        <v>0</v>
      </c>
      <c r="JK22" s="345">
        <v>954393</v>
      </c>
      <c r="JL22" s="345">
        <v>615634</v>
      </c>
      <c r="JM22" s="345">
        <v>806494</v>
      </c>
      <c r="JN22" s="345">
        <v>306222</v>
      </c>
      <c r="JO22" s="345">
        <v>303823</v>
      </c>
      <c r="JP22" s="349">
        <v>2986566</v>
      </c>
      <c r="JQ22" s="347">
        <v>2986566</v>
      </c>
      <c r="JR22" s="348">
        <v>0</v>
      </c>
      <c r="JS22" s="345">
        <v>0</v>
      </c>
      <c r="JT22" s="346">
        <v>0</v>
      </c>
      <c r="JU22" s="351">
        <v>0</v>
      </c>
      <c r="JV22" s="345">
        <v>140975</v>
      </c>
      <c r="JW22" s="345">
        <v>41293</v>
      </c>
      <c r="JX22" s="345">
        <v>0</v>
      </c>
      <c r="JY22" s="345">
        <v>0</v>
      </c>
      <c r="JZ22" s="345">
        <v>0</v>
      </c>
      <c r="KA22" s="349">
        <v>182268</v>
      </c>
      <c r="KB22" s="347">
        <v>182268</v>
      </c>
      <c r="KC22" s="352">
        <v>0</v>
      </c>
      <c r="KD22" s="353">
        <v>0</v>
      </c>
      <c r="KE22" s="349">
        <v>0</v>
      </c>
      <c r="KF22" s="351">
        <v>0</v>
      </c>
      <c r="KG22" s="345">
        <v>0</v>
      </c>
      <c r="KH22" s="345">
        <v>0</v>
      </c>
      <c r="KI22" s="345">
        <v>670810</v>
      </c>
      <c r="KJ22" s="345">
        <v>239407</v>
      </c>
      <c r="KK22" s="345">
        <v>523770</v>
      </c>
      <c r="KL22" s="349">
        <v>1433987</v>
      </c>
      <c r="KM22" s="354">
        <v>1433987</v>
      </c>
      <c r="KN22" s="342">
        <v>0</v>
      </c>
      <c r="KO22" s="343">
        <v>0</v>
      </c>
      <c r="KP22" s="344">
        <v>0</v>
      </c>
      <c r="KQ22" s="404">
        <v>0</v>
      </c>
      <c r="KR22" s="345">
        <v>216026</v>
      </c>
      <c r="KS22" s="345">
        <v>454098</v>
      </c>
      <c r="KT22" s="345">
        <v>830416</v>
      </c>
      <c r="KU22" s="345">
        <v>237034</v>
      </c>
      <c r="KV22" s="345">
        <v>493585</v>
      </c>
      <c r="KW22" s="349">
        <v>2231159</v>
      </c>
      <c r="KX22" s="347">
        <v>2231159</v>
      </c>
      <c r="KY22" s="348">
        <v>0</v>
      </c>
      <c r="KZ22" s="345">
        <v>0</v>
      </c>
      <c r="LA22" s="349">
        <v>0</v>
      </c>
      <c r="LB22" s="404">
        <v>0</v>
      </c>
      <c r="LC22" s="345">
        <v>0</v>
      </c>
      <c r="LD22" s="345">
        <v>0</v>
      </c>
      <c r="LE22" s="345">
        <v>0</v>
      </c>
      <c r="LF22" s="345">
        <v>0</v>
      </c>
      <c r="LG22" s="345">
        <v>0</v>
      </c>
      <c r="LH22" s="349">
        <v>0</v>
      </c>
      <c r="LI22" s="350">
        <v>0</v>
      </c>
      <c r="LJ22" s="348">
        <v>0</v>
      </c>
      <c r="LK22" s="345">
        <v>0</v>
      </c>
      <c r="LL22" s="349">
        <v>0</v>
      </c>
      <c r="LM22" s="404">
        <v>0</v>
      </c>
      <c r="LN22" s="345">
        <v>0</v>
      </c>
      <c r="LO22" s="345">
        <v>0</v>
      </c>
      <c r="LP22" s="345">
        <v>226958</v>
      </c>
      <c r="LQ22" s="345">
        <v>243439</v>
      </c>
      <c r="LR22" s="345">
        <v>263632</v>
      </c>
      <c r="LS22" s="349">
        <v>734029</v>
      </c>
      <c r="LT22" s="347">
        <v>734029</v>
      </c>
      <c r="LU22" s="348">
        <v>0</v>
      </c>
      <c r="LV22" s="345">
        <v>0</v>
      </c>
      <c r="LW22" s="349">
        <v>0</v>
      </c>
      <c r="LX22" s="404">
        <v>0</v>
      </c>
      <c r="LY22" s="345">
        <v>0</v>
      </c>
      <c r="LZ22" s="345">
        <v>171838</v>
      </c>
      <c r="MA22" s="345">
        <v>0</v>
      </c>
      <c r="MB22" s="345">
        <v>264978</v>
      </c>
      <c r="MC22" s="345">
        <v>0</v>
      </c>
      <c r="MD22" s="349">
        <v>436816</v>
      </c>
      <c r="ME22" s="350">
        <v>436816</v>
      </c>
      <c r="MF22" s="348">
        <v>0</v>
      </c>
      <c r="MG22" s="345">
        <v>0</v>
      </c>
      <c r="MH22" s="349">
        <v>0</v>
      </c>
      <c r="MI22" s="404">
        <v>0</v>
      </c>
      <c r="MJ22" s="345">
        <v>203369</v>
      </c>
      <c r="MK22" s="345">
        <v>1829339</v>
      </c>
      <c r="ML22" s="345">
        <v>4242827</v>
      </c>
      <c r="MM22" s="345">
        <v>3598259</v>
      </c>
      <c r="MN22" s="345">
        <v>3008625</v>
      </c>
      <c r="MO22" s="349">
        <v>12882419</v>
      </c>
      <c r="MP22" s="354">
        <v>12882419</v>
      </c>
      <c r="MQ22" s="348">
        <v>0</v>
      </c>
      <c r="MR22" s="345">
        <v>0</v>
      </c>
      <c r="MS22" s="349">
        <v>0</v>
      </c>
      <c r="MT22" s="404">
        <v>0</v>
      </c>
      <c r="MU22" s="345">
        <v>0</v>
      </c>
      <c r="MV22" s="345">
        <v>224892</v>
      </c>
      <c r="MW22" s="345">
        <v>1544841</v>
      </c>
      <c r="MX22" s="345">
        <v>1373675</v>
      </c>
      <c r="MY22" s="345">
        <v>1861209</v>
      </c>
      <c r="MZ22" s="349">
        <v>5004617</v>
      </c>
      <c r="NA22" s="354">
        <v>5004617</v>
      </c>
      <c r="NB22" s="348">
        <v>0</v>
      </c>
      <c r="NC22" s="345">
        <v>0</v>
      </c>
      <c r="ND22" s="349">
        <v>0</v>
      </c>
      <c r="NE22" s="404">
        <v>0</v>
      </c>
      <c r="NF22" s="345">
        <v>203369</v>
      </c>
      <c r="NG22" s="345">
        <v>1604447</v>
      </c>
      <c r="NH22" s="345">
        <v>2697986</v>
      </c>
      <c r="NI22" s="345">
        <v>2224584</v>
      </c>
      <c r="NJ22" s="345">
        <v>785393</v>
      </c>
      <c r="NK22" s="349">
        <v>7515779</v>
      </c>
      <c r="NL22" s="347">
        <v>7515779</v>
      </c>
      <c r="NM22" s="348">
        <v>0</v>
      </c>
      <c r="NN22" s="345">
        <v>0</v>
      </c>
      <c r="NO22" s="349">
        <v>0</v>
      </c>
      <c r="NP22" s="404">
        <v>0</v>
      </c>
      <c r="NQ22" s="345">
        <v>0</v>
      </c>
      <c r="NR22" s="345">
        <v>0</v>
      </c>
      <c r="NS22" s="345">
        <v>0</v>
      </c>
      <c r="NT22" s="345">
        <v>0</v>
      </c>
      <c r="NU22" s="345">
        <v>0</v>
      </c>
      <c r="NV22" s="349">
        <v>0</v>
      </c>
      <c r="NW22" s="350">
        <v>0</v>
      </c>
      <c r="NX22" s="348">
        <v>0</v>
      </c>
      <c r="NY22" s="345">
        <v>0</v>
      </c>
      <c r="NZ22" s="349">
        <v>0</v>
      </c>
      <c r="OA22" s="404">
        <v>0</v>
      </c>
      <c r="OB22" s="345">
        <v>0</v>
      </c>
      <c r="OC22" s="345">
        <v>0</v>
      </c>
      <c r="OD22" s="345">
        <v>0</v>
      </c>
      <c r="OE22" s="345">
        <v>0</v>
      </c>
      <c r="OF22" s="345">
        <v>362023</v>
      </c>
      <c r="OG22" s="349">
        <v>362023</v>
      </c>
      <c r="OH22" s="350">
        <v>362023</v>
      </c>
      <c r="OI22" s="348">
        <v>455738</v>
      </c>
      <c r="OJ22" s="345">
        <v>850078</v>
      </c>
      <c r="OK22" s="346">
        <v>1305816</v>
      </c>
      <c r="OL22" s="351">
        <v>0</v>
      </c>
      <c r="OM22" s="345">
        <v>6347306</v>
      </c>
      <c r="ON22" s="345">
        <v>11904099</v>
      </c>
      <c r="OO22" s="345">
        <v>15232733</v>
      </c>
      <c r="OP22" s="345">
        <v>11938677</v>
      </c>
      <c r="OQ22" s="345">
        <v>7608752</v>
      </c>
      <c r="OR22" s="349">
        <v>53031567</v>
      </c>
      <c r="OS22" s="354">
        <v>54337383</v>
      </c>
    </row>
    <row r="23" spans="2:409" s="70" customFormat="1" ht="21" customHeight="1" x14ac:dyDescent="0.2">
      <c r="B23" s="106" t="s">
        <v>18</v>
      </c>
      <c r="C23" s="326">
        <v>558251</v>
      </c>
      <c r="D23" s="327">
        <v>835807</v>
      </c>
      <c r="E23" s="328">
        <v>1394058</v>
      </c>
      <c r="F23" s="329">
        <v>0</v>
      </c>
      <c r="G23" s="327">
        <v>7011838</v>
      </c>
      <c r="H23" s="327">
        <v>7923729</v>
      </c>
      <c r="I23" s="327">
        <v>9023813</v>
      </c>
      <c r="J23" s="327">
        <v>7468191</v>
      </c>
      <c r="K23" s="327">
        <v>7695048</v>
      </c>
      <c r="L23" s="329">
        <v>39122619</v>
      </c>
      <c r="M23" s="330">
        <v>40516677</v>
      </c>
      <c r="N23" s="326">
        <v>210380</v>
      </c>
      <c r="O23" s="327">
        <v>104752</v>
      </c>
      <c r="P23" s="328">
        <v>315132</v>
      </c>
      <c r="Q23" s="326">
        <v>0</v>
      </c>
      <c r="R23" s="327">
        <v>2276965</v>
      </c>
      <c r="S23" s="327">
        <v>2368460</v>
      </c>
      <c r="T23" s="327">
        <v>3181874</v>
      </c>
      <c r="U23" s="327">
        <v>2579051</v>
      </c>
      <c r="V23" s="327">
        <v>2788660</v>
      </c>
      <c r="W23" s="328">
        <v>13195010</v>
      </c>
      <c r="X23" s="330">
        <v>13510142</v>
      </c>
      <c r="Y23" s="326">
        <v>0</v>
      </c>
      <c r="Z23" s="327">
        <v>0</v>
      </c>
      <c r="AA23" s="328">
        <v>0</v>
      </c>
      <c r="AB23" s="326">
        <v>0</v>
      </c>
      <c r="AC23" s="327">
        <v>831856</v>
      </c>
      <c r="AD23" s="327">
        <v>926341</v>
      </c>
      <c r="AE23" s="327">
        <v>1581690</v>
      </c>
      <c r="AF23" s="327">
        <v>1546051</v>
      </c>
      <c r="AG23" s="327">
        <v>1819976</v>
      </c>
      <c r="AH23" s="328">
        <v>6705914</v>
      </c>
      <c r="AI23" s="330">
        <v>6705914</v>
      </c>
      <c r="AJ23" s="326">
        <v>0</v>
      </c>
      <c r="AK23" s="327">
        <v>0</v>
      </c>
      <c r="AL23" s="328">
        <v>0</v>
      </c>
      <c r="AM23" s="326">
        <v>0</v>
      </c>
      <c r="AN23" s="327">
        <v>0</v>
      </c>
      <c r="AO23" s="327">
        <v>0</v>
      </c>
      <c r="AP23" s="327">
        <v>32379</v>
      </c>
      <c r="AQ23" s="327">
        <v>94266</v>
      </c>
      <c r="AR23" s="327">
        <v>95324</v>
      </c>
      <c r="AS23" s="328">
        <v>221969</v>
      </c>
      <c r="AT23" s="330">
        <v>221969</v>
      </c>
      <c r="AU23" s="326">
        <v>128056</v>
      </c>
      <c r="AV23" s="327">
        <v>31061</v>
      </c>
      <c r="AW23" s="328">
        <v>159117</v>
      </c>
      <c r="AX23" s="326">
        <v>0</v>
      </c>
      <c r="AY23" s="327">
        <v>814838</v>
      </c>
      <c r="AZ23" s="327">
        <v>935536</v>
      </c>
      <c r="BA23" s="327">
        <v>890917</v>
      </c>
      <c r="BB23" s="327">
        <v>400284</v>
      </c>
      <c r="BC23" s="327">
        <v>417375</v>
      </c>
      <c r="BD23" s="328">
        <v>3458950</v>
      </c>
      <c r="BE23" s="330">
        <v>3618067</v>
      </c>
      <c r="BF23" s="326">
        <v>26940</v>
      </c>
      <c r="BG23" s="327">
        <v>13470</v>
      </c>
      <c r="BH23" s="331">
        <v>40410</v>
      </c>
      <c r="BI23" s="332">
        <v>0</v>
      </c>
      <c r="BJ23" s="327">
        <v>186268</v>
      </c>
      <c r="BK23" s="327">
        <v>76454</v>
      </c>
      <c r="BL23" s="327">
        <v>112856</v>
      </c>
      <c r="BM23" s="327">
        <v>60224</v>
      </c>
      <c r="BN23" s="327">
        <v>40668</v>
      </c>
      <c r="BO23" s="328">
        <v>476470</v>
      </c>
      <c r="BP23" s="330">
        <v>516880</v>
      </c>
      <c r="BQ23" s="326">
        <v>55384</v>
      </c>
      <c r="BR23" s="327">
        <v>60221</v>
      </c>
      <c r="BS23" s="328">
        <v>115605</v>
      </c>
      <c r="BT23" s="326">
        <v>0</v>
      </c>
      <c r="BU23" s="327">
        <v>444003</v>
      </c>
      <c r="BV23" s="327">
        <v>430129</v>
      </c>
      <c r="BW23" s="327">
        <v>564032</v>
      </c>
      <c r="BX23" s="327">
        <v>478226</v>
      </c>
      <c r="BY23" s="327">
        <v>415317</v>
      </c>
      <c r="BZ23" s="328">
        <v>2331707</v>
      </c>
      <c r="CA23" s="330">
        <v>2447312</v>
      </c>
      <c r="CB23" s="326">
        <v>98785</v>
      </c>
      <c r="CC23" s="327">
        <v>282708</v>
      </c>
      <c r="CD23" s="328">
        <v>381493</v>
      </c>
      <c r="CE23" s="326">
        <v>0</v>
      </c>
      <c r="CF23" s="327">
        <v>2071557</v>
      </c>
      <c r="CG23" s="327">
        <v>2019634</v>
      </c>
      <c r="CH23" s="327">
        <v>2014637</v>
      </c>
      <c r="CI23" s="327">
        <v>1741628</v>
      </c>
      <c r="CJ23" s="327">
        <v>649692</v>
      </c>
      <c r="CK23" s="328">
        <v>8497148</v>
      </c>
      <c r="CL23" s="330">
        <v>8878641</v>
      </c>
      <c r="CM23" s="326">
        <v>0</v>
      </c>
      <c r="CN23" s="327">
        <v>0</v>
      </c>
      <c r="CO23" s="328">
        <v>0</v>
      </c>
      <c r="CP23" s="332">
        <v>0</v>
      </c>
      <c r="CQ23" s="327">
        <v>1263831</v>
      </c>
      <c r="CR23" s="327">
        <v>1506349</v>
      </c>
      <c r="CS23" s="327">
        <v>1665057</v>
      </c>
      <c r="CT23" s="327">
        <v>973017</v>
      </c>
      <c r="CU23" s="327">
        <v>566849</v>
      </c>
      <c r="CV23" s="328">
        <v>5975103</v>
      </c>
      <c r="CW23" s="330">
        <v>5975103</v>
      </c>
      <c r="CX23" s="326">
        <v>98785</v>
      </c>
      <c r="CY23" s="327">
        <v>282708</v>
      </c>
      <c r="CZ23" s="328">
        <v>381493</v>
      </c>
      <c r="DA23" s="326">
        <v>0</v>
      </c>
      <c r="DB23" s="327">
        <v>807726</v>
      </c>
      <c r="DC23" s="327">
        <v>513285</v>
      </c>
      <c r="DD23" s="327">
        <v>349580</v>
      </c>
      <c r="DE23" s="327">
        <v>768611</v>
      </c>
      <c r="DF23" s="327">
        <v>82843</v>
      </c>
      <c r="DG23" s="328">
        <v>2522045</v>
      </c>
      <c r="DH23" s="330">
        <v>2903538</v>
      </c>
      <c r="DI23" s="326">
        <v>0</v>
      </c>
      <c r="DJ23" s="327">
        <v>0</v>
      </c>
      <c r="DK23" s="331">
        <v>0</v>
      </c>
      <c r="DL23" s="332">
        <v>0</v>
      </c>
      <c r="DM23" s="327">
        <v>202374</v>
      </c>
      <c r="DN23" s="327">
        <v>599801</v>
      </c>
      <c r="DO23" s="327">
        <v>854688</v>
      </c>
      <c r="DP23" s="327">
        <v>526531</v>
      </c>
      <c r="DQ23" s="327">
        <v>709606</v>
      </c>
      <c r="DR23" s="328">
        <v>2893000</v>
      </c>
      <c r="DS23" s="330">
        <v>2893000</v>
      </c>
      <c r="DT23" s="326">
        <v>0</v>
      </c>
      <c r="DU23" s="327">
        <v>0</v>
      </c>
      <c r="DV23" s="328">
        <v>0</v>
      </c>
      <c r="DW23" s="326">
        <v>0</v>
      </c>
      <c r="DX23" s="327">
        <v>202374</v>
      </c>
      <c r="DY23" s="327">
        <v>577389</v>
      </c>
      <c r="DZ23" s="327">
        <v>854688</v>
      </c>
      <c r="EA23" s="327">
        <v>526531</v>
      </c>
      <c r="EB23" s="327">
        <v>709606</v>
      </c>
      <c r="EC23" s="328">
        <v>2870588</v>
      </c>
      <c r="ED23" s="330">
        <v>2870588</v>
      </c>
      <c r="EE23" s="326">
        <v>0</v>
      </c>
      <c r="EF23" s="331">
        <v>0</v>
      </c>
      <c r="EG23" s="328">
        <v>0</v>
      </c>
      <c r="EH23" s="326">
        <v>0</v>
      </c>
      <c r="EI23" s="327">
        <v>0</v>
      </c>
      <c r="EJ23" s="327">
        <v>22412</v>
      </c>
      <c r="EK23" s="327">
        <v>0</v>
      </c>
      <c r="EL23" s="327">
        <v>0</v>
      </c>
      <c r="EM23" s="327">
        <v>0</v>
      </c>
      <c r="EN23" s="331">
        <v>22412</v>
      </c>
      <c r="EO23" s="330">
        <v>22412</v>
      </c>
      <c r="EP23" s="326">
        <v>0</v>
      </c>
      <c r="EQ23" s="327">
        <v>0</v>
      </c>
      <c r="ER23" s="331">
        <v>0</v>
      </c>
      <c r="ES23" s="332">
        <v>0</v>
      </c>
      <c r="ET23" s="327">
        <v>0</v>
      </c>
      <c r="EU23" s="327">
        <v>0</v>
      </c>
      <c r="EV23" s="327">
        <v>0</v>
      </c>
      <c r="EW23" s="327">
        <v>0</v>
      </c>
      <c r="EX23" s="327">
        <v>0</v>
      </c>
      <c r="EY23" s="328">
        <v>0</v>
      </c>
      <c r="EZ23" s="330">
        <v>0</v>
      </c>
      <c r="FA23" s="326">
        <v>0</v>
      </c>
      <c r="FB23" s="327">
        <v>0</v>
      </c>
      <c r="FC23" s="331">
        <v>0</v>
      </c>
      <c r="FD23" s="404">
        <v>0</v>
      </c>
      <c r="FE23" s="327">
        <v>0</v>
      </c>
      <c r="FF23" s="327">
        <v>0</v>
      </c>
      <c r="FG23" s="327">
        <v>0</v>
      </c>
      <c r="FH23" s="327">
        <v>0</v>
      </c>
      <c r="FI23" s="327">
        <v>0</v>
      </c>
      <c r="FJ23" s="328">
        <v>0</v>
      </c>
      <c r="FK23" s="330">
        <v>0</v>
      </c>
      <c r="FL23" s="326">
        <v>127106</v>
      </c>
      <c r="FM23" s="327">
        <v>197351</v>
      </c>
      <c r="FN23" s="328">
        <v>324457</v>
      </c>
      <c r="FO23" s="326">
        <v>0</v>
      </c>
      <c r="FP23" s="327">
        <v>262836</v>
      </c>
      <c r="FQ23" s="327">
        <v>777658</v>
      </c>
      <c r="FR23" s="327">
        <v>705348</v>
      </c>
      <c r="FS23" s="327">
        <v>433776</v>
      </c>
      <c r="FT23" s="327">
        <v>286643</v>
      </c>
      <c r="FU23" s="328">
        <v>2466261</v>
      </c>
      <c r="FV23" s="330">
        <v>2790718</v>
      </c>
      <c r="FW23" s="333">
        <v>21056</v>
      </c>
      <c r="FX23" s="327">
        <v>120071</v>
      </c>
      <c r="FY23" s="331">
        <v>141127</v>
      </c>
      <c r="FZ23" s="332">
        <v>0</v>
      </c>
      <c r="GA23" s="327">
        <v>262836</v>
      </c>
      <c r="GB23" s="327">
        <v>587748</v>
      </c>
      <c r="GC23" s="327">
        <v>541611</v>
      </c>
      <c r="GD23" s="327">
        <v>433776</v>
      </c>
      <c r="GE23" s="327">
        <v>286643</v>
      </c>
      <c r="GF23" s="328">
        <v>2112614</v>
      </c>
      <c r="GG23" s="334">
        <v>2253741</v>
      </c>
      <c r="GH23" s="333">
        <v>0</v>
      </c>
      <c r="GI23" s="327">
        <v>0</v>
      </c>
      <c r="GJ23" s="331">
        <v>0</v>
      </c>
      <c r="GK23" s="332">
        <v>0</v>
      </c>
      <c r="GL23" s="327">
        <v>0</v>
      </c>
      <c r="GM23" s="327">
        <v>49910</v>
      </c>
      <c r="GN23" s="327">
        <v>72737</v>
      </c>
      <c r="GO23" s="327">
        <v>0</v>
      </c>
      <c r="GP23" s="327">
        <v>0</v>
      </c>
      <c r="GQ23" s="328">
        <v>122647</v>
      </c>
      <c r="GR23" s="330">
        <v>122647</v>
      </c>
      <c r="GS23" s="326">
        <v>106050</v>
      </c>
      <c r="GT23" s="327">
        <v>77280</v>
      </c>
      <c r="GU23" s="328">
        <v>183330</v>
      </c>
      <c r="GV23" s="326">
        <v>0</v>
      </c>
      <c r="GW23" s="327">
        <v>0</v>
      </c>
      <c r="GX23" s="327">
        <v>140000</v>
      </c>
      <c r="GY23" s="327">
        <v>91000</v>
      </c>
      <c r="GZ23" s="327">
        <v>0</v>
      </c>
      <c r="HA23" s="327">
        <v>0</v>
      </c>
      <c r="HB23" s="331">
        <v>231000</v>
      </c>
      <c r="HC23" s="330">
        <v>414330</v>
      </c>
      <c r="HD23" s="326">
        <v>121980</v>
      </c>
      <c r="HE23" s="327">
        <v>250996</v>
      </c>
      <c r="HF23" s="331">
        <v>372976</v>
      </c>
      <c r="HG23" s="332">
        <v>0</v>
      </c>
      <c r="HH23" s="327">
        <v>2198106</v>
      </c>
      <c r="HI23" s="327">
        <v>2158176</v>
      </c>
      <c r="HJ23" s="327">
        <v>2267266</v>
      </c>
      <c r="HK23" s="327">
        <v>2187205</v>
      </c>
      <c r="HL23" s="327">
        <v>3260447</v>
      </c>
      <c r="HM23" s="328">
        <v>12071200</v>
      </c>
      <c r="HN23" s="329">
        <v>12444176</v>
      </c>
      <c r="HO23" s="333">
        <v>0</v>
      </c>
      <c r="HP23" s="327">
        <v>0</v>
      </c>
      <c r="HQ23" s="328">
        <v>0</v>
      </c>
      <c r="HR23" s="326">
        <v>0</v>
      </c>
      <c r="HS23" s="327">
        <v>0</v>
      </c>
      <c r="HT23" s="327">
        <v>0</v>
      </c>
      <c r="HU23" s="327">
        <v>0</v>
      </c>
      <c r="HV23" s="327">
        <v>0</v>
      </c>
      <c r="HW23" s="327">
        <v>0</v>
      </c>
      <c r="HX23" s="331">
        <v>0</v>
      </c>
      <c r="HY23" s="330">
        <v>0</v>
      </c>
      <c r="HZ23" s="335">
        <v>0</v>
      </c>
      <c r="IA23" s="336">
        <v>0</v>
      </c>
      <c r="IB23" s="337">
        <v>0</v>
      </c>
      <c r="IC23" s="338">
        <v>0</v>
      </c>
      <c r="ID23" s="336">
        <v>980500</v>
      </c>
      <c r="IE23" s="339">
        <v>1721238</v>
      </c>
      <c r="IF23" s="337">
        <v>2207021</v>
      </c>
      <c r="IG23" s="336">
        <v>732110</v>
      </c>
      <c r="IH23" s="337">
        <v>665983</v>
      </c>
      <c r="II23" s="340">
        <v>6306852</v>
      </c>
      <c r="IJ23" s="341">
        <v>6306852</v>
      </c>
      <c r="IK23" s="342">
        <v>0</v>
      </c>
      <c r="IL23" s="343">
        <v>0</v>
      </c>
      <c r="IM23" s="344">
        <v>0</v>
      </c>
      <c r="IN23" s="404">
        <v>0</v>
      </c>
      <c r="IO23" s="345">
        <v>0</v>
      </c>
      <c r="IP23" s="345">
        <v>204885</v>
      </c>
      <c r="IQ23" s="345">
        <v>0</v>
      </c>
      <c r="IR23" s="345">
        <v>95504</v>
      </c>
      <c r="IS23" s="345">
        <v>0</v>
      </c>
      <c r="IT23" s="346">
        <v>300389</v>
      </c>
      <c r="IU23" s="347">
        <v>300389</v>
      </c>
      <c r="IV23" s="348">
        <v>0</v>
      </c>
      <c r="IW23" s="345">
        <v>0</v>
      </c>
      <c r="IX23" s="349">
        <v>0</v>
      </c>
      <c r="IY23" s="404">
        <v>0</v>
      </c>
      <c r="IZ23" s="345">
        <v>0</v>
      </c>
      <c r="JA23" s="345">
        <v>0</v>
      </c>
      <c r="JB23" s="345">
        <v>0</v>
      </c>
      <c r="JC23" s="345">
        <v>0</v>
      </c>
      <c r="JD23" s="345">
        <v>0</v>
      </c>
      <c r="JE23" s="349">
        <v>0</v>
      </c>
      <c r="JF23" s="350">
        <v>0</v>
      </c>
      <c r="JG23" s="348">
        <v>0</v>
      </c>
      <c r="JH23" s="345">
        <v>0</v>
      </c>
      <c r="JI23" s="346">
        <v>0</v>
      </c>
      <c r="JJ23" s="351">
        <v>0</v>
      </c>
      <c r="JK23" s="345">
        <v>538952</v>
      </c>
      <c r="JL23" s="345">
        <v>296791</v>
      </c>
      <c r="JM23" s="345">
        <v>138345</v>
      </c>
      <c r="JN23" s="345">
        <v>137732</v>
      </c>
      <c r="JO23" s="345">
        <v>37942</v>
      </c>
      <c r="JP23" s="349">
        <v>1149762</v>
      </c>
      <c r="JQ23" s="347">
        <v>1149762</v>
      </c>
      <c r="JR23" s="348">
        <v>0</v>
      </c>
      <c r="JS23" s="345">
        <v>0</v>
      </c>
      <c r="JT23" s="346">
        <v>0</v>
      </c>
      <c r="JU23" s="351">
        <v>0</v>
      </c>
      <c r="JV23" s="345">
        <v>0</v>
      </c>
      <c r="JW23" s="345">
        <v>30699</v>
      </c>
      <c r="JX23" s="345">
        <v>40048</v>
      </c>
      <c r="JY23" s="345">
        <v>0</v>
      </c>
      <c r="JZ23" s="345">
        <v>0</v>
      </c>
      <c r="KA23" s="349">
        <v>70747</v>
      </c>
      <c r="KB23" s="347">
        <v>70747</v>
      </c>
      <c r="KC23" s="352">
        <v>0</v>
      </c>
      <c r="KD23" s="353">
        <v>0</v>
      </c>
      <c r="KE23" s="349">
        <v>0</v>
      </c>
      <c r="KF23" s="351">
        <v>0</v>
      </c>
      <c r="KG23" s="345">
        <v>214089</v>
      </c>
      <c r="KH23" s="345">
        <v>297651</v>
      </c>
      <c r="KI23" s="345">
        <v>0</v>
      </c>
      <c r="KJ23" s="345">
        <v>0</v>
      </c>
      <c r="KK23" s="345">
        <v>0</v>
      </c>
      <c r="KL23" s="349">
        <v>511740</v>
      </c>
      <c r="KM23" s="354">
        <v>511740</v>
      </c>
      <c r="KN23" s="342">
        <v>0</v>
      </c>
      <c r="KO23" s="343">
        <v>0</v>
      </c>
      <c r="KP23" s="344">
        <v>0</v>
      </c>
      <c r="KQ23" s="404">
        <v>0</v>
      </c>
      <c r="KR23" s="345">
        <v>227459</v>
      </c>
      <c r="KS23" s="345">
        <v>891212</v>
      </c>
      <c r="KT23" s="345">
        <v>1528873</v>
      </c>
      <c r="KU23" s="345">
        <v>233867</v>
      </c>
      <c r="KV23" s="345">
        <v>0</v>
      </c>
      <c r="KW23" s="349">
        <v>2881411</v>
      </c>
      <c r="KX23" s="347">
        <v>2881411</v>
      </c>
      <c r="KY23" s="348">
        <v>0</v>
      </c>
      <c r="KZ23" s="345">
        <v>0</v>
      </c>
      <c r="LA23" s="349">
        <v>0</v>
      </c>
      <c r="LB23" s="404">
        <v>0</v>
      </c>
      <c r="LC23" s="345">
        <v>0</v>
      </c>
      <c r="LD23" s="345">
        <v>0</v>
      </c>
      <c r="LE23" s="345">
        <v>0</v>
      </c>
      <c r="LF23" s="345">
        <v>0</v>
      </c>
      <c r="LG23" s="345">
        <v>0</v>
      </c>
      <c r="LH23" s="349">
        <v>0</v>
      </c>
      <c r="LI23" s="350">
        <v>0</v>
      </c>
      <c r="LJ23" s="348">
        <v>0</v>
      </c>
      <c r="LK23" s="345">
        <v>0</v>
      </c>
      <c r="LL23" s="349">
        <v>0</v>
      </c>
      <c r="LM23" s="404">
        <v>0</v>
      </c>
      <c r="LN23" s="345">
        <v>0</v>
      </c>
      <c r="LO23" s="345">
        <v>0</v>
      </c>
      <c r="LP23" s="345">
        <v>0</v>
      </c>
      <c r="LQ23" s="345">
        <v>265007</v>
      </c>
      <c r="LR23" s="345">
        <v>0</v>
      </c>
      <c r="LS23" s="349">
        <v>265007</v>
      </c>
      <c r="LT23" s="347">
        <v>265007</v>
      </c>
      <c r="LU23" s="348">
        <v>0</v>
      </c>
      <c r="LV23" s="345">
        <v>0</v>
      </c>
      <c r="LW23" s="349">
        <v>0</v>
      </c>
      <c r="LX23" s="404">
        <v>0</v>
      </c>
      <c r="LY23" s="345">
        <v>0</v>
      </c>
      <c r="LZ23" s="345">
        <v>0</v>
      </c>
      <c r="MA23" s="345">
        <v>499755</v>
      </c>
      <c r="MB23" s="345">
        <v>0</v>
      </c>
      <c r="MC23" s="345">
        <v>628041</v>
      </c>
      <c r="MD23" s="349">
        <v>1127796</v>
      </c>
      <c r="ME23" s="350">
        <v>1127796</v>
      </c>
      <c r="MF23" s="348">
        <v>0</v>
      </c>
      <c r="MG23" s="345">
        <v>0</v>
      </c>
      <c r="MH23" s="349">
        <v>0</v>
      </c>
      <c r="MI23" s="404">
        <v>0</v>
      </c>
      <c r="MJ23" s="345">
        <v>0</v>
      </c>
      <c r="MK23" s="345">
        <v>402819</v>
      </c>
      <c r="ML23" s="345">
        <v>3226180</v>
      </c>
      <c r="MM23" s="345">
        <v>2822660</v>
      </c>
      <c r="MN23" s="345">
        <v>2948122</v>
      </c>
      <c r="MO23" s="349">
        <v>9399781</v>
      </c>
      <c r="MP23" s="354">
        <v>9399781</v>
      </c>
      <c r="MQ23" s="348">
        <v>0</v>
      </c>
      <c r="MR23" s="345">
        <v>0</v>
      </c>
      <c r="MS23" s="349">
        <v>0</v>
      </c>
      <c r="MT23" s="404">
        <v>0</v>
      </c>
      <c r="MU23" s="345">
        <v>0</v>
      </c>
      <c r="MV23" s="345">
        <v>205856</v>
      </c>
      <c r="MW23" s="345">
        <v>1979657</v>
      </c>
      <c r="MX23" s="345">
        <v>1701165</v>
      </c>
      <c r="MY23" s="345">
        <v>1829835</v>
      </c>
      <c r="MZ23" s="349">
        <v>5716513</v>
      </c>
      <c r="NA23" s="354">
        <v>5716513</v>
      </c>
      <c r="NB23" s="348">
        <v>0</v>
      </c>
      <c r="NC23" s="345">
        <v>0</v>
      </c>
      <c r="ND23" s="349">
        <v>0</v>
      </c>
      <c r="NE23" s="404">
        <v>0</v>
      </c>
      <c r="NF23" s="345">
        <v>0</v>
      </c>
      <c r="NG23" s="345">
        <v>196963</v>
      </c>
      <c r="NH23" s="345">
        <v>1246523</v>
      </c>
      <c r="NI23" s="345">
        <v>1121495</v>
      </c>
      <c r="NJ23" s="345">
        <v>783130</v>
      </c>
      <c r="NK23" s="349">
        <v>3348111</v>
      </c>
      <c r="NL23" s="347">
        <v>3348111</v>
      </c>
      <c r="NM23" s="348">
        <v>0</v>
      </c>
      <c r="NN23" s="345">
        <v>0</v>
      </c>
      <c r="NO23" s="349">
        <v>0</v>
      </c>
      <c r="NP23" s="404">
        <v>0</v>
      </c>
      <c r="NQ23" s="345">
        <v>0</v>
      </c>
      <c r="NR23" s="345">
        <v>0</v>
      </c>
      <c r="NS23" s="345">
        <v>0</v>
      </c>
      <c r="NT23" s="345">
        <v>0</v>
      </c>
      <c r="NU23" s="345">
        <v>0</v>
      </c>
      <c r="NV23" s="349">
        <v>0</v>
      </c>
      <c r="NW23" s="350">
        <v>0</v>
      </c>
      <c r="NX23" s="348">
        <v>0</v>
      </c>
      <c r="NY23" s="345">
        <v>0</v>
      </c>
      <c r="NZ23" s="349">
        <v>0</v>
      </c>
      <c r="OA23" s="404">
        <v>0</v>
      </c>
      <c r="OB23" s="345">
        <v>0</v>
      </c>
      <c r="OC23" s="345">
        <v>0</v>
      </c>
      <c r="OD23" s="345">
        <v>0</v>
      </c>
      <c r="OE23" s="345">
        <v>0</v>
      </c>
      <c r="OF23" s="345">
        <v>335157</v>
      </c>
      <c r="OG23" s="349">
        <v>335157</v>
      </c>
      <c r="OH23" s="350">
        <v>335157</v>
      </c>
      <c r="OI23" s="348">
        <v>558251</v>
      </c>
      <c r="OJ23" s="345">
        <v>835807</v>
      </c>
      <c r="OK23" s="346">
        <v>1394058</v>
      </c>
      <c r="OL23" s="351">
        <v>0</v>
      </c>
      <c r="OM23" s="345">
        <v>7992338</v>
      </c>
      <c r="ON23" s="345">
        <v>10047786</v>
      </c>
      <c r="OO23" s="345">
        <v>14457014</v>
      </c>
      <c r="OP23" s="345">
        <v>11022961</v>
      </c>
      <c r="OQ23" s="345">
        <v>11309153</v>
      </c>
      <c r="OR23" s="349">
        <v>54829252</v>
      </c>
      <c r="OS23" s="354">
        <v>56223310</v>
      </c>
    </row>
    <row r="24" spans="2:409" s="70" customFormat="1" ht="21" customHeight="1" x14ac:dyDescent="0.2">
      <c r="B24" s="106" t="s">
        <v>19</v>
      </c>
      <c r="C24" s="326">
        <v>368470</v>
      </c>
      <c r="D24" s="327">
        <v>328567</v>
      </c>
      <c r="E24" s="328">
        <v>697037</v>
      </c>
      <c r="F24" s="329">
        <v>0</v>
      </c>
      <c r="G24" s="327">
        <v>2634262</v>
      </c>
      <c r="H24" s="327">
        <v>3781391</v>
      </c>
      <c r="I24" s="327">
        <v>2493276</v>
      </c>
      <c r="J24" s="327">
        <v>2104760</v>
      </c>
      <c r="K24" s="327">
        <v>1479088</v>
      </c>
      <c r="L24" s="329">
        <v>12492777</v>
      </c>
      <c r="M24" s="330">
        <v>13189814</v>
      </c>
      <c r="N24" s="326">
        <v>102245</v>
      </c>
      <c r="O24" s="327">
        <v>92420</v>
      </c>
      <c r="P24" s="328">
        <v>194665</v>
      </c>
      <c r="Q24" s="326">
        <v>0</v>
      </c>
      <c r="R24" s="327">
        <v>958736</v>
      </c>
      <c r="S24" s="327">
        <v>1108327</v>
      </c>
      <c r="T24" s="327">
        <v>1229803</v>
      </c>
      <c r="U24" s="327">
        <v>1205429</v>
      </c>
      <c r="V24" s="327">
        <v>381743</v>
      </c>
      <c r="W24" s="328">
        <v>4884038</v>
      </c>
      <c r="X24" s="330">
        <v>5078703</v>
      </c>
      <c r="Y24" s="326">
        <v>0</v>
      </c>
      <c r="Z24" s="327">
        <v>0</v>
      </c>
      <c r="AA24" s="328">
        <v>0</v>
      </c>
      <c r="AB24" s="326">
        <v>0</v>
      </c>
      <c r="AC24" s="327">
        <v>273231</v>
      </c>
      <c r="AD24" s="327">
        <v>559857</v>
      </c>
      <c r="AE24" s="327">
        <v>726107</v>
      </c>
      <c r="AF24" s="327">
        <v>624871</v>
      </c>
      <c r="AG24" s="327">
        <v>192846</v>
      </c>
      <c r="AH24" s="328">
        <v>2376912</v>
      </c>
      <c r="AI24" s="330">
        <v>2376912</v>
      </c>
      <c r="AJ24" s="326">
        <v>0</v>
      </c>
      <c r="AK24" s="327">
        <v>0</v>
      </c>
      <c r="AL24" s="328">
        <v>0</v>
      </c>
      <c r="AM24" s="326">
        <v>0</v>
      </c>
      <c r="AN24" s="327">
        <v>0</v>
      </c>
      <c r="AO24" s="327">
        <v>0</v>
      </c>
      <c r="AP24" s="327">
        <v>65291</v>
      </c>
      <c r="AQ24" s="327">
        <v>123988</v>
      </c>
      <c r="AR24" s="327">
        <v>0</v>
      </c>
      <c r="AS24" s="328">
        <v>189279</v>
      </c>
      <c r="AT24" s="330">
        <v>189279</v>
      </c>
      <c r="AU24" s="326">
        <v>21632</v>
      </c>
      <c r="AV24" s="327">
        <v>65169</v>
      </c>
      <c r="AW24" s="328">
        <v>86801</v>
      </c>
      <c r="AX24" s="326">
        <v>0</v>
      </c>
      <c r="AY24" s="327">
        <v>497383</v>
      </c>
      <c r="AZ24" s="327">
        <v>239129</v>
      </c>
      <c r="BA24" s="327">
        <v>214007</v>
      </c>
      <c r="BB24" s="327">
        <v>343142</v>
      </c>
      <c r="BC24" s="327">
        <v>123860</v>
      </c>
      <c r="BD24" s="328">
        <v>1417521</v>
      </c>
      <c r="BE24" s="330">
        <v>1504322</v>
      </c>
      <c r="BF24" s="326">
        <v>34476</v>
      </c>
      <c r="BG24" s="327">
        <v>0</v>
      </c>
      <c r="BH24" s="331">
        <v>34476</v>
      </c>
      <c r="BI24" s="332">
        <v>0</v>
      </c>
      <c r="BJ24" s="327">
        <v>101014</v>
      </c>
      <c r="BK24" s="327">
        <v>22117</v>
      </c>
      <c r="BL24" s="327">
        <v>58134</v>
      </c>
      <c r="BM24" s="327">
        <v>55475</v>
      </c>
      <c r="BN24" s="327">
        <v>0</v>
      </c>
      <c r="BO24" s="328">
        <v>236740</v>
      </c>
      <c r="BP24" s="330">
        <v>271216</v>
      </c>
      <c r="BQ24" s="326">
        <v>46137</v>
      </c>
      <c r="BR24" s="327">
        <v>27251</v>
      </c>
      <c r="BS24" s="328">
        <v>73388</v>
      </c>
      <c r="BT24" s="326">
        <v>0</v>
      </c>
      <c r="BU24" s="327">
        <v>87108</v>
      </c>
      <c r="BV24" s="327">
        <v>287224</v>
      </c>
      <c r="BW24" s="327">
        <v>166264</v>
      </c>
      <c r="BX24" s="327">
        <v>57953</v>
      </c>
      <c r="BY24" s="327">
        <v>65037</v>
      </c>
      <c r="BZ24" s="328">
        <v>663586</v>
      </c>
      <c r="CA24" s="330">
        <v>736974</v>
      </c>
      <c r="CB24" s="326">
        <v>55562</v>
      </c>
      <c r="CC24" s="327">
        <v>102893</v>
      </c>
      <c r="CD24" s="328">
        <v>158455</v>
      </c>
      <c r="CE24" s="326">
        <v>0</v>
      </c>
      <c r="CF24" s="327">
        <v>1244213</v>
      </c>
      <c r="CG24" s="327">
        <v>812692</v>
      </c>
      <c r="CH24" s="327">
        <v>206898</v>
      </c>
      <c r="CI24" s="327">
        <v>402623</v>
      </c>
      <c r="CJ24" s="327">
        <v>370176</v>
      </c>
      <c r="CK24" s="328">
        <v>3036602</v>
      </c>
      <c r="CL24" s="330">
        <v>3195057</v>
      </c>
      <c r="CM24" s="326">
        <v>0</v>
      </c>
      <c r="CN24" s="327">
        <v>0</v>
      </c>
      <c r="CO24" s="328">
        <v>0</v>
      </c>
      <c r="CP24" s="332">
        <v>0</v>
      </c>
      <c r="CQ24" s="327">
        <v>736756</v>
      </c>
      <c r="CR24" s="327">
        <v>542637</v>
      </c>
      <c r="CS24" s="327">
        <v>111590</v>
      </c>
      <c r="CT24" s="327">
        <v>101304</v>
      </c>
      <c r="CU24" s="327">
        <v>266218</v>
      </c>
      <c r="CV24" s="328">
        <v>1758505</v>
      </c>
      <c r="CW24" s="330">
        <v>1758505</v>
      </c>
      <c r="CX24" s="326">
        <v>55562</v>
      </c>
      <c r="CY24" s="327">
        <v>102893</v>
      </c>
      <c r="CZ24" s="328">
        <v>158455</v>
      </c>
      <c r="DA24" s="326">
        <v>0</v>
      </c>
      <c r="DB24" s="327">
        <v>507457</v>
      </c>
      <c r="DC24" s="327">
        <v>270055</v>
      </c>
      <c r="DD24" s="327">
        <v>95308</v>
      </c>
      <c r="DE24" s="327">
        <v>301319</v>
      </c>
      <c r="DF24" s="327">
        <v>103958</v>
      </c>
      <c r="DG24" s="328">
        <v>1278097</v>
      </c>
      <c r="DH24" s="330">
        <v>1436552</v>
      </c>
      <c r="DI24" s="326">
        <v>0</v>
      </c>
      <c r="DJ24" s="327">
        <v>0</v>
      </c>
      <c r="DK24" s="331">
        <v>0</v>
      </c>
      <c r="DL24" s="332">
        <v>0</v>
      </c>
      <c r="DM24" s="327">
        <v>28073</v>
      </c>
      <c r="DN24" s="327">
        <v>15344</v>
      </c>
      <c r="DO24" s="327">
        <v>84270</v>
      </c>
      <c r="DP24" s="327">
        <v>237309</v>
      </c>
      <c r="DQ24" s="327">
        <v>0</v>
      </c>
      <c r="DR24" s="328">
        <v>364996</v>
      </c>
      <c r="DS24" s="330">
        <v>364996</v>
      </c>
      <c r="DT24" s="326">
        <v>0</v>
      </c>
      <c r="DU24" s="327">
        <v>0</v>
      </c>
      <c r="DV24" s="328">
        <v>0</v>
      </c>
      <c r="DW24" s="326">
        <v>0</v>
      </c>
      <c r="DX24" s="327">
        <v>28073</v>
      </c>
      <c r="DY24" s="327">
        <v>15344</v>
      </c>
      <c r="DZ24" s="327">
        <v>84270</v>
      </c>
      <c r="EA24" s="327">
        <v>29330</v>
      </c>
      <c r="EB24" s="327">
        <v>0</v>
      </c>
      <c r="EC24" s="328">
        <v>157017</v>
      </c>
      <c r="ED24" s="330">
        <v>157017</v>
      </c>
      <c r="EE24" s="326">
        <v>0</v>
      </c>
      <c r="EF24" s="331">
        <v>0</v>
      </c>
      <c r="EG24" s="328">
        <v>0</v>
      </c>
      <c r="EH24" s="326">
        <v>0</v>
      </c>
      <c r="EI24" s="327">
        <v>0</v>
      </c>
      <c r="EJ24" s="327">
        <v>0</v>
      </c>
      <c r="EK24" s="327">
        <v>0</v>
      </c>
      <c r="EL24" s="327">
        <v>207979</v>
      </c>
      <c r="EM24" s="327">
        <v>0</v>
      </c>
      <c r="EN24" s="331">
        <v>207979</v>
      </c>
      <c r="EO24" s="330">
        <v>207979</v>
      </c>
      <c r="EP24" s="326">
        <v>0</v>
      </c>
      <c r="EQ24" s="327">
        <v>0</v>
      </c>
      <c r="ER24" s="331">
        <v>0</v>
      </c>
      <c r="ES24" s="332">
        <v>0</v>
      </c>
      <c r="ET24" s="327">
        <v>0</v>
      </c>
      <c r="EU24" s="327">
        <v>0</v>
      </c>
      <c r="EV24" s="327">
        <v>0</v>
      </c>
      <c r="EW24" s="327">
        <v>0</v>
      </c>
      <c r="EX24" s="327">
        <v>0</v>
      </c>
      <c r="EY24" s="328">
        <v>0</v>
      </c>
      <c r="EZ24" s="330">
        <v>0</v>
      </c>
      <c r="FA24" s="326">
        <v>0</v>
      </c>
      <c r="FB24" s="327">
        <v>0</v>
      </c>
      <c r="FC24" s="331">
        <v>0</v>
      </c>
      <c r="FD24" s="404">
        <v>0</v>
      </c>
      <c r="FE24" s="327">
        <v>0</v>
      </c>
      <c r="FF24" s="327">
        <v>0</v>
      </c>
      <c r="FG24" s="327">
        <v>0</v>
      </c>
      <c r="FH24" s="327">
        <v>0</v>
      </c>
      <c r="FI24" s="327">
        <v>0</v>
      </c>
      <c r="FJ24" s="328">
        <v>0</v>
      </c>
      <c r="FK24" s="330">
        <v>0</v>
      </c>
      <c r="FL24" s="326">
        <v>31220</v>
      </c>
      <c r="FM24" s="327">
        <v>50120</v>
      </c>
      <c r="FN24" s="328">
        <v>81340</v>
      </c>
      <c r="FO24" s="326">
        <v>0</v>
      </c>
      <c r="FP24" s="327">
        <v>266794</v>
      </c>
      <c r="FQ24" s="327">
        <v>370461</v>
      </c>
      <c r="FR24" s="327">
        <v>238525</v>
      </c>
      <c r="FS24" s="327">
        <v>259399</v>
      </c>
      <c r="FT24" s="327">
        <v>80584</v>
      </c>
      <c r="FU24" s="328">
        <v>1215763</v>
      </c>
      <c r="FV24" s="330">
        <v>1297103</v>
      </c>
      <c r="FW24" s="333">
        <v>31220</v>
      </c>
      <c r="FX24" s="327">
        <v>50120</v>
      </c>
      <c r="FY24" s="331">
        <v>81340</v>
      </c>
      <c r="FZ24" s="332">
        <v>0</v>
      </c>
      <c r="GA24" s="327">
        <v>189308</v>
      </c>
      <c r="GB24" s="327">
        <v>342741</v>
      </c>
      <c r="GC24" s="327">
        <v>238525</v>
      </c>
      <c r="GD24" s="327">
        <v>259399</v>
      </c>
      <c r="GE24" s="327">
        <v>80584</v>
      </c>
      <c r="GF24" s="328">
        <v>1110557</v>
      </c>
      <c r="GG24" s="334">
        <v>1191897</v>
      </c>
      <c r="GH24" s="333">
        <v>0</v>
      </c>
      <c r="GI24" s="327">
        <v>0</v>
      </c>
      <c r="GJ24" s="331">
        <v>0</v>
      </c>
      <c r="GK24" s="332">
        <v>0</v>
      </c>
      <c r="GL24" s="327">
        <v>18025</v>
      </c>
      <c r="GM24" s="327">
        <v>27720</v>
      </c>
      <c r="GN24" s="327">
        <v>0</v>
      </c>
      <c r="GO24" s="327">
        <v>0</v>
      </c>
      <c r="GP24" s="327">
        <v>0</v>
      </c>
      <c r="GQ24" s="328">
        <v>45745</v>
      </c>
      <c r="GR24" s="330">
        <v>45745</v>
      </c>
      <c r="GS24" s="326">
        <v>0</v>
      </c>
      <c r="GT24" s="327">
        <v>0</v>
      </c>
      <c r="GU24" s="328">
        <v>0</v>
      </c>
      <c r="GV24" s="326">
        <v>0</v>
      </c>
      <c r="GW24" s="327">
        <v>59461</v>
      </c>
      <c r="GX24" s="327">
        <v>0</v>
      </c>
      <c r="GY24" s="327">
        <v>0</v>
      </c>
      <c r="GZ24" s="327">
        <v>0</v>
      </c>
      <c r="HA24" s="327">
        <v>0</v>
      </c>
      <c r="HB24" s="331">
        <v>59461</v>
      </c>
      <c r="HC24" s="330">
        <v>59461</v>
      </c>
      <c r="HD24" s="326">
        <v>179443</v>
      </c>
      <c r="HE24" s="327">
        <v>83134</v>
      </c>
      <c r="HF24" s="331">
        <v>262577</v>
      </c>
      <c r="HG24" s="332">
        <v>0</v>
      </c>
      <c r="HH24" s="327">
        <v>136446</v>
      </c>
      <c r="HI24" s="327">
        <v>1474567</v>
      </c>
      <c r="HJ24" s="327">
        <v>733780</v>
      </c>
      <c r="HK24" s="327">
        <v>0</v>
      </c>
      <c r="HL24" s="327">
        <v>646585</v>
      </c>
      <c r="HM24" s="328">
        <v>2991378</v>
      </c>
      <c r="HN24" s="329">
        <v>3253955</v>
      </c>
      <c r="HO24" s="333">
        <v>0</v>
      </c>
      <c r="HP24" s="327">
        <v>0</v>
      </c>
      <c r="HQ24" s="328">
        <v>0</v>
      </c>
      <c r="HR24" s="326">
        <v>0</v>
      </c>
      <c r="HS24" s="327">
        <v>0</v>
      </c>
      <c r="HT24" s="327">
        <v>0</v>
      </c>
      <c r="HU24" s="327">
        <v>0</v>
      </c>
      <c r="HV24" s="327">
        <v>0</v>
      </c>
      <c r="HW24" s="327">
        <v>0</v>
      </c>
      <c r="HX24" s="331">
        <v>0</v>
      </c>
      <c r="HY24" s="330">
        <v>0</v>
      </c>
      <c r="HZ24" s="358">
        <v>12908</v>
      </c>
      <c r="IA24" s="356">
        <v>0</v>
      </c>
      <c r="IB24" s="358">
        <v>12908</v>
      </c>
      <c r="IC24" s="355">
        <v>0</v>
      </c>
      <c r="ID24" s="356">
        <v>483392</v>
      </c>
      <c r="IE24" s="357">
        <v>970292</v>
      </c>
      <c r="IF24" s="358">
        <v>1079014</v>
      </c>
      <c r="IG24" s="356">
        <v>767070</v>
      </c>
      <c r="IH24" s="358">
        <v>0</v>
      </c>
      <c r="II24" s="359">
        <v>3299768</v>
      </c>
      <c r="IJ24" s="358">
        <v>3312676</v>
      </c>
      <c r="IK24" s="342">
        <v>0</v>
      </c>
      <c r="IL24" s="343">
        <v>0</v>
      </c>
      <c r="IM24" s="344">
        <v>0</v>
      </c>
      <c r="IN24" s="404">
        <v>0</v>
      </c>
      <c r="IO24" s="345">
        <v>0</v>
      </c>
      <c r="IP24" s="345">
        <v>84022</v>
      </c>
      <c r="IQ24" s="345">
        <v>158967</v>
      </c>
      <c r="IR24" s="345">
        <v>178950</v>
      </c>
      <c r="IS24" s="345">
        <v>0</v>
      </c>
      <c r="IT24" s="346">
        <v>421939</v>
      </c>
      <c r="IU24" s="347">
        <v>421939</v>
      </c>
      <c r="IV24" s="348">
        <v>0</v>
      </c>
      <c r="IW24" s="345">
        <v>0</v>
      </c>
      <c r="IX24" s="349">
        <v>0</v>
      </c>
      <c r="IY24" s="404">
        <v>0</v>
      </c>
      <c r="IZ24" s="345">
        <v>0</v>
      </c>
      <c r="JA24" s="345">
        <v>9069</v>
      </c>
      <c r="JB24" s="345">
        <v>0</v>
      </c>
      <c r="JC24" s="345">
        <v>14268</v>
      </c>
      <c r="JD24" s="345">
        <v>0</v>
      </c>
      <c r="JE24" s="349">
        <v>23337</v>
      </c>
      <c r="JF24" s="350">
        <v>23337</v>
      </c>
      <c r="JG24" s="348">
        <v>0</v>
      </c>
      <c r="JH24" s="345">
        <v>0</v>
      </c>
      <c r="JI24" s="346">
        <v>0</v>
      </c>
      <c r="JJ24" s="351">
        <v>0</v>
      </c>
      <c r="JK24" s="345">
        <v>447598</v>
      </c>
      <c r="JL24" s="345">
        <v>106588</v>
      </c>
      <c r="JM24" s="345">
        <v>9692</v>
      </c>
      <c r="JN24" s="345">
        <v>333146</v>
      </c>
      <c r="JO24" s="345">
        <v>0</v>
      </c>
      <c r="JP24" s="349">
        <v>897024</v>
      </c>
      <c r="JQ24" s="347">
        <v>897024</v>
      </c>
      <c r="JR24" s="348">
        <v>12908</v>
      </c>
      <c r="JS24" s="345">
        <v>0</v>
      </c>
      <c r="JT24" s="346">
        <v>12908</v>
      </c>
      <c r="JU24" s="351">
        <v>0</v>
      </c>
      <c r="JV24" s="345">
        <v>35794</v>
      </c>
      <c r="JW24" s="345">
        <v>135144</v>
      </c>
      <c r="JX24" s="345">
        <v>238645</v>
      </c>
      <c r="JY24" s="345">
        <v>0</v>
      </c>
      <c r="JZ24" s="345">
        <v>0</v>
      </c>
      <c r="KA24" s="349">
        <v>409583</v>
      </c>
      <c r="KB24" s="347">
        <v>422491</v>
      </c>
      <c r="KC24" s="352">
        <v>0</v>
      </c>
      <c r="KD24" s="353">
        <v>0</v>
      </c>
      <c r="KE24" s="349">
        <v>0</v>
      </c>
      <c r="KF24" s="351">
        <v>0</v>
      </c>
      <c r="KG24" s="345">
        <v>0</v>
      </c>
      <c r="KH24" s="345">
        <v>635469</v>
      </c>
      <c r="KI24" s="345">
        <v>214246</v>
      </c>
      <c r="KJ24" s="345">
        <v>240706</v>
      </c>
      <c r="KK24" s="345">
        <v>0</v>
      </c>
      <c r="KL24" s="349">
        <v>1090421</v>
      </c>
      <c r="KM24" s="354">
        <v>1090421</v>
      </c>
      <c r="KN24" s="342">
        <v>0</v>
      </c>
      <c r="KO24" s="343">
        <v>0</v>
      </c>
      <c r="KP24" s="344">
        <v>0</v>
      </c>
      <c r="KQ24" s="404">
        <v>0</v>
      </c>
      <c r="KR24" s="345">
        <v>0</v>
      </c>
      <c r="KS24" s="345">
        <v>0</v>
      </c>
      <c r="KT24" s="345">
        <v>457464</v>
      </c>
      <c r="KU24" s="345">
        <v>0</v>
      </c>
      <c r="KV24" s="345">
        <v>0</v>
      </c>
      <c r="KW24" s="349">
        <v>457464</v>
      </c>
      <c r="KX24" s="347">
        <v>457464</v>
      </c>
      <c r="KY24" s="348">
        <v>0</v>
      </c>
      <c r="KZ24" s="345">
        <v>0</v>
      </c>
      <c r="LA24" s="349">
        <v>0</v>
      </c>
      <c r="LB24" s="404">
        <v>0</v>
      </c>
      <c r="LC24" s="345">
        <v>0</v>
      </c>
      <c r="LD24" s="345">
        <v>0</v>
      </c>
      <c r="LE24" s="345">
        <v>0</v>
      </c>
      <c r="LF24" s="345">
        <v>0</v>
      </c>
      <c r="LG24" s="345">
        <v>0</v>
      </c>
      <c r="LH24" s="349">
        <v>0</v>
      </c>
      <c r="LI24" s="350">
        <v>0</v>
      </c>
      <c r="LJ24" s="348">
        <v>0</v>
      </c>
      <c r="LK24" s="345">
        <v>0</v>
      </c>
      <c r="LL24" s="349">
        <v>0</v>
      </c>
      <c r="LM24" s="404">
        <v>0</v>
      </c>
      <c r="LN24" s="345">
        <v>0</v>
      </c>
      <c r="LO24" s="345">
        <v>0</v>
      </c>
      <c r="LP24" s="345">
        <v>0</v>
      </c>
      <c r="LQ24" s="345">
        <v>0</v>
      </c>
      <c r="LR24" s="345">
        <v>0</v>
      </c>
      <c r="LS24" s="349">
        <v>0</v>
      </c>
      <c r="LT24" s="347">
        <v>0</v>
      </c>
      <c r="LU24" s="348">
        <v>0</v>
      </c>
      <c r="LV24" s="345">
        <v>0</v>
      </c>
      <c r="LW24" s="349">
        <v>0</v>
      </c>
      <c r="LX24" s="404">
        <v>0</v>
      </c>
      <c r="LY24" s="345">
        <v>0</v>
      </c>
      <c r="LZ24" s="345">
        <v>0</v>
      </c>
      <c r="MA24" s="345">
        <v>0</v>
      </c>
      <c r="MB24" s="345">
        <v>0</v>
      </c>
      <c r="MC24" s="345">
        <v>0</v>
      </c>
      <c r="MD24" s="349">
        <v>0</v>
      </c>
      <c r="ME24" s="350">
        <v>0</v>
      </c>
      <c r="MF24" s="348">
        <v>0</v>
      </c>
      <c r="MG24" s="345">
        <v>0</v>
      </c>
      <c r="MH24" s="349">
        <v>0</v>
      </c>
      <c r="MI24" s="404">
        <v>0</v>
      </c>
      <c r="MJ24" s="345">
        <v>384672</v>
      </c>
      <c r="MK24" s="345">
        <v>499051</v>
      </c>
      <c r="ML24" s="345">
        <v>1390883</v>
      </c>
      <c r="MM24" s="345">
        <v>713583</v>
      </c>
      <c r="MN24" s="345">
        <v>375499</v>
      </c>
      <c r="MO24" s="349">
        <v>3363688</v>
      </c>
      <c r="MP24" s="354">
        <v>3363688</v>
      </c>
      <c r="MQ24" s="348">
        <v>0</v>
      </c>
      <c r="MR24" s="345">
        <v>0</v>
      </c>
      <c r="MS24" s="349">
        <v>0</v>
      </c>
      <c r="MT24" s="404">
        <v>0</v>
      </c>
      <c r="MU24" s="345">
        <v>0</v>
      </c>
      <c r="MV24" s="345">
        <v>0</v>
      </c>
      <c r="MW24" s="345">
        <v>647682</v>
      </c>
      <c r="MX24" s="345">
        <v>713583</v>
      </c>
      <c r="MY24" s="345">
        <v>375499</v>
      </c>
      <c r="MZ24" s="349">
        <v>1736764</v>
      </c>
      <c r="NA24" s="354">
        <v>1736764</v>
      </c>
      <c r="NB24" s="348">
        <v>0</v>
      </c>
      <c r="NC24" s="345">
        <v>0</v>
      </c>
      <c r="ND24" s="349">
        <v>0</v>
      </c>
      <c r="NE24" s="404">
        <v>0</v>
      </c>
      <c r="NF24" s="345">
        <v>384672</v>
      </c>
      <c r="NG24" s="345">
        <v>499051</v>
      </c>
      <c r="NH24" s="345">
        <v>743201</v>
      </c>
      <c r="NI24" s="345">
        <v>0</v>
      </c>
      <c r="NJ24" s="345">
        <v>0</v>
      </c>
      <c r="NK24" s="349">
        <v>1626924</v>
      </c>
      <c r="NL24" s="347">
        <v>1626924</v>
      </c>
      <c r="NM24" s="348">
        <v>0</v>
      </c>
      <c r="NN24" s="345">
        <v>0</v>
      </c>
      <c r="NO24" s="349">
        <v>0</v>
      </c>
      <c r="NP24" s="404">
        <v>0</v>
      </c>
      <c r="NQ24" s="345">
        <v>0</v>
      </c>
      <c r="NR24" s="345">
        <v>0</v>
      </c>
      <c r="NS24" s="345">
        <v>0</v>
      </c>
      <c r="NT24" s="345">
        <v>0</v>
      </c>
      <c r="NU24" s="345">
        <v>0</v>
      </c>
      <c r="NV24" s="349">
        <v>0</v>
      </c>
      <c r="NW24" s="350">
        <v>0</v>
      </c>
      <c r="NX24" s="348">
        <v>0</v>
      </c>
      <c r="NY24" s="345">
        <v>0</v>
      </c>
      <c r="NZ24" s="349">
        <v>0</v>
      </c>
      <c r="OA24" s="404">
        <v>0</v>
      </c>
      <c r="OB24" s="345">
        <v>0</v>
      </c>
      <c r="OC24" s="345">
        <v>0</v>
      </c>
      <c r="OD24" s="345">
        <v>0</v>
      </c>
      <c r="OE24" s="345">
        <v>0</v>
      </c>
      <c r="OF24" s="345">
        <v>0</v>
      </c>
      <c r="OG24" s="349">
        <v>0</v>
      </c>
      <c r="OH24" s="350">
        <v>0</v>
      </c>
      <c r="OI24" s="348">
        <v>381378</v>
      </c>
      <c r="OJ24" s="345">
        <v>328567</v>
      </c>
      <c r="OK24" s="346">
        <v>709945</v>
      </c>
      <c r="OL24" s="351">
        <v>0</v>
      </c>
      <c r="OM24" s="345">
        <v>3502326</v>
      </c>
      <c r="ON24" s="345">
        <v>5250734</v>
      </c>
      <c r="OO24" s="345">
        <v>4963173</v>
      </c>
      <c r="OP24" s="345">
        <v>3585413</v>
      </c>
      <c r="OQ24" s="345">
        <v>1854587</v>
      </c>
      <c r="OR24" s="349">
        <v>19156233</v>
      </c>
      <c r="OS24" s="354">
        <v>19866178</v>
      </c>
    </row>
    <row r="25" spans="2:409" s="70" customFormat="1" ht="21" customHeight="1" x14ac:dyDescent="0.2">
      <c r="B25" s="106" t="s">
        <v>20</v>
      </c>
      <c r="C25" s="326">
        <v>284197</v>
      </c>
      <c r="D25" s="327">
        <v>581784</v>
      </c>
      <c r="E25" s="328">
        <v>865981</v>
      </c>
      <c r="F25" s="326">
        <v>0</v>
      </c>
      <c r="G25" s="327">
        <v>4067963</v>
      </c>
      <c r="H25" s="327">
        <v>4427479</v>
      </c>
      <c r="I25" s="327">
        <v>3377079</v>
      </c>
      <c r="J25" s="327">
        <v>3332878</v>
      </c>
      <c r="K25" s="327">
        <v>2332917</v>
      </c>
      <c r="L25" s="367">
        <v>17538316</v>
      </c>
      <c r="M25" s="330">
        <v>18404297</v>
      </c>
      <c r="N25" s="326">
        <v>86782</v>
      </c>
      <c r="O25" s="327">
        <v>173251</v>
      </c>
      <c r="P25" s="328">
        <v>260033</v>
      </c>
      <c r="Q25" s="326">
        <v>0</v>
      </c>
      <c r="R25" s="327">
        <v>1663967</v>
      </c>
      <c r="S25" s="327">
        <v>1662187</v>
      </c>
      <c r="T25" s="327">
        <v>943107</v>
      </c>
      <c r="U25" s="327">
        <v>763242</v>
      </c>
      <c r="V25" s="327">
        <v>838216</v>
      </c>
      <c r="W25" s="328">
        <v>5870719</v>
      </c>
      <c r="X25" s="330">
        <v>6130752</v>
      </c>
      <c r="Y25" s="326">
        <v>0</v>
      </c>
      <c r="Z25" s="327">
        <v>0</v>
      </c>
      <c r="AA25" s="328">
        <v>0</v>
      </c>
      <c r="AB25" s="326">
        <v>0</v>
      </c>
      <c r="AC25" s="327">
        <v>741977</v>
      </c>
      <c r="AD25" s="327">
        <v>794899</v>
      </c>
      <c r="AE25" s="327">
        <v>303806</v>
      </c>
      <c r="AF25" s="327">
        <v>386260</v>
      </c>
      <c r="AG25" s="327">
        <v>487420</v>
      </c>
      <c r="AH25" s="328">
        <v>2714362</v>
      </c>
      <c r="AI25" s="330">
        <v>2714362</v>
      </c>
      <c r="AJ25" s="326">
        <v>0</v>
      </c>
      <c r="AK25" s="327">
        <v>0</v>
      </c>
      <c r="AL25" s="328">
        <v>0</v>
      </c>
      <c r="AM25" s="326">
        <v>0</v>
      </c>
      <c r="AN25" s="327">
        <v>0</v>
      </c>
      <c r="AO25" s="327">
        <v>0</v>
      </c>
      <c r="AP25" s="327">
        <v>42037</v>
      </c>
      <c r="AQ25" s="327">
        <v>96416</v>
      </c>
      <c r="AR25" s="327">
        <v>135508</v>
      </c>
      <c r="AS25" s="328">
        <v>273961</v>
      </c>
      <c r="AT25" s="330">
        <v>273961</v>
      </c>
      <c r="AU25" s="326">
        <v>74364</v>
      </c>
      <c r="AV25" s="327">
        <v>28377</v>
      </c>
      <c r="AW25" s="328">
        <v>102741</v>
      </c>
      <c r="AX25" s="326">
        <v>0</v>
      </c>
      <c r="AY25" s="327">
        <v>627756</v>
      </c>
      <c r="AZ25" s="327">
        <v>593423</v>
      </c>
      <c r="BA25" s="327">
        <v>353990</v>
      </c>
      <c r="BB25" s="327">
        <v>136345</v>
      </c>
      <c r="BC25" s="327">
        <v>25183</v>
      </c>
      <c r="BD25" s="328">
        <v>1736697</v>
      </c>
      <c r="BE25" s="330">
        <v>1839438</v>
      </c>
      <c r="BF25" s="326">
        <v>0</v>
      </c>
      <c r="BG25" s="327">
        <v>126835</v>
      </c>
      <c r="BH25" s="331">
        <v>126835</v>
      </c>
      <c r="BI25" s="332">
        <v>0</v>
      </c>
      <c r="BJ25" s="327">
        <v>84213</v>
      </c>
      <c r="BK25" s="327">
        <v>86692</v>
      </c>
      <c r="BL25" s="327">
        <v>78214</v>
      </c>
      <c r="BM25" s="327">
        <v>0</v>
      </c>
      <c r="BN25" s="327">
        <v>35769</v>
      </c>
      <c r="BO25" s="328">
        <v>284888</v>
      </c>
      <c r="BP25" s="330">
        <v>411723</v>
      </c>
      <c r="BQ25" s="326">
        <v>12418</v>
      </c>
      <c r="BR25" s="327">
        <v>18039</v>
      </c>
      <c r="BS25" s="328">
        <v>30457</v>
      </c>
      <c r="BT25" s="326">
        <v>0</v>
      </c>
      <c r="BU25" s="327">
        <v>210021</v>
      </c>
      <c r="BV25" s="327">
        <v>187173</v>
      </c>
      <c r="BW25" s="327">
        <v>165060</v>
      </c>
      <c r="BX25" s="327">
        <v>144221</v>
      </c>
      <c r="BY25" s="327">
        <v>154336</v>
      </c>
      <c r="BZ25" s="328">
        <v>860811</v>
      </c>
      <c r="CA25" s="330">
        <v>891268</v>
      </c>
      <c r="CB25" s="326">
        <v>0</v>
      </c>
      <c r="CC25" s="327">
        <v>108986</v>
      </c>
      <c r="CD25" s="328">
        <v>108986</v>
      </c>
      <c r="CE25" s="326">
        <v>0</v>
      </c>
      <c r="CF25" s="327">
        <v>833200</v>
      </c>
      <c r="CG25" s="327">
        <v>1341361</v>
      </c>
      <c r="CH25" s="327">
        <v>852209</v>
      </c>
      <c r="CI25" s="327">
        <v>563079</v>
      </c>
      <c r="CJ25" s="327">
        <v>260008</v>
      </c>
      <c r="CK25" s="328">
        <v>3849857</v>
      </c>
      <c r="CL25" s="330">
        <v>3958843</v>
      </c>
      <c r="CM25" s="326">
        <v>0</v>
      </c>
      <c r="CN25" s="327">
        <v>0</v>
      </c>
      <c r="CO25" s="328">
        <v>0</v>
      </c>
      <c r="CP25" s="332">
        <v>0</v>
      </c>
      <c r="CQ25" s="327">
        <v>617703</v>
      </c>
      <c r="CR25" s="327">
        <v>715960</v>
      </c>
      <c r="CS25" s="327">
        <v>688890</v>
      </c>
      <c r="CT25" s="327">
        <v>483849</v>
      </c>
      <c r="CU25" s="327">
        <v>260008</v>
      </c>
      <c r="CV25" s="328">
        <v>2766410</v>
      </c>
      <c r="CW25" s="330">
        <v>2766410</v>
      </c>
      <c r="CX25" s="326">
        <v>0</v>
      </c>
      <c r="CY25" s="327">
        <v>108986</v>
      </c>
      <c r="CZ25" s="328">
        <v>108986</v>
      </c>
      <c r="DA25" s="326">
        <v>0</v>
      </c>
      <c r="DB25" s="327">
        <v>215497</v>
      </c>
      <c r="DC25" s="327">
        <v>625401</v>
      </c>
      <c r="DD25" s="327">
        <v>163319</v>
      </c>
      <c r="DE25" s="327">
        <v>79230</v>
      </c>
      <c r="DF25" s="327">
        <v>0</v>
      </c>
      <c r="DG25" s="328">
        <v>1083447</v>
      </c>
      <c r="DH25" s="330">
        <v>1192433</v>
      </c>
      <c r="DI25" s="326">
        <v>0</v>
      </c>
      <c r="DJ25" s="327">
        <v>22527</v>
      </c>
      <c r="DK25" s="331">
        <v>22527</v>
      </c>
      <c r="DL25" s="332">
        <v>0</v>
      </c>
      <c r="DM25" s="327">
        <v>88159</v>
      </c>
      <c r="DN25" s="327">
        <v>53599</v>
      </c>
      <c r="DO25" s="327">
        <v>674314</v>
      </c>
      <c r="DP25" s="327">
        <v>304381</v>
      </c>
      <c r="DQ25" s="327">
        <v>0</v>
      </c>
      <c r="DR25" s="328">
        <v>1120453</v>
      </c>
      <c r="DS25" s="330">
        <v>1142980</v>
      </c>
      <c r="DT25" s="326">
        <v>0</v>
      </c>
      <c r="DU25" s="327">
        <v>22527</v>
      </c>
      <c r="DV25" s="328">
        <v>22527</v>
      </c>
      <c r="DW25" s="326">
        <v>0</v>
      </c>
      <c r="DX25" s="327">
        <v>48591</v>
      </c>
      <c r="DY25" s="327">
        <v>53599</v>
      </c>
      <c r="DZ25" s="327">
        <v>620256</v>
      </c>
      <c r="EA25" s="327">
        <v>304381</v>
      </c>
      <c r="EB25" s="327">
        <v>0</v>
      </c>
      <c r="EC25" s="328">
        <v>1026827</v>
      </c>
      <c r="ED25" s="330">
        <v>1049354</v>
      </c>
      <c r="EE25" s="326">
        <v>0</v>
      </c>
      <c r="EF25" s="331">
        <v>0</v>
      </c>
      <c r="EG25" s="328">
        <v>0</v>
      </c>
      <c r="EH25" s="326">
        <v>0</v>
      </c>
      <c r="EI25" s="327">
        <v>39568</v>
      </c>
      <c r="EJ25" s="327">
        <v>0</v>
      </c>
      <c r="EK25" s="327">
        <v>54058</v>
      </c>
      <c r="EL25" s="327">
        <v>0</v>
      </c>
      <c r="EM25" s="327">
        <v>0</v>
      </c>
      <c r="EN25" s="331">
        <v>93626</v>
      </c>
      <c r="EO25" s="330">
        <v>93626</v>
      </c>
      <c r="EP25" s="326">
        <v>0</v>
      </c>
      <c r="EQ25" s="327">
        <v>0</v>
      </c>
      <c r="ER25" s="331">
        <v>0</v>
      </c>
      <c r="ES25" s="332">
        <v>0</v>
      </c>
      <c r="ET25" s="327">
        <v>0</v>
      </c>
      <c r="EU25" s="327">
        <v>0</v>
      </c>
      <c r="EV25" s="327">
        <v>0</v>
      </c>
      <c r="EW25" s="327">
        <v>0</v>
      </c>
      <c r="EX25" s="327">
        <v>0</v>
      </c>
      <c r="EY25" s="328">
        <v>0</v>
      </c>
      <c r="EZ25" s="330">
        <v>0</v>
      </c>
      <c r="FA25" s="326">
        <v>0</v>
      </c>
      <c r="FB25" s="327">
        <v>0</v>
      </c>
      <c r="FC25" s="331">
        <v>0</v>
      </c>
      <c r="FD25" s="404">
        <v>0</v>
      </c>
      <c r="FE25" s="327">
        <v>0</v>
      </c>
      <c r="FF25" s="327">
        <v>0</v>
      </c>
      <c r="FG25" s="327">
        <v>0</v>
      </c>
      <c r="FH25" s="327">
        <v>0</v>
      </c>
      <c r="FI25" s="327">
        <v>0</v>
      </c>
      <c r="FJ25" s="328">
        <v>0</v>
      </c>
      <c r="FK25" s="330">
        <v>0</v>
      </c>
      <c r="FL25" s="326">
        <v>98707</v>
      </c>
      <c r="FM25" s="327">
        <v>196483</v>
      </c>
      <c r="FN25" s="328">
        <v>295190</v>
      </c>
      <c r="FO25" s="326">
        <v>0</v>
      </c>
      <c r="FP25" s="327">
        <v>343924</v>
      </c>
      <c r="FQ25" s="327">
        <v>327684</v>
      </c>
      <c r="FR25" s="327">
        <v>318143</v>
      </c>
      <c r="FS25" s="327">
        <v>272097</v>
      </c>
      <c r="FT25" s="327">
        <v>139594</v>
      </c>
      <c r="FU25" s="328">
        <v>1401442</v>
      </c>
      <c r="FV25" s="330">
        <v>1696632</v>
      </c>
      <c r="FW25" s="333">
        <v>64407</v>
      </c>
      <c r="FX25" s="327">
        <v>101983</v>
      </c>
      <c r="FY25" s="331">
        <v>166390</v>
      </c>
      <c r="FZ25" s="332">
        <v>0</v>
      </c>
      <c r="GA25" s="327">
        <v>178808</v>
      </c>
      <c r="GB25" s="327">
        <v>327684</v>
      </c>
      <c r="GC25" s="327">
        <v>318143</v>
      </c>
      <c r="GD25" s="327">
        <v>182987</v>
      </c>
      <c r="GE25" s="327">
        <v>139594</v>
      </c>
      <c r="GF25" s="328">
        <v>1147216</v>
      </c>
      <c r="GG25" s="334">
        <v>1313606</v>
      </c>
      <c r="GH25" s="333">
        <v>0</v>
      </c>
      <c r="GI25" s="327">
        <v>0</v>
      </c>
      <c r="GJ25" s="331">
        <v>0</v>
      </c>
      <c r="GK25" s="332">
        <v>0</v>
      </c>
      <c r="GL25" s="327">
        <v>12320</v>
      </c>
      <c r="GM25" s="327">
        <v>0</v>
      </c>
      <c r="GN25" s="327">
        <v>0</v>
      </c>
      <c r="GO25" s="327">
        <v>26110</v>
      </c>
      <c r="GP25" s="327">
        <v>0</v>
      </c>
      <c r="GQ25" s="328">
        <v>38430</v>
      </c>
      <c r="GR25" s="330">
        <v>38430</v>
      </c>
      <c r="GS25" s="326">
        <v>34300</v>
      </c>
      <c r="GT25" s="327">
        <v>94500</v>
      </c>
      <c r="GU25" s="328">
        <v>128800</v>
      </c>
      <c r="GV25" s="326">
        <v>0</v>
      </c>
      <c r="GW25" s="327">
        <v>152796</v>
      </c>
      <c r="GX25" s="327">
        <v>0</v>
      </c>
      <c r="GY25" s="327">
        <v>0</v>
      </c>
      <c r="GZ25" s="327">
        <v>63000</v>
      </c>
      <c r="HA25" s="327">
        <v>0</v>
      </c>
      <c r="HB25" s="331">
        <v>215796</v>
      </c>
      <c r="HC25" s="330">
        <v>344596</v>
      </c>
      <c r="HD25" s="326">
        <v>98708</v>
      </c>
      <c r="HE25" s="327">
        <v>80537</v>
      </c>
      <c r="HF25" s="331">
        <v>179245</v>
      </c>
      <c r="HG25" s="332">
        <v>0</v>
      </c>
      <c r="HH25" s="327">
        <v>1138713</v>
      </c>
      <c r="HI25" s="327">
        <v>1042648</v>
      </c>
      <c r="HJ25" s="327">
        <v>589306</v>
      </c>
      <c r="HK25" s="327">
        <v>1430079</v>
      </c>
      <c r="HL25" s="327">
        <v>1095099</v>
      </c>
      <c r="HM25" s="328">
        <v>5295845</v>
      </c>
      <c r="HN25" s="329">
        <v>5475090</v>
      </c>
      <c r="HO25" s="333">
        <v>0</v>
      </c>
      <c r="HP25" s="327">
        <v>0</v>
      </c>
      <c r="HQ25" s="328">
        <v>0</v>
      </c>
      <c r="HR25" s="326">
        <v>0</v>
      </c>
      <c r="HS25" s="327">
        <v>0</v>
      </c>
      <c r="HT25" s="327">
        <v>0</v>
      </c>
      <c r="HU25" s="327">
        <v>0</v>
      </c>
      <c r="HV25" s="327">
        <v>0</v>
      </c>
      <c r="HW25" s="327">
        <v>0</v>
      </c>
      <c r="HX25" s="331">
        <v>0</v>
      </c>
      <c r="HY25" s="330">
        <v>0</v>
      </c>
      <c r="HZ25" s="335">
        <v>0</v>
      </c>
      <c r="IA25" s="336">
        <v>0</v>
      </c>
      <c r="IB25" s="337">
        <v>0</v>
      </c>
      <c r="IC25" s="338">
        <v>0</v>
      </c>
      <c r="ID25" s="336">
        <v>547963</v>
      </c>
      <c r="IE25" s="339">
        <v>982732</v>
      </c>
      <c r="IF25" s="337">
        <v>790842</v>
      </c>
      <c r="IG25" s="336">
        <v>21971</v>
      </c>
      <c r="IH25" s="337">
        <v>0</v>
      </c>
      <c r="II25" s="340">
        <v>2343508</v>
      </c>
      <c r="IJ25" s="341">
        <v>2343508</v>
      </c>
      <c r="IK25" s="342">
        <v>0</v>
      </c>
      <c r="IL25" s="343">
        <v>0</v>
      </c>
      <c r="IM25" s="344">
        <v>0</v>
      </c>
      <c r="IN25" s="404">
        <v>0</v>
      </c>
      <c r="IO25" s="345">
        <v>0</v>
      </c>
      <c r="IP25" s="345">
        <v>0</v>
      </c>
      <c r="IQ25" s="345">
        <v>0</v>
      </c>
      <c r="IR25" s="345">
        <v>0</v>
      </c>
      <c r="IS25" s="345">
        <v>0</v>
      </c>
      <c r="IT25" s="346">
        <v>0</v>
      </c>
      <c r="IU25" s="347">
        <v>0</v>
      </c>
      <c r="IV25" s="348">
        <v>0</v>
      </c>
      <c r="IW25" s="345">
        <v>0</v>
      </c>
      <c r="IX25" s="349">
        <v>0</v>
      </c>
      <c r="IY25" s="404">
        <v>0</v>
      </c>
      <c r="IZ25" s="345">
        <v>0</v>
      </c>
      <c r="JA25" s="345">
        <v>0</v>
      </c>
      <c r="JB25" s="345">
        <v>0</v>
      </c>
      <c r="JC25" s="345">
        <v>0</v>
      </c>
      <c r="JD25" s="345">
        <v>0</v>
      </c>
      <c r="JE25" s="349">
        <v>0</v>
      </c>
      <c r="JF25" s="350">
        <v>0</v>
      </c>
      <c r="JG25" s="348">
        <v>0</v>
      </c>
      <c r="JH25" s="345">
        <v>0</v>
      </c>
      <c r="JI25" s="346">
        <v>0</v>
      </c>
      <c r="JJ25" s="351">
        <v>0</v>
      </c>
      <c r="JK25" s="345">
        <v>300390</v>
      </c>
      <c r="JL25" s="345">
        <v>597798</v>
      </c>
      <c r="JM25" s="345">
        <v>52927</v>
      </c>
      <c r="JN25" s="345">
        <v>21971</v>
      </c>
      <c r="JO25" s="345">
        <v>0</v>
      </c>
      <c r="JP25" s="349">
        <v>973086</v>
      </c>
      <c r="JQ25" s="347">
        <v>973086</v>
      </c>
      <c r="JR25" s="348">
        <v>0</v>
      </c>
      <c r="JS25" s="345">
        <v>0</v>
      </c>
      <c r="JT25" s="346">
        <v>0</v>
      </c>
      <c r="JU25" s="351">
        <v>0</v>
      </c>
      <c r="JV25" s="345">
        <v>0</v>
      </c>
      <c r="JW25" s="345">
        <v>0</v>
      </c>
      <c r="JX25" s="345">
        <v>59733</v>
      </c>
      <c r="JY25" s="345">
        <v>0</v>
      </c>
      <c r="JZ25" s="345">
        <v>0</v>
      </c>
      <c r="KA25" s="349">
        <v>59733</v>
      </c>
      <c r="KB25" s="347">
        <v>59733</v>
      </c>
      <c r="KC25" s="352">
        <v>0</v>
      </c>
      <c r="KD25" s="353">
        <v>0</v>
      </c>
      <c r="KE25" s="349">
        <v>0</v>
      </c>
      <c r="KF25" s="351">
        <v>0</v>
      </c>
      <c r="KG25" s="345">
        <v>33250</v>
      </c>
      <c r="KH25" s="345">
        <v>158283</v>
      </c>
      <c r="KI25" s="345">
        <v>0</v>
      </c>
      <c r="KJ25" s="345">
        <v>0</v>
      </c>
      <c r="KK25" s="345">
        <v>0</v>
      </c>
      <c r="KL25" s="349">
        <v>191533</v>
      </c>
      <c r="KM25" s="354">
        <v>191533</v>
      </c>
      <c r="KN25" s="342">
        <v>0</v>
      </c>
      <c r="KO25" s="343">
        <v>0</v>
      </c>
      <c r="KP25" s="344">
        <v>0</v>
      </c>
      <c r="KQ25" s="404">
        <v>0</v>
      </c>
      <c r="KR25" s="345">
        <v>214323</v>
      </c>
      <c r="KS25" s="345">
        <v>226651</v>
      </c>
      <c r="KT25" s="345">
        <v>678182</v>
      </c>
      <c r="KU25" s="345">
        <v>0</v>
      </c>
      <c r="KV25" s="345">
        <v>0</v>
      </c>
      <c r="KW25" s="349">
        <v>1119156</v>
      </c>
      <c r="KX25" s="347">
        <v>1119156</v>
      </c>
      <c r="KY25" s="348">
        <v>0</v>
      </c>
      <c r="KZ25" s="345">
        <v>0</v>
      </c>
      <c r="LA25" s="349">
        <v>0</v>
      </c>
      <c r="LB25" s="404">
        <v>0</v>
      </c>
      <c r="LC25" s="345">
        <v>0</v>
      </c>
      <c r="LD25" s="345">
        <v>0</v>
      </c>
      <c r="LE25" s="345">
        <v>0</v>
      </c>
      <c r="LF25" s="345">
        <v>0</v>
      </c>
      <c r="LG25" s="345">
        <v>0</v>
      </c>
      <c r="LH25" s="349">
        <v>0</v>
      </c>
      <c r="LI25" s="350">
        <v>0</v>
      </c>
      <c r="LJ25" s="348">
        <v>0</v>
      </c>
      <c r="LK25" s="345">
        <v>0</v>
      </c>
      <c r="LL25" s="349">
        <v>0</v>
      </c>
      <c r="LM25" s="404">
        <v>0</v>
      </c>
      <c r="LN25" s="345">
        <v>0</v>
      </c>
      <c r="LO25" s="345">
        <v>0</v>
      </c>
      <c r="LP25" s="345">
        <v>0</v>
      </c>
      <c r="LQ25" s="345">
        <v>0</v>
      </c>
      <c r="LR25" s="345">
        <v>0</v>
      </c>
      <c r="LS25" s="349">
        <v>0</v>
      </c>
      <c r="LT25" s="347">
        <v>0</v>
      </c>
      <c r="LU25" s="348">
        <v>0</v>
      </c>
      <c r="LV25" s="345">
        <v>0</v>
      </c>
      <c r="LW25" s="349">
        <v>0</v>
      </c>
      <c r="LX25" s="404">
        <v>0</v>
      </c>
      <c r="LY25" s="345">
        <v>0</v>
      </c>
      <c r="LZ25" s="345">
        <v>0</v>
      </c>
      <c r="MA25" s="345">
        <v>0</v>
      </c>
      <c r="MB25" s="345">
        <v>0</v>
      </c>
      <c r="MC25" s="345">
        <v>0</v>
      </c>
      <c r="MD25" s="349">
        <v>0</v>
      </c>
      <c r="ME25" s="350">
        <v>0</v>
      </c>
      <c r="MF25" s="348">
        <v>0</v>
      </c>
      <c r="MG25" s="345">
        <v>0</v>
      </c>
      <c r="MH25" s="349">
        <v>0</v>
      </c>
      <c r="MI25" s="404">
        <v>0</v>
      </c>
      <c r="MJ25" s="345">
        <v>342316</v>
      </c>
      <c r="MK25" s="345">
        <v>685731</v>
      </c>
      <c r="ML25" s="345">
        <v>857026</v>
      </c>
      <c r="MM25" s="345">
        <v>3069374</v>
      </c>
      <c r="MN25" s="345">
        <v>1596835</v>
      </c>
      <c r="MO25" s="349">
        <v>6551282</v>
      </c>
      <c r="MP25" s="354">
        <v>6551282</v>
      </c>
      <c r="MQ25" s="348">
        <v>0</v>
      </c>
      <c r="MR25" s="345">
        <v>0</v>
      </c>
      <c r="MS25" s="349">
        <v>0</v>
      </c>
      <c r="MT25" s="404">
        <v>0</v>
      </c>
      <c r="MU25" s="345">
        <v>0</v>
      </c>
      <c r="MV25" s="345">
        <v>444242</v>
      </c>
      <c r="MW25" s="345">
        <v>587630</v>
      </c>
      <c r="MX25" s="345">
        <v>1443214</v>
      </c>
      <c r="MY25" s="345">
        <v>1596835</v>
      </c>
      <c r="MZ25" s="349">
        <v>4071921</v>
      </c>
      <c r="NA25" s="354">
        <v>4071921</v>
      </c>
      <c r="NB25" s="348">
        <v>0</v>
      </c>
      <c r="NC25" s="345">
        <v>0</v>
      </c>
      <c r="ND25" s="349">
        <v>0</v>
      </c>
      <c r="NE25" s="404">
        <v>0</v>
      </c>
      <c r="NF25" s="345">
        <v>342316</v>
      </c>
      <c r="NG25" s="345">
        <v>241489</v>
      </c>
      <c r="NH25" s="345">
        <v>269396</v>
      </c>
      <c r="NI25" s="345">
        <v>1626160</v>
      </c>
      <c r="NJ25" s="345">
        <v>0</v>
      </c>
      <c r="NK25" s="349">
        <v>2479361</v>
      </c>
      <c r="NL25" s="347">
        <v>2479361</v>
      </c>
      <c r="NM25" s="348">
        <v>0</v>
      </c>
      <c r="NN25" s="345">
        <v>0</v>
      </c>
      <c r="NO25" s="349">
        <v>0</v>
      </c>
      <c r="NP25" s="404">
        <v>0</v>
      </c>
      <c r="NQ25" s="345">
        <v>0</v>
      </c>
      <c r="NR25" s="345">
        <v>0</v>
      </c>
      <c r="NS25" s="345">
        <v>0</v>
      </c>
      <c r="NT25" s="345">
        <v>0</v>
      </c>
      <c r="NU25" s="345">
        <v>0</v>
      </c>
      <c r="NV25" s="349">
        <v>0</v>
      </c>
      <c r="NW25" s="350">
        <v>0</v>
      </c>
      <c r="NX25" s="348">
        <v>0</v>
      </c>
      <c r="NY25" s="345">
        <v>0</v>
      </c>
      <c r="NZ25" s="349">
        <v>0</v>
      </c>
      <c r="OA25" s="404">
        <v>0</v>
      </c>
      <c r="OB25" s="345">
        <v>0</v>
      </c>
      <c r="OC25" s="345">
        <v>0</v>
      </c>
      <c r="OD25" s="345">
        <v>0</v>
      </c>
      <c r="OE25" s="345">
        <v>0</v>
      </c>
      <c r="OF25" s="345">
        <v>0</v>
      </c>
      <c r="OG25" s="349">
        <v>0</v>
      </c>
      <c r="OH25" s="350">
        <v>0</v>
      </c>
      <c r="OI25" s="348">
        <v>284197</v>
      </c>
      <c r="OJ25" s="345">
        <v>581784</v>
      </c>
      <c r="OK25" s="346">
        <v>865981</v>
      </c>
      <c r="OL25" s="351">
        <v>0</v>
      </c>
      <c r="OM25" s="345">
        <v>4958242</v>
      </c>
      <c r="ON25" s="345">
        <v>6095942</v>
      </c>
      <c r="OO25" s="345">
        <v>5024947</v>
      </c>
      <c r="OP25" s="345">
        <v>6424223</v>
      </c>
      <c r="OQ25" s="345">
        <v>3929752</v>
      </c>
      <c r="OR25" s="349">
        <v>26433106</v>
      </c>
      <c r="OS25" s="354">
        <v>27299087</v>
      </c>
    </row>
    <row r="26" spans="2:409" s="70" customFormat="1" ht="21" customHeight="1" x14ac:dyDescent="0.2">
      <c r="B26" s="106" t="s">
        <v>21</v>
      </c>
      <c r="C26" s="326">
        <v>296073</v>
      </c>
      <c r="D26" s="327">
        <v>352016</v>
      </c>
      <c r="E26" s="328">
        <v>648089</v>
      </c>
      <c r="F26" s="329">
        <v>0</v>
      </c>
      <c r="G26" s="327">
        <v>2693767</v>
      </c>
      <c r="H26" s="327">
        <v>3114331</v>
      </c>
      <c r="I26" s="327">
        <v>2980329</v>
      </c>
      <c r="J26" s="327">
        <v>2120896</v>
      </c>
      <c r="K26" s="327">
        <v>2215335</v>
      </c>
      <c r="L26" s="367">
        <v>13124658</v>
      </c>
      <c r="M26" s="330">
        <v>13772747</v>
      </c>
      <c r="N26" s="326">
        <v>85569</v>
      </c>
      <c r="O26" s="327">
        <v>138148</v>
      </c>
      <c r="P26" s="328">
        <v>223717</v>
      </c>
      <c r="Q26" s="326">
        <v>0</v>
      </c>
      <c r="R26" s="327">
        <v>1080433</v>
      </c>
      <c r="S26" s="327">
        <v>1323130</v>
      </c>
      <c r="T26" s="327">
        <v>811789</v>
      </c>
      <c r="U26" s="327">
        <v>907650</v>
      </c>
      <c r="V26" s="327">
        <v>980799</v>
      </c>
      <c r="W26" s="328">
        <v>5103801</v>
      </c>
      <c r="X26" s="330">
        <v>5327518</v>
      </c>
      <c r="Y26" s="326">
        <v>0</v>
      </c>
      <c r="Z26" s="327">
        <v>0</v>
      </c>
      <c r="AA26" s="328">
        <v>0</v>
      </c>
      <c r="AB26" s="326">
        <v>0</v>
      </c>
      <c r="AC26" s="327">
        <v>416639</v>
      </c>
      <c r="AD26" s="327">
        <v>704241</v>
      </c>
      <c r="AE26" s="327">
        <v>354034</v>
      </c>
      <c r="AF26" s="327">
        <v>293759</v>
      </c>
      <c r="AG26" s="327">
        <v>541493</v>
      </c>
      <c r="AH26" s="328">
        <v>2310166</v>
      </c>
      <c r="AI26" s="330">
        <v>2310166</v>
      </c>
      <c r="AJ26" s="326">
        <v>0</v>
      </c>
      <c r="AK26" s="327">
        <v>0</v>
      </c>
      <c r="AL26" s="328">
        <v>0</v>
      </c>
      <c r="AM26" s="326">
        <v>0</v>
      </c>
      <c r="AN26" s="327">
        <v>0</v>
      </c>
      <c r="AO26" s="327">
        <v>0</v>
      </c>
      <c r="AP26" s="327">
        <v>23537</v>
      </c>
      <c r="AQ26" s="327">
        <v>148033</v>
      </c>
      <c r="AR26" s="327">
        <v>146333</v>
      </c>
      <c r="AS26" s="328">
        <v>317903</v>
      </c>
      <c r="AT26" s="330">
        <v>317903</v>
      </c>
      <c r="AU26" s="326">
        <v>8376</v>
      </c>
      <c r="AV26" s="327">
        <v>25840</v>
      </c>
      <c r="AW26" s="328">
        <v>34216</v>
      </c>
      <c r="AX26" s="326">
        <v>0</v>
      </c>
      <c r="AY26" s="327">
        <v>511502</v>
      </c>
      <c r="AZ26" s="327">
        <v>353694</v>
      </c>
      <c r="BA26" s="327">
        <v>185232</v>
      </c>
      <c r="BB26" s="327">
        <v>370686</v>
      </c>
      <c r="BC26" s="327">
        <v>138209</v>
      </c>
      <c r="BD26" s="328">
        <v>1559323</v>
      </c>
      <c r="BE26" s="330">
        <v>1593539</v>
      </c>
      <c r="BF26" s="326">
        <v>17959</v>
      </c>
      <c r="BG26" s="327">
        <v>47145</v>
      </c>
      <c r="BH26" s="331">
        <v>65104</v>
      </c>
      <c r="BI26" s="332">
        <v>0</v>
      </c>
      <c r="BJ26" s="327">
        <v>0</v>
      </c>
      <c r="BK26" s="327">
        <v>0</v>
      </c>
      <c r="BL26" s="327">
        <v>102399</v>
      </c>
      <c r="BM26" s="327">
        <v>0</v>
      </c>
      <c r="BN26" s="327">
        <v>27294</v>
      </c>
      <c r="BO26" s="328">
        <v>129693</v>
      </c>
      <c r="BP26" s="330">
        <v>194797</v>
      </c>
      <c r="BQ26" s="326">
        <v>59234</v>
      </c>
      <c r="BR26" s="327">
        <v>65163</v>
      </c>
      <c r="BS26" s="328">
        <v>124397</v>
      </c>
      <c r="BT26" s="326">
        <v>0</v>
      </c>
      <c r="BU26" s="327">
        <v>152292</v>
      </c>
      <c r="BV26" s="327">
        <v>265195</v>
      </c>
      <c r="BW26" s="327">
        <v>146587</v>
      </c>
      <c r="BX26" s="327">
        <v>95172</v>
      </c>
      <c r="BY26" s="327">
        <v>127470</v>
      </c>
      <c r="BZ26" s="328">
        <v>786716</v>
      </c>
      <c r="CA26" s="330">
        <v>911113</v>
      </c>
      <c r="CB26" s="326">
        <v>35402</v>
      </c>
      <c r="CC26" s="327">
        <v>0</v>
      </c>
      <c r="CD26" s="328">
        <v>35402</v>
      </c>
      <c r="CE26" s="326">
        <v>0</v>
      </c>
      <c r="CF26" s="327">
        <v>836562</v>
      </c>
      <c r="CG26" s="327">
        <v>666046</v>
      </c>
      <c r="CH26" s="327">
        <v>306276</v>
      </c>
      <c r="CI26" s="327">
        <v>315468</v>
      </c>
      <c r="CJ26" s="327">
        <v>421785</v>
      </c>
      <c r="CK26" s="328">
        <v>2546137</v>
      </c>
      <c r="CL26" s="330">
        <v>2581539</v>
      </c>
      <c r="CM26" s="326">
        <v>0</v>
      </c>
      <c r="CN26" s="327">
        <v>0</v>
      </c>
      <c r="CO26" s="328">
        <v>0</v>
      </c>
      <c r="CP26" s="332">
        <v>0</v>
      </c>
      <c r="CQ26" s="327">
        <v>716965</v>
      </c>
      <c r="CR26" s="327">
        <v>593822</v>
      </c>
      <c r="CS26" s="327">
        <v>272948</v>
      </c>
      <c r="CT26" s="327">
        <v>243826</v>
      </c>
      <c r="CU26" s="327">
        <v>208417</v>
      </c>
      <c r="CV26" s="328">
        <v>2035978</v>
      </c>
      <c r="CW26" s="330">
        <v>2035978</v>
      </c>
      <c r="CX26" s="326">
        <v>35402</v>
      </c>
      <c r="CY26" s="327">
        <v>0</v>
      </c>
      <c r="CZ26" s="328">
        <v>35402</v>
      </c>
      <c r="DA26" s="326">
        <v>0</v>
      </c>
      <c r="DB26" s="327">
        <v>119597</v>
      </c>
      <c r="DC26" s="327">
        <v>72224</v>
      </c>
      <c r="DD26" s="327">
        <v>33328</v>
      </c>
      <c r="DE26" s="327">
        <v>71642</v>
      </c>
      <c r="DF26" s="327">
        <v>213368</v>
      </c>
      <c r="DG26" s="328">
        <v>510159</v>
      </c>
      <c r="DH26" s="330">
        <v>545561</v>
      </c>
      <c r="DI26" s="326">
        <v>0</v>
      </c>
      <c r="DJ26" s="327">
        <v>0</v>
      </c>
      <c r="DK26" s="331">
        <v>0</v>
      </c>
      <c r="DL26" s="332">
        <v>0</v>
      </c>
      <c r="DM26" s="327">
        <v>0</v>
      </c>
      <c r="DN26" s="327">
        <v>200703</v>
      </c>
      <c r="DO26" s="327">
        <v>293266</v>
      </c>
      <c r="DP26" s="327">
        <v>0</v>
      </c>
      <c r="DQ26" s="327">
        <v>250978</v>
      </c>
      <c r="DR26" s="328">
        <v>744947</v>
      </c>
      <c r="DS26" s="330">
        <v>744947</v>
      </c>
      <c r="DT26" s="326">
        <v>0</v>
      </c>
      <c r="DU26" s="327">
        <v>0</v>
      </c>
      <c r="DV26" s="328">
        <v>0</v>
      </c>
      <c r="DW26" s="326">
        <v>0</v>
      </c>
      <c r="DX26" s="327">
        <v>0</v>
      </c>
      <c r="DY26" s="327">
        <v>200703</v>
      </c>
      <c r="DZ26" s="327">
        <v>293266</v>
      </c>
      <c r="EA26" s="327">
        <v>0</v>
      </c>
      <c r="EB26" s="327">
        <v>250978</v>
      </c>
      <c r="EC26" s="328">
        <v>744947</v>
      </c>
      <c r="ED26" s="330">
        <v>744947</v>
      </c>
      <c r="EE26" s="326">
        <v>0</v>
      </c>
      <c r="EF26" s="331">
        <v>0</v>
      </c>
      <c r="EG26" s="328">
        <v>0</v>
      </c>
      <c r="EH26" s="326">
        <v>0</v>
      </c>
      <c r="EI26" s="327">
        <v>0</v>
      </c>
      <c r="EJ26" s="327">
        <v>0</v>
      </c>
      <c r="EK26" s="327">
        <v>0</v>
      </c>
      <c r="EL26" s="327">
        <v>0</v>
      </c>
      <c r="EM26" s="327">
        <v>0</v>
      </c>
      <c r="EN26" s="331">
        <v>0</v>
      </c>
      <c r="EO26" s="330">
        <v>0</v>
      </c>
      <c r="EP26" s="326">
        <v>0</v>
      </c>
      <c r="EQ26" s="327">
        <v>0</v>
      </c>
      <c r="ER26" s="331">
        <v>0</v>
      </c>
      <c r="ES26" s="332">
        <v>0</v>
      </c>
      <c r="ET26" s="327">
        <v>0</v>
      </c>
      <c r="EU26" s="327">
        <v>0</v>
      </c>
      <c r="EV26" s="327">
        <v>0</v>
      </c>
      <c r="EW26" s="327">
        <v>0</v>
      </c>
      <c r="EX26" s="327">
        <v>0</v>
      </c>
      <c r="EY26" s="328">
        <v>0</v>
      </c>
      <c r="EZ26" s="330">
        <v>0</v>
      </c>
      <c r="FA26" s="326">
        <v>0</v>
      </c>
      <c r="FB26" s="327">
        <v>0</v>
      </c>
      <c r="FC26" s="331">
        <v>0</v>
      </c>
      <c r="FD26" s="404">
        <v>0</v>
      </c>
      <c r="FE26" s="327">
        <v>0</v>
      </c>
      <c r="FF26" s="327">
        <v>0</v>
      </c>
      <c r="FG26" s="327">
        <v>0</v>
      </c>
      <c r="FH26" s="327">
        <v>0</v>
      </c>
      <c r="FI26" s="327">
        <v>0</v>
      </c>
      <c r="FJ26" s="328">
        <v>0</v>
      </c>
      <c r="FK26" s="330">
        <v>0</v>
      </c>
      <c r="FL26" s="326">
        <v>25536</v>
      </c>
      <c r="FM26" s="327">
        <v>47600</v>
      </c>
      <c r="FN26" s="328">
        <v>73136</v>
      </c>
      <c r="FO26" s="326">
        <v>0</v>
      </c>
      <c r="FP26" s="327">
        <v>83510</v>
      </c>
      <c r="FQ26" s="327">
        <v>320607</v>
      </c>
      <c r="FR26" s="327">
        <v>230174</v>
      </c>
      <c r="FS26" s="327">
        <v>104594</v>
      </c>
      <c r="FT26" s="327">
        <v>131670</v>
      </c>
      <c r="FU26" s="328">
        <v>870555</v>
      </c>
      <c r="FV26" s="330">
        <v>943691</v>
      </c>
      <c r="FW26" s="333">
        <v>25536</v>
      </c>
      <c r="FX26" s="327">
        <v>47600</v>
      </c>
      <c r="FY26" s="331">
        <v>73136</v>
      </c>
      <c r="FZ26" s="332">
        <v>0</v>
      </c>
      <c r="GA26" s="327">
        <v>83510</v>
      </c>
      <c r="GB26" s="327">
        <v>264607</v>
      </c>
      <c r="GC26" s="327">
        <v>195930</v>
      </c>
      <c r="GD26" s="327">
        <v>104594</v>
      </c>
      <c r="GE26" s="327">
        <v>131670</v>
      </c>
      <c r="GF26" s="328">
        <v>780311</v>
      </c>
      <c r="GG26" s="334">
        <v>853447</v>
      </c>
      <c r="GH26" s="333">
        <v>0</v>
      </c>
      <c r="GI26" s="327">
        <v>0</v>
      </c>
      <c r="GJ26" s="331">
        <v>0</v>
      </c>
      <c r="GK26" s="332">
        <v>0</v>
      </c>
      <c r="GL26" s="327">
        <v>0</v>
      </c>
      <c r="GM26" s="327">
        <v>0</v>
      </c>
      <c r="GN26" s="327">
        <v>34244</v>
      </c>
      <c r="GO26" s="327">
        <v>0</v>
      </c>
      <c r="GP26" s="327">
        <v>0</v>
      </c>
      <c r="GQ26" s="328">
        <v>34244</v>
      </c>
      <c r="GR26" s="330">
        <v>34244</v>
      </c>
      <c r="GS26" s="326">
        <v>0</v>
      </c>
      <c r="GT26" s="327">
        <v>0</v>
      </c>
      <c r="GU26" s="328">
        <v>0</v>
      </c>
      <c r="GV26" s="326">
        <v>0</v>
      </c>
      <c r="GW26" s="327">
        <v>0</v>
      </c>
      <c r="GX26" s="327">
        <v>56000</v>
      </c>
      <c r="GY26" s="327">
        <v>0</v>
      </c>
      <c r="GZ26" s="327">
        <v>0</v>
      </c>
      <c r="HA26" s="327">
        <v>0</v>
      </c>
      <c r="HB26" s="331">
        <v>56000</v>
      </c>
      <c r="HC26" s="330">
        <v>56000</v>
      </c>
      <c r="HD26" s="326">
        <v>149566</v>
      </c>
      <c r="HE26" s="327">
        <v>166268</v>
      </c>
      <c r="HF26" s="331">
        <v>315834</v>
      </c>
      <c r="HG26" s="332">
        <v>0</v>
      </c>
      <c r="HH26" s="327">
        <v>693262</v>
      </c>
      <c r="HI26" s="327">
        <v>603845</v>
      </c>
      <c r="HJ26" s="327">
        <v>1338824</v>
      </c>
      <c r="HK26" s="327">
        <v>793184</v>
      </c>
      <c r="HL26" s="327">
        <v>430103</v>
      </c>
      <c r="HM26" s="328">
        <v>3859218</v>
      </c>
      <c r="HN26" s="329">
        <v>4175052</v>
      </c>
      <c r="HO26" s="333">
        <v>0</v>
      </c>
      <c r="HP26" s="327">
        <v>0</v>
      </c>
      <c r="HQ26" s="328">
        <v>0</v>
      </c>
      <c r="HR26" s="326">
        <v>0</v>
      </c>
      <c r="HS26" s="327">
        <v>0</v>
      </c>
      <c r="HT26" s="327">
        <v>0</v>
      </c>
      <c r="HU26" s="327">
        <v>0</v>
      </c>
      <c r="HV26" s="327">
        <v>0</v>
      </c>
      <c r="HW26" s="327">
        <v>0</v>
      </c>
      <c r="HX26" s="331">
        <v>0</v>
      </c>
      <c r="HY26" s="330">
        <v>0</v>
      </c>
      <c r="HZ26" s="358">
        <v>0</v>
      </c>
      <c r="IA26" s="356">
        <v>0</v>
      </c>
      <c r="IB26" s="358">
        <v>0</v>
      </c>
      <c r="IC26" s="355">
        <v>0</v>
      </c>
      <c r="ID26" s="356">
        <v>491467</v>
      </c>
      <c r="IE26" s="357">
        <v>567420</v>
      </c>
      <c r="IF26" s="358">
        <v>371566</v>
      </c>
      <c r="IG26" s="356">
        <v>275108</v>
      </c>
      <c r="IH26" s="358">
        <v>0</v>
      </c>
      <c r="II26" s="359">
        <v>1705561</v>
      </c>
      <c r="IJ26" s="358">
        <v>1705561</v>
      </c>
      <c r="IK26" s="342">
        <v>0</v>
      </c>
      <c r="IL26" s="343">
        <v>0</v>
      </c>
      <c r="IM26" s="344">
        <v>0</v>
      </c>
      <c r="IN26" s="404">
        <v>0</v>
      </c>
      <c r="IO26" s="345">
        <v>0</v>
      </c>
      <c r="IP26" s="345">
        <v>0</v>
      </c>
      <c r="IQ26" s="345">
        <v>0</v>
      </c>
      <c r="IR26" s="345">
        <v>0</v>
      </c>
      <c r="IS26" s="345">
        <v>0</v>
      </c>
      <c r="IT26" s="346">
        <v>0</v>
      </c>
      <c r="IU26" s="347">
        <v>0</v>
      </c>
      <c r="IV26" s="348">
        <v>0</v>
      </c>
      <c r="IW26" s="345">
        <v>0</v>
      </c>
      <c r="IX26" s="349">
        <v>0</v>
      </c>
      <c r="IY26" s="404">
        <v>0</v>
      </c>
      <c r="IZ26" s="345">
        <v>0</v>
      </c>
      <c r="JA26" s="345">
        <v>0</v>
      </c>
      <c r="JB26" s="345">
        <v>0</v>
      </c>
      <c r="JC26" s="345">
        <v>0</v>
      </c>
      <c r="JD26" s="345">
        <v>0</v>
      </c>
      <c r="JE26" s="349">
        <v>0</v>
      </c>
      <c r="JF26" s="350">
        <v>0</v>
      </c>
      <c r="JG26" s="348">
        <v>0</v>
      </c>
      <c r="JH26" s="345">
        <v>0</v>
      </c>
      <c r="JI26" s="346">
        <v>0</v>
      </c>
      <c r="JJ26" s="351">
        <v>0</v>
      </c>
      <c r="JK26" s="345">
        <v>392804</v>
      </c>
      <c r="JL26" s="345">
        <v>341906</v>
      </c>
      <c r="JM26" s="345">
        <v>172179</v>
      </c>
      <c r="JN26" s="345">
        <v>42580</v>
      </c>
      <c r="JO26" s="345">
        <v>0</v>
      </c>
      <c r="JP26" s="349">
        <v>949469</v>
      </c>
      <c r="JQ26" s="347">
        <v>949469</v>
      </c>
      <c r="JR26" s="348">
        <v>0</v>
      </c>
      <c r="JS26" s="345">
        <v>0</v>
      </c>
      <c r="JT26" s="346">
        <v>0</v>
      </c>
      <c r="JU26" s="351">
        <v>0</v>
      </c>
      <c r="JV26" s="345">
        <v>0</v>
      </c>
      <c r="JW26" s="345">
        <v>0</v>
      </c>
      <c r="JX26" s="345">
        <v>0</v>
      </c>
      <c r="JY26" s="345">
        <v>0</v>
      </c>
      <c r="JZ26" s="345">
        <v>0</v>
      </c>
      <c r="KA26" s="349">
        <v>0</v>
      </c>
      <c r="KB26" s="347">
        <v>0</v>
      </c>
      <c r="KC26" s="352">
        <v>0</v>
      </c>
      <c r="KD26" s="353">
        <v>0</v>
      </c>
      <c r="KE26" s="349">
        <v>0</v>
      </c>
      <c r="KF26" s="351">
        <v>0</v>
      </c>
      <c r="KG26" s="345">
        <v>98663</v>
      </c>
      <c r="KH26" s="345">
        <v>0</v>
      </c>
      <c r="KI26" s="345">
        <v>199387</v>
      </c>
      <c r="KJ26" s="345">
        <v>0</v>
      </c>
      <c r="KK26" s="345">
        <v>0</v>
      </c>
      <c r="KL26" s="349">
        <v>298050</v>
      </c>
      <c r="KM26" s="354">
        <v>298050</v>
      </c>
      <c r="KN26" s="342">
        <v>0</v>
      </c>
      <c r="KO26" s="343">
        <v>0</v>
      </c>
      <c r="KP26" s="344">
        <v>0</v>
      </c>
      <c r="KQ26" s="404">
        <v>0</v>
      </c>
      <c r="KR26" s="345">
        <v>0</v>
      </c>
      <c r="KS26" s="345">
        <v>225514</v>
      </c>
      <c r="KT26" s="345">
        <v>0</v>
      </c>
      <c r="KU26" s="345">
        <v>232528</v>
      </c>
      <c r="KV26" s="345">
        <v>0</v>
      </c>
      <c r="KW26" s="349">
        <v>458042</v>
      </c>
      <c r="KX26" s="347">
        <v>458042</v>
      </c>
      <c r="KY26" s="348">
        <v>0</v>
      </c>
      <c r="KZ26" s="345">
        <v>0</v>
      </c>
      <c r="LA26" s="349">
        <v>0</v>
      </c>
      <c r="LB26" s="404">
        <v>0</v>
      </c>
      <c r="LC26" s="345">
        <v>0</v>
      </c>
      <c r="LD26" s="345">
        <v>0</v>
      </c>
      <c r="LE26" s="345">
        <v>0</v>
      </c>
      <c r="LF26" s="345">
        <v>0</v>
      </c>
      <c r="LG26" s="345">
        <v>0</v>
      </c>
      <c r="LH26" s="349">
        <v>0</v>
      </c>
      <c r="LI26" s="350">
        <v>0</v>
      </c>
      <c r="LJ26" s="348">
        <v>0</v>
      </c>
      <c r="LK26" s="345">
        <v>0</v>
      </c>
      <c r="LL26" s="349">
        <v>0</v>
      </c>
      <c r="LM26" s="404">
        <v>0</v>
      </c>
      <c r="LN26" s="345">
        <v>0</v>
      </c>
      <c r="LO26" s="345">
        <v>0</v>
      </c>
      <c r="LP26" s="345">
        <v>0</v>
      </c>
      <c r="LQ26" s="345">
        <v>0</v>
      </c>
      <c r="LR26" s="345">
        <v>0</v>
      </c>
      <c r="LS26" s="349">
        <v>0</v>
      </c>
      <c r="LT26" s="347">
        <v>0</v>
      </c>
      <c r="LU26" s="348">
        <v>0</v>
      </c>
      <c r="LV26" s="345">
        <v>0</v>
      </c>
      <c r="LW26" s="349">
        <v>0</v>
      </c>
      <c r="LX26" s="404">
        <v>0</v>
      </c>
      <c r="LY26" s="345">
        <v>0</v>
      </c>
      <c r="LZ26" s="345">
        <v>0</v>
      </c>
      <c r="MA26" s="345">
        <v>0</v>
      </c>
      <c r="MB26" s="345">
        <v>0</v>
      </c>
      <c r="MC26" s="345">
        <v>0</v>
      </c>
      <c r="MD26" s="349">
        <v>0</v>
      </c>
      <c r="ME26" s="350">
        <v>0</v>
      </c>
      <c r="MF26" s="348">
        <v>0</v>
      </c>
      <c r="MG26" s="345">
        <v>0</v>
      </c>
      <c r="MH26" s="349">
        <v>0</v>
      </c>
      <c r="MI26" s="404">
        <v>0</v>
      </c>
      <c r="MJ26" s="345">
        <v>0</v>
      </c>
      <c r="MK26" s="345">
        <v>676232</v>
      </c>
      <c r="ML26" s="345">
        <v>1923986</v>
      </c>
      <c r="MM26" s="345">
        <v>2123107</v>
      </c>
      <c r="MN26" s="345">
        <v>272615</v>
      </c>
      <c r="MO26" s="349">
        <v>4995940</v>
      </c>
      <c r="MP26" s="354">
        <v>4995940</v>
      </c>
      <c r="MQ26" s="348">
        <v>0</v>
      </c>
      <c r="MR26" s="345">
        <v>0</v>
      </c>
      <c r="MS26" s="349">
        <v>0</v>
      </c>
      <c r="MT26" s="404">
        <v>0</v>
      </c>
      <c r="MU26" s="345">
        <v>0</v>
      </c>
      <c r="MV26" s="345">
        <v>0</v>
      </c>
      <c r="MW26" s="345">
        <v>1356746</v>
      </c>
      <c r="MX26" s="345">
        <v>1500426</v>
      </c>
      <c r="MY26" s="345">
        <v>272615</v>
      </c>
      <c r="MZ26" s="349">
        <v>3129787</v>
      </c>
      <c r="NA26" s="354">
        <v>3129787</v>
      </c>
      <c r="NB26" s="348">
        <v>0</v>
      </c>
      <c r="NC26" s="345">
        <v>0</v>
      </c>
      <c r="ND26" s="349">
        <v>0</v>
      </c>
      <c r="NE26" s="404">
        <v>0</v>
      </c>
      <c r="NF26" s="345">
        <v>0</v>
      </c>
      <c r="NG26" s="345">
        <v>676232</v>
      </c>
      <c r="NH26" s="345">
        <v>567240</v>
      </c>
      <c r="NI26" s="345">
        <v>303349</v>
      </c>
      <c r="NJ26" s="345">
        <v>0</v>
      </c>
      <c r="NK26" s="349">
        <v>1546821</v>
      </c>
      <c r="NL26" s="347">
        <v>1546821</v>
      </c>
      <c r="NM26" s="348">
        <v>0</v>
      </c>
      <c r="NN26" s="345">
        <v>0</v>
      </c>
      <c r="NO26" s="349">
        <v>0</v>
      </c>
      <c r="NP26" s="404">
        <v>0</v>
      </c>
      <c r="NQ26" s="345">
        <v>0</v>
      </c>
      <c r="NR26" s="345">
        <v>0</v>
      </c>
      <c r="NS26" s="345">
        <v>0</v>
      </c>
      <c r="NT26" s="345">
        <v>0</v>
      </c>
      <c r="NU26" s="345">
        <v>0</v>
      </c>
      <c r="NV26" s="349">
        <v>0</v>
      </c>
      <c r="NW26" s="350">
        <v>0</v>
      </c>
      <c r="NX26" s="348">
        <v>0</v>
      </c>
      <c r="NY26" s="345">
        <v>0</v>
      </c>
      <c r="NZ26" s="349">
        <v>0</v>
      </c>
      <c r="OA26" s="404">
        <v>0</v>
      </c>
      <c r="OB26" s="345">
        <v>0</v>
      </c>
      <c r="OC26" s="345">
        <v>0</v>
      </c>
      <c r="OD26" s="345">
        <v>0</v>
      </c>
      <c r="OE26" s="345">
        <v>319332</v>
      </c>
      <c r="OF26" s="345">
        <v>0</v>
      </c>
      <c r="OG26" s="349">
        <v>319332</v>
      </c>
      <c r="OH26" s="350">
        <v>319332</v>
      </c>
      <c r="OI26" s="348">
        <v>296073</v>
      </c>
      <c r="OJ26" s="345">
        <v>352016</v>
      </c>
      <c r="OK26" s="346">
        <v>648089</v>
      </c>
      <c r="OL26" s="351">
        <v>0</v>
      </c>
      <c r="OM26" s="345">
        <v>3185234</v>
      </c>
      <c r="ON26" s="345">
        <v>4357983</v>
      </c>
      <c r="OO26" s="345">
        <v>5275881</v>
      </c>
      <c r="OP26" s="345">
        <v>4519111</v>
      </c>
      <c r="OQ26" s="345">
        <v>2487950</v>
      </c>
      <c r="OR26" s="349">
        <v>19826159</v>
      </c>
      <c r="OS26" s="354">
        <v>20474248</v>
      </c>
    </row>
    <row r="27" spans="2:409" s="70" customFormat="1" ht="21" customHeight="1" x14ac:dyDescent="0.2">
      <c r="B27" s="106" t="s">
        <v>22</v>
      </c>
      <c r="C27" s="326">
        <v>47488</v>
      </c>
      <c r="D27" s="327">
        <v>64708</v>
      </c>
      <c r="E27" s="328">
        <v>112196</v>
      </c>
      <c r="F27" s="329">
        <v>0</v>
      </c>
      <c r="G27" s="327">
        <v>1154276</v>
      </c>
      <c r="H27" s="327">
        <v>946679</v>
      </c>
      <c r="I27" s="327">
        <v>1008518</v>
      </c>
      <c r="J27" s="327">
        <v>1702431</v>
      </c>
      <c r="K27" s="327">
        <v>1702375</v>
      </c>
      <c r="L27" s="367">
        <v>6514279</v>
      </c>
      <c r="M27" s="330">
        <v>6626475</v>
      </c>
      <c r="N27" s="326">
        <v>0</v>
      </c>
      <c r="O27" s="327">
        <v>8358</v>
      </c>
      <c r="P27" s="328">
        <v>8358</v>
      </c>
      <c r="Q27" s="326">
        <v>0</v>
      </c>
      <c r="R27" s="327">
        <v>235992</v>
      </c>
      <c r="S27" s="327">
        <v>184737</v>
      </c>
      <c r="T27" s="327">
        <v>201849</v>
      </c>
      <c r="U27" s="327">
        <v>375961</v>
      </c>
      <c r="V27" s="327">
        <v>883724</v>
      </c>
      <c r="W27" s="328">
        <v>1882263</v>
      </c>
      <c r="X27" s="330">
        <v>1890621</v>
      </c>
      <c r="Y27" s="326">
        <v>0</v>
      </c>
      <c r="Z27" s="327">
        <v>0</v>
      </c>
      <c r="AA27" s="328">
        <v>0</v>
      </c>
      <c r="AB27" s="326">
        <v>0</v>
      </c>
      <c r="AC27" s="327">
        <v>26714</v>
      </c>
      <c r="AD27" s="327">
        <v>66861</v>
      </c>
      <c r="AE27" s="327">
        <v>90923</v>
      </c>
      <c r="AF27" s="327">
        <v>158817</v>
      </c>
      <c r="AG27" s="327">
        <v>281461</v>
      </c>
      <c r="AH27" s="328">
        <v>624776</v>
      </c>
      <c r="AI27" s="330">
        <v>624776</v>
      </c>
      <c r="AJ27" s="326">
        <v>0</v>
      </c>
      <c r="AK27" s="327">
        <v>0</v>
      </c>
      <c r="AL27" s="328">
        <v>0</v>
      </c>
      <c r="AM27" s="326">
        <v>0</v>
      </c>
      <c r="AN27" s="327">
        <v>0</v>
      </c>
      <c r="AO27" s="327">
        <v>0</v>
      </c>
      <c r="AP27" s="327">
        <v>0</v>
      </c>
      <c r="AQ27" s="327">
        <v>59391</v>
      </c>
      <c r="AR27" s="327">
        <v>294128</v>
      </c>
      <c r="AS27" s="328">
        <v>353519</v>
      </c>
      <c r="AT27" s="330">
        <v>353519</v>
      </c>
      <c r="AU27" s="326">
        <v>0</v>
      </c>
      <c r="AV27" s="327">
        <v>8358</v>
      </c>
      <c r="AW27" s="328">
        <v>8358</v>
      </c>
      <c r="AX27" s="326">
        <v>0</v>
      </c>
      <c r="AY27" s="327">
        <v>130647</v>
      </c>
      <c r="AZ27" s="327">
        <v>82802</v>
      </c>
      <c r="BA27" s="327">
        <v>38280</v>
      </c>
      <c r="BB27" s="327">
        <v>41104</v>
      </c>
      <c r="BC27" s="327">
        <v>263279</v>
      </c>
      <c r="BD27" s="328">
        <v>556112</v>
      </c>
      <c r="BE27" s="330">
        <v>564470</v>
      </c>
      <c r="BF27" s="326">
        <v>0</v>
      </c>
      <c r="BG27" s="327">
        <v>0</v>
      </c>
      <c r="BH27" s="331">
        <v>0</v>
      </c>
      <c r="BI27" s="332">
        <v>0</v>
      </c>
      <c r="BJ27" s="327">
        <v>47789</v>
      </c>
      <c r="BK27" s="327">
        <v>13654</v>
      </c>
      <c r="BL27" s="327">
        <v>0</v>
      </c>
      <c r="BM27" s="327">
        <v>27308</v>
      </c>
      <c r="BN27" s="327">
        <v>0</v>
      </c>
      <c r="BO27" s="328">
        <v>88751</v>
      </c>
      <c r="BP27" s="330">
        <v>88751</v>
      </c>
      <c r="BQ27" s="326">
        <v>0</v>
      </c>
      <c r="BR27" s="327">
        <v>0</v>
      </c>
      <c r="BS27" s="328">
        <v>0</v>
      </c>
      <c r="BT27" s="326">
        <v>0</v>
      </c>
      <c r="BU27" s="327">
        <v>30842</v>
      </c>
      <c r="BV27" s="327">
        <v>21420</v>
      </c>
      <c r="BW27" s="327">
        <v>72646</v>
      </c>
      <c r="BX27" s="327">
        <v>89341</v>
      </c>
      <c r="BY27" s="327">
        <v>44856</v>
      </c>
      <c r="BZ27" s="328">
        <v>259105</v>
      </c>
      <c r="CA27" s="330">
        <v>259105</v>
      </c>
      <c r="CB27" s="326">
        <v>36428</v>
      </c>
      <c r="CC27" s="327">
        <v>0</v>
      </c>
      <c r="CD27" s="328">
        <v>36428</v>
      </c>
      <c r="CE27" s="326">
        <v>0</v>
      </c>
      <c r="CF27" s="327">
        <v>243173</v>
      </c>
      <c r="CG27" s="327">
        <v>258462</v>
      </c>
      <c r="CH27" s="327">
        <v>194131</v>
      </c>
      <c r="CI27" s="327">
        <v>479648</v>
      </c>
      <c r="CJ27" s="327">
        <v>123913</v>
      </c>
      <c r="CK27" s="328">
        <v>1299327</v>
      </c>
      <c r="CL27" s="330">
        <v>1335755</v>
      </c>
      <c r="CM27" s="326">
        <v>0</v>
      </c>
      <c r="CN27" s="327">
        <v>0</v>
      </c>
      <c r="CO27" s="328">
        <v>0</v>
      </c>
      <c r="CP27" s="332">
        <v>0</v>
      </c>
      <c r="CQ27" s="327">
        <v>100317</v>
      </c>
      <c r="CR27" s="327">
        <v>116746</v>
      </c>
      <c r="CS27" s="327">
        <v>194131</v>
      </c>
      <c r="CT27" s="327">
        <v>479648</v>
      </c>
      <c r="CU27" s="327">
        <v>123913</v>
      </c>
      <c r="CV27" s="328">
        <v>1014755</v>
      </c>
      <c r="CW27" s="330">
        <v>1014755</v>
      </c>
      <c r="CX27" s="326">
        <v>36428</v>
      </c>
      <c r="CY27" s="327">
        <v>0</v>
      </c>
      <c r="CZ27" s="328">
        <v>36428</v>
      </c>
      <c r="DA27" s="326">
        <v>0</v>
      </c>
      <c r="DB27" s="327">
        <v>142856</v>
      </c>
      <c r="DC27" s="327">
        <v>141716</v>
      </c>
      <c r="DD27" s="327">
        <v>0</v>
      </c>
      <c r="DE27" s="327">
        <v>0</v>
      </c>
      <c r="DF27" s="327">
        <v>0</v>
      </c>
      <c r="DG27" s="328">
        <v>284572</v>
      </c>
      <c r="DH27" s="330">
        <v>321000</v>
      </c>
      <c r="DI27" s="326">
        <v>0</v>
      </c>
      <c r="DJ27" s="327">
        <v>0</v>
      </c>
      <c r="DK27" s="331">
        <v>0</v>
      </c>
      <c r="DL27" s="332">
        <v>0</v>
      </c>
      <c r="DM27" s="327">
        <v>51073</v>
      </c>
      <c r="DN27" s="327">
        <v>143711</v>
      </c>
      <c r="DO27" s="327">
        <v>35935</v>
      </c>
      <c r="DP27" s="327">
        <v>27191</v>
      </c>
      <c r="DQ27" s="327">
        <v>0</v>
      </c>
      <c r="DR27" s="328">
        <v>257910</v>
      </c>
      <c r="DS27" s="330">
        <v>257910</v>
      </c>
      <c r="DT27" s="326">
        <v>0</v>
      </c>
      <c r="DU27" s="327">
        <v>0</v>
      </c>
      <c r="DV27" s="328">
        <v>0</v>
      </c>
      <c r="DW27" s="326">
        <v>0</v>
      </c>
      <c r="DX27" s="327">
        <v>51073</v>
      </c>
      <c r="DY27" s="327">
        <v>143711</v>
      </c>
      <c r="DZ27" s="327">
        <v>35935</v>
      </c>
      <c r="EA27" s="327">
        <v>27191</v>
      </c>
      <c r="EB27" s="327">
        <v>0</v>
      </c>
      <c r="EC27" s="328">
        <v>257910</v>
      </c>
      <c r="ED27" s="330">
        <v>257910</v>
      </c>
      <c r="EE27" s="326">
        <v>0</v>
      </c>
      <c r="EF27" s="331">
        <v>0</v>
      </c>
      <c r="EG27" s="328">
        <v>0</v>
      </c>
      <c r="EH27" s="326">
        <v>0</v>
      </c>
      <c r="EI27" s="327">
        <v>0</v>
      </c>
      <c r="EJ27" s="327">
        <v>0</v>
      </c>
      <c r="EK27" s="327">
        <v>0</v>
      </c>
      <c r="EL27" s="327">
        <v>0</v>
      </c>
      <c r="EM27" s="327">
        <v>0</v>
      </c>
      <c r="EN27" s="331">
        <v>0</v>
      </c>
      <c r="EO27" s="330">
        <v>0</v>
      </c>
      <c r="EP27" s="326">
        <v>0</v>
      </c>
      <c r="EQ27" s="327">
        <v>0</v>
      </c>
      <c r="ER27" s="331">
        <v>0</v>
      </c>
      <c r="ES27" s="332">
        <v>0</v>
      </c>
      <c r="ET27" s="327">
        <v>0</v>
      </c>
      <c r="EU27" s="327">
        <v>0</v>
      </c>
      <c r="EV27" s="327">
        <v>0</v>
      </c>
      <c r="EW27" s="327">
        <v>0</v>
      </c>
      <c r="EX27" s="327">
        <v>0</v>
      </c>
      <c r="EY27" s="328">
        <v>0</v>
      </c>
      <c r="EZ27" s="330">
        <v>0</v>
      </c>
      <c r="FA27" s="326">
        <v>0</v>
      </c>
      <c r="FB27" s="327">
        <v>0</v>
      </c>
      <c r="FC27" s="331">
        <v>0</v>
      </c>
      <c r="FD27" s="404">
        <v>0</v>
      </c>
      <c r="FE27" s="327">
        <v>0</v>
      </c>
      <c r="FF27" s="327">
        <v>0</v>
      </c>
      <c r="FG27" s="327">
        <v>0</v>
      </c>
      <c r="FH27" s="327">
        <v>0</v>
      </c>
      <c r="FI27" s="327">
        <v>0</v>
      </c>
      <c r="FJ27" s="328">
        <v>0</v>
      </c>
      <c r="FK27" s="330">
        <v>0</v>
      </c>
      <c r="FL27" s="326">
        <v>11060</v>
      </c>
      <c r="FM27" s="327">
        <v>56350</v>
      </c>
      <c r="FN27" s="328">
        <v>67410</v>
      </c>
      <c r="FO27" s="326">
        <v>0</v>
      </c>
      <c r="FP27" s="327">
        <v>80010</v>
      </c>
      <c r="FQ27" s="327">
        <v>196280</v>
      </c>
      <c r="FR27" s="327">
        <v>45367</v>
      </c>
      <c r="FS27" s="327">
        <v>51177</v>
      </c>
      <c r="FT27" s="327">
        <v>277711</v>
      </c>
      <c r="FU27" s="328">
        <v>650545</v>
      </c>
      <c r="FV27" s="330">
        <v>717955</v>
      </c>
      <c r="FW27" s="333">
        <v>11060</v>
      </c>
      <c r="FX27" s="327">
        <v>56350</v>
      </c>
      <c r="FY27" s="331">
        <v>67410</v>
      </c>
      <c r="FZ27" s="332">
        <v>0</v>
      </c>
      <c r="GA27" s="327">
        <v>29610</v>
      </c>
      <c r="GB27" s="327">
        <v>79520</v>
      </c>
      <c r="GC27" s="327">
        <v>45367</v>
      </c>
      <c r="GD27" s="327">
        <v>51177</v>
      </c>
      <c r="GE27" s="327">
        <v>162211</v>
      </c>
      <c r="GF27" s="328">
        <v>367885</v>
      </c>
      <c r="GG27" s="334">
        <v>435295</v>
      </c>
      <c r="GH27" s="333">
        <v>0</v>
      </c>
      <c r="GI27" s="327">
        <v>0</v>
      </c>
      <c r="GJ27" s="331">
        <v>0</v>
      </c>
      <c r="GK27" s="332">
        <v>0</v>
      </c>
      <c r="GL27" s="327">
        <v>50400</v>
      </c>
      <c r="GM27" s="327">
        <v>26600</v>
      </c>
      <c r="GN27" s="327">
        <v>0</v>
      </c>
      <c r="GO27" s="327">
        <v>0</v>
      </c>
      <c r="GP27" s="327">
        <v>0</v>
      </c>
      <c r="GQ27" s="328">
        <v>77000</v>
      </c>
      <c r="GR27" s="330">
        <v>77000</v>
      </c>
      <c r="GS27" s="326">
        <v>0</v>
      </c>
      <c r="GT27" s="327">
        <v>0</v>
      </c>
      <c r="GU27" s="328">
        <v>0</v>
      </c>
      <c r="GV27" s="326">
        <v>0</v>
      </c>
      <c r="GW27" s="327">
        <v>0</v>
      </c>
      <c r="GX27" s="327">
        <v>90160</v>
      </c>
      <c r="GY27" s="327">
        <v>0</v>
      </c>
      <c r="GZ27" s="327">
        <v>0</v>
      </c>
      <c r="HA27" s="327">
        <v>115500</v>
      </c>
      <c r="HB27" s="331">
        <v>205660</v>
      </c>
      <c r="HC27" s="330">
        <v>205660</v>
      </c>
      <c r="HD27" s="326">
        <v>0</v>
      </c>
      <c r="HE27" s="327">
        <v>0</v>
      </c>
      <c r="HF27" s="331">
        <v>0</v>
      </c>
      <c r="HG27" s="332">
        <v>0</v>
      </c>
      <c r="HH27" s="327">
        <v>544028</v>
      </c>
      <c r="HI27" s="327">
        <v>163489</v>
      </c>
      <c r="HJ27" s="327">
        <v>531236</v>
      </c>
      <c r="HK27" s="327">
        <v>768454</v>
      </c>
      <c r="HL27" s="327">
        <v>417027</v>
      </c>
      <c r="HM27" s="328">
        <v>2424234</v>
      </c>
      <c r="HN27" s="329">
        <v>2424234</v>
      </c>
      <c r="HO27" s="333">
        <v>0</v>
      </c>
      <c r="HP27" s="327">
        <v>0</v>
      </c>
      <c r="HQ27" s="328">
        <v>0</v>
      </c>
      <c r="HR27" s="326">
        <v>0</v>
      </c>
      <c r="HS27" s="327">
        <v>0</v>
      </c>
      <c r="HT27" s="327">
        <v>0</v>
      </c>
      <c r="HU27" s="327">
        <v>0</v>
      </c>
      <c r="HV27" s="327">
        <v>0</v>
      </c>
      <c r="HW27" s="327">
        <v>0</v>
      </c>
      <c r="HX27" s="331">
        <v>0</v>
      </c>
      <c r="HY27" s="330">
        <v>0</v>
      </c>
      <c r="HZ27" s="335">
        <v>0</v>
      </c>
      <c r="IA27" s="336">
        <v>0</v>
      </c>
      <c r="IB27" s="337">
        <v>0</v>
      </c>
      <c r="IC27" s="338">
        <v>0</v>
      </c>
      <c r="ID27" s="336">
        <v>503022</v>
      </c>
      <c r="IE27" s="339">
        <v>384748</v>
      </c>
      <c r="IF27" s="337">
        <v>14294</v>
      </c>
      <c r="IG27" s="336">
        <v>163772</v>
      </c>
      <c r="IH27" s="337">
        <v>51208</v>
      </c>
      <c r="II27" s="340">
        <v>1117044</v>
      </c>
      <c r="IJ27" s="341">
        <v>1117044</v>
      </c>
      <c r="IK27" s="342">
        <v>0</v>
      </c>
      <c r="IL27" s="343">
        <v>0</v>
      </c>
      <c r="IM27" s="344">
        <v>0</v>
      </c>
      <c r="IN27" s="404">
        <v>0</v>
      </c>
      <c r="IO27" s="345">
        <v>0</v>
      </c>
      <c r="IP27" s="345">
        <v>0</v>
      </c>
      <c r="IQ27" s="345">
        <v>0</v>
      </c>
      <c r="IR27" s="345">
        <v>163772</v>
      </c>
      <c r="IS27" s="345">
        <v>0</v>
      </c>
      <c r="IT27" s="346">
        <v>163772</v>
      </c>
      <c r="IU27" s="347">
        <v>163772</v>
      </c>
      <c r="IV27" s="348">
        <v>0</v>
      </c>
      <c r="IW27" s="345">
        <v>0</v>
      </c>
      <c r="IX27" s="349">
        <v>0</v>
      </c>
      <c r="IY27" s="404">
        <v>0</v>
      </c>
      <c r="IZ27" s="345">
        <v>0</v>
      </c>
      <c r="JA27" s="345">
        <v>0</v>
      </c>
      <c r="JB27" s="345">
        <v>0</v>
      </c>
      <c r="JC27" s="345">
        <v>0</v>
      </c>
      <c r="JD27" s="345">
        <v>0</v>
      </c>
      <c r="JE27" s="349">
        <v>0</v>
      </c>
      <c r="JF27" s="350">
        <v>0</v>
      </c>
      <c r="JG27" s="348">
        <v>0</v>
      </c>
      <c r="JH27" s="345">
        <v>0</v>
      </c>
      <c r="JI27" s="346">
        <v>0</v>
      </c>
      <c r="JJ27" s="351">
        <v>0</v>
      </c>
      <c r="JK27" s="345">
        <v>171456</v>
      </c>
      <c r="JL27" s="345">
        <v>252499</v>
      </c>
      <c r="JM27" s="345">
        <v>14294</v>
      </c>
      <c r="JN27" s="345">
        <v>0</v>
      </c>
      <c r="JO27" s="345">
        <v>11022</v>
      </c>
      <c r="JP27" s="349">
        <v>449271</v>
      </c>
      <c r="JQ27" s="347">
        <v>449271</v>
      </c>
      <c r="JR27" s="348">
        <v>0</v>
      </c>
      <c r="JS27" s="345">
        <v>0</v>
      </c>
      <c r="JT27" s="346">
        <v>0</v>
      </c>
      <c r="JU27" s="351">
        <v>0</v>
      </c>
      <c r="JV27" s="345">
        <v>8976</v>
      </c>
      <c r="JW27" s="345">
        <v>0</v>
      </c>
      <c r="JX27" s="345">
        <v>0</v>
      </c>
      <c r="JY27" s="345">
        <v>0</v>
      </c>
      <c r="JZ27" s="345">
        <v>40186</v>
      </c>
      <c r="KA27" s="349">
        <v>49162</v>
      </c>
      <c r="KB27" s="347">
        <v>49162</v>
      </c>
      <c r="KC27" s="352">
        <v>0</v>
      </c>
      <c r="KD27" s="353">
        <v>0</v>
      </c>
      <c r="KE27" s="349">
        <v>0</v>
      </c>
      <c r="KF27" s="351">
        <v>0</v>
      </c>
      <c r="KG27" s="345">
        <v>105310</v>
      </c>
      <c r="KH27" s="345">
        <v>132249</v>
      </c>
      <c r="KI27" s="345">
        <v>0</v>
      </c>
      <c r="KJ27" s="345">
        <v>0</v>
      </c>
      <c r="KK27" s="345">
        <v>0</v>
      </c>
      <c r="KL27" s="349">
        <v>237559</v>
      </c>
      <c r="KM27" s="354">
        <v>237559</v>
      </c>
      <c r="KN27" s="342">
        <v>0</v>
      </c>
      <c r="KO27" s="343">
        <v>0</v>
      </c>
      <c r="KP27" s="344">
        <v>0</v>
      </c>
      <c r="KQ27" s="404">
        <v>0</v>
      </c>
      <c r="KR27" s="345">
        <v>217280</v>
      </c>
      <c r="KS27" s="345">
        <v>0</v>
      </c>
      <c r="KT27" s="345">
        <v>0</v>
      </c>
      <c r="KU27" s="345">
        <v>0</v>
      </c>
      <c r="KV27" s="345">
        <v>0</v>
      </c>
      <c r="KW27" s="349">
        <v>217280</v>
      </c>
      <c r="KX27" s="347">
        <v>217280</v>
      </c>
      <c r="KY27" s="348">
        <v>0</v>
      </c>
      <c r="KZ27" s="345">
        <v>0</v>
      </c>
      <c r="LA27" s="349">
        <v>0</v>
      </c>
      <c r="LB27" s="404">
        <v>0</v>
      </c>
      <c r="LC27" s="345">
        <v>0</v>
      </c>
      <c r="LD27" s="345">
        <v>0</v>
      </c>
      <c r="LE27" s="345">
        <v>0</v>
      </c>
      <c r="LF27" s="345">
        <v>0</v>
      </c>
      <c r="LG27" s="345">
        <v>0</v>
      </c>
      <c r="LH27" s="349">
        <v>0</v>
      </c>
      <c r="LI27" s="350">
        <v>0</v>
      </c>
      <c r="LJ27" s="348">
        <v>0</v>
      </c>
      <c r="LK27" s="345">
        <v>0</v>
      </c>
      <c r="LL27" s="349">
        <v>0</v>
      </c>
      <c r="LM27" s="404">
        <v>0</v>
      </c>
      <c r="LN27" s="345">
        <v>0</v>
      </c>
      <c r="LO27" s="345">
        <v>0</v>
      </c>
      <c r="LP27" s="345">
        <v>0</v>
      </c>
      <c r="LQ27" s="345">
        <v>0</v>
      </c>
      <c r="LR27" s="345">
        <v>0</v>
      </c>
      <c r="LS27" s="349">
        <v>0</v>
      </c>
      <c r="LT27" s="347">
        <v>0</v>
      </c>
      <c r="LU27" s="348">
        <v>0</v>
      </c>
      <c r="LV27" s="345">
        <v>0</v>
      </c>
      <c r="LW27" s="349">
        <v>0</v>
      </c>
      <c r="LX27" s="404">
        <v>0</v>
      </c>
      <c r="LY27" s="345">
        <v>0</v>
      </c>
      <c r="LZ27" s="345">
        <v>0</v>
      </c>
      <c r="MA27" s="345">
        <v>0</v>
      </c>
      <c r="MB27" s="345">
        <v>0</v>
      </c>
      <c r="MC27" s="345">
        <v>0</v>
      </c>
      <c r="MD27" s="349">
        <v>0</v>
      </c>
      <c r="ME27" s="350">
        <v>0</v>
      </c>
      <c r="MF27" s="348">
        <v>0</v>
      </c>
      <c r="MG27" s="345">
        <v>0</v>
      </c>
      <c r="MH27" s="349">
        <v>0</v>
      </c>
      <c r="MI27" s="404">
        <v>0</v>
      </c>
      <c r="MJ27" s="345">
        <v>247978</v>
      </c>
      <c r="MK27" s="345">
        <v>421492</v>
      </c>
      <c r="ML27" s="345">
        <v>479527</v>
      </c>
      <c r="MM27" s="345">
        <v>257408</v>
      </c>
      <c r="MN27" s="345">
        <v>289593</v>
      </c>
      <c r="MO27" s="349">
        <v>1695998</v>
      </c>
      <c r="MP27" s="354">
        <v>1695998</v>
      </c>
      <c r="MQ27" s="348">
        <v>0</v>
      </c>
      <c r="MR27" s="345">
        <v>0</v>
      </c>
      <c r="MS27" s="349">
        <v>0</v>
      </c>
      <c r="MT27" s="404">
        <v>0</v>
      </c>
      <c r="MU27" s="345">
        <v>0</v>
      </c>
      <c r="MV27" s="345">
        <v>205437</v>
      </c>
      <c r="MW27" s="345">
        <v>209568</v>
      </c>
      <c r="MX27" s="345">
        <v>0</v>
      </c>
      <c r="MY27" s="345">
        <v>0</v>
      </c>
      <c r="MZ27" s="349">
        <v>415005</v>
      </c>
      <c r="NA27" s="354">
        <v>415005</v>
      </c>
      <c r="NB27" s="348">
        <v>0</v>
      </c>
      <c r="NC27" s="345">
        <v>0</v>
      </c>
      <c r="ND27" s="349">
        <v>0</v>
      </c>
      <c r="NE27" s="404">
        <v>0</v>
      </c>
      <c r="NF27" s="345">
        <v>247978</v>
      </c>
      <c r="NG27" s="345">
        <v>216055</v>
      </c>
      <c r="NH27" s="345">
        <v>269959</v>
      </c>
      <c r="NI27" s="345">
        <v>257408</v>
      </c>
      <c r="NJ27" s="345">
        <v>289593</v>
      </c>
      <c r="NK27" s="349">
        <v>1280993</v>
      </c>
      <c r="NL27" s="347">
        <v>1280993</v>
      </c>
      <c r="NM27" s="348">
        <v>0</v>
      </c>
      <c r="NN27" s="345">
        <v>0</v>
      </c>
      <c r="NO27" s="349">
        <v>0</v>
      </c>
      <c r="NP27" s="404">
        <v>0</v>
      </c>
      <c r="NQ27" s="345">
        <v>0</v>
      </c>
      <c r="NR27" s="345">
        <v>0</v>
      </c>
      <c r="NS27" s="345">
        <v>0</v>
      </c>
      <c r="NT27" s="345">
        <v>0</v>
      </c>
      <c r="NU27" s="345">
        <v>0</v>
      </c>
      <c r="NV27" s="349">
        <v>0</v>
      </c>
      <c r="NW27" s="350">
        <v>0</v>
      </c>
      <c r="NX27" s="348">
        <v>0</v>
      </c>
      <c r="NY27" s="345">
        <v>0</v>
      </c>
      <c r="NZ27" s="349">
        <v>0</v>
      </c>
      <c r="OA27" s="404">
        <v>0</v>
      </c>
      <c r="OB27" s="345">
        <v>0</v>
      </c>
      <c r="OC27" s="345">
        <v>0</v>
      </c>
      <c r="OD27" s="345">
        <v>0</v>
      </c>
      <c r="OE27" s="345">
        <v>0</v>
      </c>
      <c r="OF27" s="345">
        <v>0</v>
      </c>
      <c r="OG27" s="349">
        <v>0</v>
      </c>
      <c r="OH27" s="350">
        <v>0</v>
      </c>
      <c r="OI27" s="348">
        <v>47488</v>
      </c>
      <c r="OJ27" s="345">
        <v>64708</v>
      </c>
      <c r="OK27" s="346">
        <v>112196</v>
      </c>
      <c r="OL27" s="351">
        <v>0</v>
      </c>
      <c r="OM27" s="345">
        <v>1905276</v>
      </c>
      <c r="ON27" s="345">
        <v>1752919</v>
      </c>
      <c r="OO27" s="345">
        <v>1502339</v>
      </c>
      <c r="OP27" s="345">
        <v>2123611</v>
      </c>
      <c r="OQ27" s="345">
        <v>2043176</v>
      </c>
      <c r="OR27" s="349">
        <v>9327321</v>
      </c>
      <c r="OS27" s="354">
        <v>9439517</v>
      </c>
    </row>
    <row r="28" spans="2:409" s="70" customFormat="1" ht="21" customHeight="1" x14ac:dyDescent="0.2">
      <c r="B28" s="106" t="s">
        <v>23</v>
      </c>
      <c r="C28" s="326">
        <v>132123</v>
      </c>
      <c r="D28" s="327">
        <v>318623</v>
      </c>
      <c r="E28" s="328">
        <v>450746</v>
      </c>
      <c r="F28" s="329">
        <v>0</v>
      </c>
      <c r="G28" s="327">
        <v>755043</v>
      </c>
      <c r="H28" s="327">
        <v>3362153</v>
      </c>
      <c r="I28" s="327">
        <v>2488724</v>
      </c>
      <c r="J28" s="327">
        <v>1564252</v>
      </c>
      <c r="K28" s="327">
        <v>1909350</v>
      </c>
      <c r="L28" s="367">
        <v>10079522</v>
      </c>
      <c r="M28" s="330">
        <v>10530268</v>
      </c>
      <c r="N28" s="326">
        <v>80737</v>
      </c>
      <c r="O28" s="327">
        <v>174320</v>
      </c>
      <c r="P28" s="328">
        <v>255057</v>
      </c>
      <c r="Q28" s="326">
        <v>0</v>
      </c>
      <c r="R28" s="327">
        <v>158085</v>
      </c>
      <c r="S28" s="327">
        <v>605012</v>
      </c>
      <c r="T28" s="327">
        <v>997827</v>
      </c>
      <c r="U28" s="327">
        <v>405362</v>
      </c>
      <c r="V28" s="327">
        <v>632456</v>
      </c>
      <c r="W28" s="328">
        <v>2798742</v>
      </c>
      <c r="X28" s="330">
        <v>3053799</v>
      </c>
      <c r="Y28" s="326">
        <v>0</v>
      </c>
      <c r="Z28" s="327">
        <v>0</v>
      </c>
      <c r="AA28" s="328">
        <v>0</v>
      </c>
      <c r="AB28" s="326">
        <v>0</v>
      </c>
      <c r="AC28" s="327">
        <v>49890</v>
      </c>
      <c r="AD28" s="327">
        <v>78844</v>
      </c>
      <c r="AE28" s="327">
        <v>335067</v>
      </c>
      <c r="AF28" s="327">
        <v>23659</v>
      </c>
      <c r="AG28" s="327">
        <v>427983</v>
      </c>
      <c r="AH28" s="328">
        <v>915443</v>
      </c>
      <c r="AI28" s="330">
        <v>915443</v>
      </c>
      <c r="AJ28" s="326">
        <v>0</v>
      </c>
      <c r="AK28" s="327">
        <v>0</v>
      </c>
      <c r="AL28" s="328">
        <v>0</v>
      </c>
      <c r="AM28" s="326">
        <v>0</v>
      </c>
      <c r="AN28" s="327">
        <v>0</v>
      </c>
      <c r="AO28" s="327">
        <v>0</v>
      </c>
      <c r="AP28" s="327">
        <v>50437</v>
      </c>
      <c r="AQ28" s="327">
        <v>93193</v>
      </c>
      <c r="AR28" s="327">
        <v>0</v>
      </c>
      <c r="AS28" s="328">
        <v>143630</v>
      </c>
      <c r="AT28" s="330">
        <v>143630</v>
      </c>
      <c r="AU28" s="326">
        <v>67521</v>
      </c>
      <c r="AV28" s="327">
        <v>143709</v>
      </c>
      <c r="AW28" s="328">
        <v>211230</v>
      </c>
      <c r="AX28" s="326">
        <v>0</v>
      </c>
      <c r="AY28" s="327">
        <v>71781</v>
      </c>
      <c r="AZ28" s="327">
        <v>422851</v>
      </c>
      <c r="BA28" s="327">
        <v>466765</v>
      </c>
      <c r="BB28" s="327">
        <v>167620</v>
      </c>
      <c r="BC28" s="327">
        <v>58397</v>
      </c>
      <c r="BD28" s="328">
        <v>1187414</v>
      </c>
      <c r="BE28" s="330">
        <v>1398644</v>
      </c>
      <c r="BF28" s="326">
        <v>0</v>
      </c>
      <c r="BG28" s="327">
        <v>17997</v>
      </c>
      <c r="BH28" s="331">
        <v>17997</v>
      </c>
      <c r="BI28" s="332">
        <v>0</v>
      </c>
      <c r="BJ28" s="327">
        <v>0</v>
      </c>
      <c r="BK28" s="327">
        <v>38350</v>
      </c>
      <c r="BL28" s="327">
        <v>0</v>
      </c>
      <c r="BM28" s="327">
        <v>0</v>
      </c>
      <c r="BN28" s="327">
        <v>0</v>
      </c>
      <c r="BO28" s="328">
        <v>38350</v>
      </c>
      <c r="BP28" s="330">
        <v>56347</v>
      </c>
      <c r="BQ28" s="326">
        <v>13216</v>
      </c>
      <c r="BR28" s="327">
        <v>12614</v>
      </c>
      <c r="BS28" s="328">
        <v>25830</v>
      </c>
      <c r="BT28" s="326">
        <v>0</v>
      </c>
      <c r="BU28" s="327">
        <v>36414</v>
      </c>
      <c r="BV28" s="327">
        <v>64967</v>
      </c>
      <c r="BW28" s="327">
        <v>145558</v>
      </c>
      <c r="BX28" s="327">
        <v>120890</v>
      </c>
      <c r="BY28" s="327">
        <v>146076</v>
      </c>
      <c r="BZ28" s="328">
        <v>513905</v>
      </c>
      <c r="CA28" s="330">
        <v>539735</v>
      </c>
      <c r="CB28" s="326">
        <v>0</v>
      </c>
      <c r="CC28" s="327">
        <v>0</v>
      </c>
      <c r="CD28" s="328">
        <v>0</v>
      </c>
      <c r="CE28" s="326">
        <v>0</v>
      </c>
      <c r="CF28" s="327">
        <v>308571</v>
      </c>
      <c r="CG28" s="327">
        <v>696177</v>
      </c>
      <c r="CH28" s="327">
        <v>791852</v>
      </c>
      <c r="CI28" s="327">
        <v>110668</v>
      </c>
      <c r="CJ28" s="327">
        <v>211355</v>
      </c>
      <c r="CK28" s="328">
        <v>2118623</v>
      </c>
      <c r="CL28" s="330">
        <v>2118623</v>
      </c>
      <c r="CM28" s="326">
        <v>0</v>
      </c>
      <c r="CN28" s="327">
        <v>0</v>
      </c>
      <c r="CO28" s="328">
        <v>0</v>
      </c>
      <c r="CP28" s="332">
        <v>0</v>
      </c>
      <c r="CQ28" s="327">
        <v>308571</v>
      </c>
      <c r="CR28" s="327">
        <v>696177</v>
      </c>
      <c r="CS28" s="327">
        <v>480309</v>
      </c>
      <c r="CT28" s="327">
        <v>110668</v>
      </c>
      <c r="CU28" s="327">
        <v>107888</v>
      </c>
      <c r="CV28" s="328">
        <v>1703613</v>
      </c>
      <c r="CW28" s="330">
        <v>1703613</v>
      </c>
      <c r="CX28" s="326">
        <v>0</v>
      </c>
      <c r="CY28" s="327">
        <v>0</v>
      </c>
      <c r="CZ28" s="328">
        <v>0</v>
      </c>
      <c r="DA28" s="326">
        <v>0</v>
      </c>
      <c r="DB28" s="327">
        <v>0</v>
      </c>
      <c r="DC28" s="327">
        <v>0</v>
      </c>
      <c r="DD28" s="327">
        <v>311543</v>
      </c>
      <c r="DE28" s="327">
        <v>0</v>
      </c>
      <c r="DF28" s="327">
        <v>103467</v>
      </c>
      <c r="DG28" s="328">
        <v>415010</v>
      </c>
      <c r="DH28" s="330">
        <v>415010</v>
      </c>
      <c r="DI28" s="326">
        <v>0</v>
      </c>
      <c r="DJ28" s="327">
        <v>0</v>
      </c>
      <c r="DK28" s="331">
        <v>0</v>
      </c>
      <c r="DL28" s="332">
        <v>0</v>
      </c>
      <c r="DM28" s="327">
        <v>101845</v>
      </c>
      <c r="DN28" s="327">
        <v>857285</v>
      </c>
      <c r="DO28" s="327">
        <v>129858</v>
      </c>
      <c r="DP28" s="327">
        <v>0</v>
      </c>
      <c r="DQ28" s="327">
        <v>39339</v>
      </c>
      <c r="DR28" s="328">
        <v>1128327</v>
      </c>
      <c r="DS28" s="330">
        <v>1128327</v>
      </c>
      <c r="DT28" s="326">
        <v>0</v>
      </c>
      <c r="DU28" s="327">
        <v>0</v>
      </c>
      <c r="DV28" s="328">
        <v>0</v>
      </c>
      <c r="DW28" s="326">
        <v>0</v>
      </c>
      <c r="DX28" s="327">
        <v>101845</v>
      </c>
      <c r="DY28" s="327">
        <v>857285</v>
      </c>
      <c r="DZ28" s="327">
        <v>129858</v>
      </c>
      <c r="EA28" s="327">
        <v>0</v>
      </c>
      <c r="EB28" s="327">
        <v>0</v>
      </c>
      <c r="EC28" s="328">
        <v>1088988</v>
      </c>
      <c r="ED28" s="330">
        <v>1088988</v>
      </c>
      <c r="EE28" s="326">
        <v>0</v>
      </c>
      <c r="EF28" s="331">
        <v>0</v>
      </c>
      <c r="EG28" s="328">
        <v>0</v>
      </c>
      <c r="EH28" s="326">
        <v>0</v>
      </c>
      <c r="EI28" s="327">
        <v>0</v>
      </c>
      <c r="EJ28" s="327">
        <v>0</v>
      </c>
      <c r="EK28" s="327">
        <v>0</v>
      </c>
      <c r="EL28" s="327">
        <v>0</v>
      </c>
      <c r="EM28" s="327">
        <v>39339</v>
      </c>
      <c r="EN28" s="331">
        <v>39339</v>
      </c>
      <c r="EO28" s="330">
        <v>39339</v>
      </c>
      <c r="EP28" s="326">
        <v>0</v>
      </c>
      <c r="EQ28" s="327">
        <v>0</v>
      </c>
      <c r="ER28" s="331">
        <v>0</v>
      </c>
      <c r="ES28" s="332">
        <v>0</v>
      </c>
      <c r="ET28" s="327">
        <v>0</v>
      </c>
      <c r="EU28" s="327">
        <v>0</v>
      </c>
      <c r="EV28" s="327">
        <v>0</v>
      </c>
      <c r="EW28" s="327">
        <v>0</v>
      </c>
      <c r="EX28" s="327">
        <v>0</v>
      </c>
      <c r="EY28" s="328">
        <v>0</v>
      </c>
      <c r="EZ28" s="330">
        <v>0</v>
      </c>
      <c r="FA28" s="326">
        <v>0</v>
      </c>
      <c r="FB28" s="327">
        <v>0</v>
      </c>
      <c r="FC28" s="331">
        <v>0</v>
      </c>
      <c r="FD28" s="404">
        <v>0</v>
      </c>
      <c r="FE28" s="327">
        <v>0</v>
      </c>
      <c r="FF28" s="327">
        <v>0</v>
      </c>
      <c r="FG28" s="327">
        <v>0</v>
      </c>
      <c r="FH28" s="327">
        <v>0</v>
      </c>
      <c r="FI28" s="327">
        <v>0</v>
      </c>
      <c r="FJ28" s="328">
        <v>0</v>
      </c>
      <c r="FK28" s="330">
        <v>0</v>
      </c>
      <c r="FL28" s="326">
        <v>1540</v>
      </c>
      <c r="FM28" s="327">
        <v>63437</v>
      </c>
      <c r="FN28" s="328">
        <v>64977</v>
      </c>
      <c r="FO28" s="326">
        <v>0</v>
      </c>
      <c r="FP28" s="327">
        <v>45122</v>
      </c>
      <c r="FQ28" s="327">
        <v>350070</v>
      </c>
      <c r="FR28" s="327">
        <v>220066</v>
      </c>
      <c r="FS28" s="327">
        <v>84196</v>
      </c>
      <c r="FT28" s="327">
        <v>101871</v>
      </c>
      <c r="FU28" s="328">
        <v>801325</v>
      </c>
      <c r="FV28" s="330">
        <v>866302</v>
      </c>
      <c r="FW28" s="333">
        <v>1540</v>
      </c>
      <c r="FX28" s="327">
        <v>50232</v>
      </c>
      <c r="FY28" s="331">
        <v>51772</v>
      </c>
      <c r="FZ28" s="332">
        <v>0</v>
      </c>
      <c r="GA28" s="327">
        <v>45122</v>
      </c>
      <c r="GB28" s="327">
        <v>208166</v>
      </c>
      <c r="GC28" s="327">
        <v>220066</v>
      </c>
      <c r="GD28" s="327">
        <v>84196</v>
      </c>
      <c r="GE28" s="327">
        <v>101871</v>
      </c>
      <c r="GF28" s="328">
        <v>659421</v>
      </c>
      <c r="GG28" s="334">
        <v>711193</v>
      </c>
      <c r="GH28" s="333">
        <v>0</v>
      </c>
      <c r="GI28" s="327">
        <v>13205</v>
      </c>
      <c r="GJ28" s="331">
        <v>13205</v>
      </c>
      <c r="GK28" s="332">
        <v>0</v>
      </c>
      <c r="GL28" s="327">
        <v>0</v>
      </c>
      <c r="GM28" s="327">
        <v>0</v>
      </c>
      <c r="GN28" s="327">
        <v>0</v>
      </c>
      <c r="GO28" s="327">
        <v>0</v>
      </c>
      <c r="GP28" s="327">
        <v>0</v>
      </c>
      <c r="GQ28" s="328">
        <v>0</v>
      </c>
      <c r="GR28" s="330">
        <v>13205</v>
      </c>
      <c r="GS28" s="326">
        <v>0</v>
      </c>
      <c r="GT28" s="327">
        <v>0</v>
      </c>
      <c r="GU28" s="328">
        <v>0</v>
      </c>
      <c r="GV28" s="326">
        <v>0</v>
      </c>
      <c r="GW28" s="327">
        <v>0</v>
      </c>
      <c r="GX28" s="327">
        <v>141904</v>
      </c>
      <c r="GY28" s="327">
        <v>0</v>
      </c>
      <c r="GZ28" s="327">
        <v>0</v>
      </c>
      <c r="HA28" s="327">
        <v>0</v>
      </c>
      <c r="HB28" s="331">
        <v>141904</v>
      </c>
      <c r="HC28" s="330">
        <v>141904</v>
      </c>
      <c r="HD28" s="326">
        <v>49846</v>
      </c>
      <c r="HE28" s="327">
        <v>80866</v>
      </c>
      <c r="HF28" s="331">
        <v>130712</v>
      </c>
      <c r="HG28" s="332">
        <v>0</v>
      </c>
      <c r="HH28" s="327">
        <v>141420</v>
      </c>
      <c r="HI28" s="327">
        <v>853609</v>
      </c>
      <c r="HJ28" s="327">
        <v>349121</v>
      </c>
      <c r="HK28" s="327">
        <v>964026</v>
      </c>
      <c r="HL28" s="327">
        <v>924329</v>
      </c>
      <c r="HM28" s="328">
        <v>3232505</v>
      </c>
      <c r="HN28" s="329">
        <v>3363217</v>
      </c>
      <c r="HO28" s="333">
        <v>0</v>
      </c>
      <c r="HP28" s="327">
        <v>0</v>
      </c>
      <c r="HQ28" s="328">
        <v>0</v>
      </c>
      <c r="HR28" s="326">
        <v>0</v>
      </c>
      <c r="HS28" s="327">
        <v>0</v>
      </c>
      <c r="HT28" s="327">
        <v>0</v>
      </c>
      <c r="HU28" s="327">
        <v>0</v>
      </c>
      <c r="HV28" s="327">
        <v>0</v>
      </c>
      <c r="HW28" s="327">
        <v>0</v>
      </c>
      <c r="HX28" s="331">
        <v>0</v>
      </c>
      <c r="HY28" s="330">
        <v>0</v>
      </c>
      <c r="HZ28" s="358">
        <v>0</v>
      </c>
      <c r="IA28" s="356">
        <v>0</v>
      </c>
      <c r="IB28" s="358">
        <v>0</v>
      </c>
      <c r="IC28" s="355">
        <v>0</v>
      </c>
      <c r="ID28" s="356">
        <v>318578</v>
      </c>
      <c r="IE28" s="357">
        <v>234497</v>
      </c>
      <c r="IF28" s="358">
        <v>503233</v>
      </c>
      <c r="IG28" s="356">
        <v>251695</v>
      </c>
      <c r="IH28" s="358">
        <v>693280</v>
      </c>
      <c r="II28" s="359">
        <v>2001283</v>
      </c>
      <c r="IJ28" s="358">
        <v>2001283</v>
      </c>
      <c r="IK28" s="342">
        <v>0</v>
      </c>
      <c r="IL28" s="343">
        <v>0</v>
      </c>
      <c r="IM28" s="344">
        <v>0</v>
      </c>
      <c r="IN28" s="404">
        <v>0</v>
      </c>
      <c r="IO28" s="345">
        <v>0</v>
      </c>
      <c r="IP28" s="345">
        <v>0</v>
      </c>
      <c r="IQ28" s="345">
        <v>0</v>
      </c>
      <c r="IR28" s="345">
        <v>0</v>
      </c>
      <c r="IS28" s="345">
        <v>278616</v>
      </c>
      <c r="IT28" s="346">
        <v>278616</v>
      </c>
      <c r="IU28" s="347">
        <v>278616</v>
      </c>
      <c r="IV28" s="348">
        <v>0</v>
      </c>
      <c r="IW28" s="345">
        <v>0</v>
      </c>
      <c r="IX28" s="349">
        <v>0</v>
      </c>
      <c r="IY28" s="404">
        <v>0</v>
      </c>
      <c r="IZ28" s="345">
        <v>0</v>
      </c>
      <c r="JA28" s="345">
        <v>0</v>
      </c>
      <c r="JB28" s="345">
        <v>0</v>
      </c>
      <c r="JC28" s="345">
        <v>0</v>
      </c>
      <c r="JD28" s="345">
        <v>0</v>
      </c>
      <c r="JE28" s="349">
        <v>0</v>
      </c>
      <c r="JF28" s="350">
        <v>0</v>
      </c>
      <c r="JG28" s="348">
        <v>0</v>
      </c>
      <c r="JH28" s="345">
        <v>0</v>
      </c>
      <c r="JI28" s="346">
        <v>0</v>
      </c>
      <c r="JJ28" s="351">
        <v>0</v>
      </c>
      <c r="JK28" s="345">
        <v>102414</v>
      </c>
      <c r="JL28" s="345">
        <v>120806</v>
      </c>
      <c r="JM28" s="345">
        <v>36933</v>
      </c>
      <c r="JN28" s="345">
        <v>0</v>
      </c>
      <c r="JO28" s="345">
        <v>0</v>
      </c>
      <c r="JP28" s="349">
        <v>260153</v>
      </c>
      <c r="JQ28" s="347">
        <v>260153</v>
      </c>
      <c r="JR28" s="348">
        <v>0</v>
      </c>
      <c r="JS28" s="345">
        <v>0</v>
      </c>
      <c r="JT28" s="346">
        <v>0</v>
      </c>
      <c r="JU28" s="351">
        <v>0</v>
      </c>
      <c r="JV28" s="345">
        <v>0</v>
      </c>
      <c r="JW28" s="345">
        <v>0</v>
      </c>
      <c r="JX28" s="345">
        <v>0</v>
      </c>
      <c r="JY28" s="345">
        <v>0</v>
      </c>
      <c r="JZ28" s="345">
        <v>0</v>
      </c>
      <c r="KA28" s="349">
        <v>0</v>
      </c>
      <c r="KB28" s="347">
        <v>0</v>
      </c>
      <c r="KC28" s="352">
        <v>0</v>
      </c>
      <c r="KD28" s="353">
        <v>0</v>
      </c>
      <c r="KE28" s="349">
        <v>0</v>
      </c>
      <c r="KF28" s="351">
        <v>0</v>
      </c>
      <c r="KG28" s="345">
        <v>0</v>
      </c>
      <c r="KH28" s="345">
        <v>0</v>
      </c>
      <c r="KI28" s="345">
        <v>0</v>
      </c>
      <c r="KJ28" s="345">
        <v>0</v>
      </c>
      <c r="KK28" s="345">
        <v>0</v>
      </c>
      <c r="KL28" s="349">
        <v>0</v>
      </c>
      <c r="KM28" s="354">
        <v>0</v>
      </c>
      <c r="KN28" s="342">
        <v>0</v>
      </c>
      <c r="KO28" s="343">
        <v>0</v>
      </c>
      <c r="KP28" s="344">
        <v>0</v>
      </c>
      <c r="KQ28" s="404">
        <v>0</v>
      </c>
      <c r="KR28" s="345">
        <v>216164</v>
      </c>
      <c r="KS28" s="345">
        <v>0</v>
      </c>
      <c r="KT28" s="345">
        <v>466300</v>
      </c>
      <c r="KU28" s="345">
        <v>0</v>
      </c>
      <c r="KV28" s="345">
        <v>414664</v>
      </c>
      <c r="KW28" s="349">
        <v>1097128</v>
      </c>
      <c r="KX28" s="347">
        <v>1097128</v>
      </c>
      <c r="KY28" s="348">
        <v>0</v>
      </c>
      <c r="KZ28" s="345">
        <v>0</v>
      </c>
      <c r="LA28" s="349">
        <v>0</v>
      </c>
      <c r="LB28" s="404">
        <v>0</v>
      </c>
      <c r="LC28" s="345">
        <v>0</v>
      </c>
      <c r="LD28" s="345">
        <v>0</v>
      </c>
      <c r="LE28" s="345">
        <v>0</v>
      </c>
      <c r="LF28" s="345">
        <v>0</v>
      </c>
      <c r="LG28" s="345">
        <v>0</v>
      </c>
      <c r="LH28" s="349">
        <v>0</v>
      </c>
      <c r="LI28" s="350">
        <v>0</v>
      </c>
      <c r="LJ28" s="348">
        <v>0</v>
      </c>
      <c r="LK28" s="345">
        <v>0</v>
      </c>
      <c r="LL28" s="349">
        <v>0</v>
      </c>
      <c r="LM28" s="404">
        <v>0</v>
      </c>
      <c r="LN28" s="345">
        <v>0</v>
      </c>
      <c r="LO28" s="345">
        <v>0</v>
      </c>
      <c r="LP28" s="345">
        <v>0</v>
      </c>
      <c r="LQ28" s="345">
        <v>0</v>
      </c>
      <c r="LR28" s="345">
        <v>0</v>
      </c>
      <c r="LS28" s="349">
        <v>0</v>
      </c>
      <c r="LT28" s="347">
        <v>0</v>
      </c>
      <c r="LU28" s="348">
        <v>0</v>
      </c>
      <c r="LV28" s="345">
        <v>0</v>
      </c>
      <c r="LW28" s="349">
        <v>0</v>
      </c>
      <c r="LX28" s="404">
        <v>0</v>
      </c>
      <c r="LY28" s="345">
        <v>0</v>
      </c>
      <c r="LZ28" s="345">
        <v>113691</v>
      </c>
      <c r="MA28" s="345">
        <v>0</v>
      </c>
      <c r="MB28" s="345">
        <v>251695</v>
      </c>
      <c r="MC28" s="345">
        <v>0</v>
      </c>
      <c r="MD28" s="349">
        <v>365386</v>
      </c>
      <c r="ME28" s="350">
        <v>365386</v>
      </c>
      <c r="MF28" s="348">
        <v>0</v>
      </c>
      <c r="MG28" s="345">
        <v>0</v>
      </c>
      <c r="MH28" s="349">
        <v>0</v>
      </c>
      <c r="MI28" s="404">
        <v>0</v>
      </c>
      <c r="MJ28" s="345">
        <v>114969</v>
      </c>
      <c r="MK28" s="345">
        <v>0</v>
      </c>
      <c r="ML28" s="345">
        <v>1424285</v>
      </c>
      <c r="MM28" s="345">
        <v>478991</v>
      </c>
      <c r="MN28" s="345">
        <v>1746601</v>
      </c>
      <c r="MO28" s="349">
        <v>3764846</v>
      </c>
      <c r="MP28" s="354">
        <v>3764846</v>
      </c>
      <c r="MQ28" s="348">
        <v>0</v>
      </c>
      <c r="MR28" s="345">
        <v>0</v>
      </c>
      <c r="MS28" s="349">
        <v>0</v>
      </c>
      <c r="MT28" s="404">
        <v>0</v>
      </c>
      <c r="MU28" s="345">
        <v>0</v>
      </c>
      <c r="MV28" s="345">
        <v>0</v>
      </c>
      <c r="MW28" s="345">
        <v>1125787</v>
      </c>
      <c r="MX28" s="345">
        <v>266250</v>
      </c>
      <c r="MY28" s="345">
        <v>508288</v>
      </c>
      <c r="MZ28" s="349">
        <v>1900325</v>
      </c>
      <c r="NA28" s="354">
        <v>1900325</v>
      </c>
      <c r="NB28" s="348">
        <v>0</v>
      </c>
      <c r="NC28" s="345">
        <v>0</v>
      </c>
      <c r="ND28" s="349">
        <v>0</v>
      </c>
      <c r="NE28" s="404">
        <v>0</v>
      </c>
      <c r="NF28" s="345">
        <v>114969</v>
      </c>
      <c r="NG28" s="345">
        <v>0</v>
      </c>
      <c r="NH28" s="345">
        <v>298498</v>
      </c>
      <c r="NI28" s="345">
        <v>212741</v>
      </c>
      <c r="NJ28" s="345">
        <v>896120</v>
      </c>
      <c r="NK28" s="349">
        <v>1522328</v>
      </c>
      <c r="NL28" s="347">
        <v>1522328</v>
      </c>
      <c r="NM28" s="348">
        <v>0</v>
      </c>
      <c r="NN28" s="345">
        <v>0</v>
      </c>
      <c r="NO28" s="349">
        <v>0</v>
      </c>
      <c r="NP28" s="404">
        <v>0</v>
      </c>
      <c r="NQ28" s="345">
        <v>0</v>
      </c>
      <c r="NR28" s="345">
        <v>0</v>
      </c>
      <c r="NS28" s="345">
        <v>0</v>
      </c>
      <c r="NT28" s="345">
        <v>0</v>
      </c>
      <c r="NU28" s="345">
        <v>0</v>
      </c>
      <c r="NV28" s="349">
        <v>0</v>
      </c>
      <c r="NW28" s="350">
        <v>0</v>
      </c>
      <c r="NX28" s="348">
        <v>0</v>
      </c>
      <c r="NY28" s="345">
        <v>0</v>
      </c>
      <c r="NZ28" s="349">
        <v>0</v>
      </c>
      <c r="OA28" s="404">
        <v>0</v>
      </c>
      <c r="OB28" s="345">
        <v>0</v>
      </c>
      <c r="OC28" s="345">
        <v>0</v>
      </c>
      <c r="OD28" s="345">
        <v>0</v>
      </c>
      <c r="OE28" s="345">
        <v>0</v>
      </c>
      <c r="OF28" s="345">
        <v>342193</v>
      </c>
      <c r="OG28" s="349">
        <v>342193</v>
      </c>
      <c r="OH28" s="350">
        <v>342193</v>
      </c>
      <c r="OI28" s="348">
        <v>132123</v>
      </c>
      <c r="OJ28" s="345">
        <v>318623</v>
      </c>
      <c r="OK28" s="346">
        <v>450746</v>
      </c>
      <c r="OL28" s="351">
        <v>0</v>
      </c>
      <c r="OM28" s="345">
        <v>1188590</v>
      </c>
      <c r="ON28" s="345">
        <v>3596650</v>
      </c>
      <c r="OO28" s="345">
        <v>4416242</v>
      </c>
      <c r="OP28" s="345">
        <v>2294938</v>
      </c>
      <c r="OQ28" s="345">
        <v>4349231</v>
      </c>
      <c r="OR28" s="349">
        <v>15845651</v>
      </c>
      <c r="OS28" s="354">
        <v>16296397</v>
      </c>
    </row>
    <row r="29" spans="2:409" s="70" customFormat="1" ht="21" customHeight="1" x14ac:dyDescent="0.2">
      <c r="B29" s="106" t="s">
        <v>24</v>
      </c>
      <c r="C29" s="326">
        <v>413216</v>
      </c>
      <c r="D29" s="327">
        <v>245484</v>
      </c>
      <c r="E29" s="328">
        <v>658700</v>
      </c>
      <c r="F29" s="329">
        <v>0</v>
      </c>
      <c r="G29" s="327">
        <v>2317972</v>
      </c>
      <c r="H29" s="327">
        <v>2200394</v>
      </c>
      <c r="I29" s="327">
        <v>1419472</v>
      </c>
      <c r="J29" s="327">
        <v>1874683</v>
      </c>
      <c r="K29" s="327">
        <v>2537099</v>
      </c>
      <c r="L29" s="367">
        <v>10349620</v>
      </c>
      <c r="M29" s="330">
        <v>11008320</v>
      </c>
      <c r="N29" s="326">
        <v>98383</v>
      </c>
      <c r="O29" s="327">
        <v>109092</v>
      </c>
      <c r="P29" s="328">
        <v>207475</v>
      </c>
      <c r="Q29" s="326">
        <v>0</v>
      </c>
      <c r="R29" s="327">
        <v>793140</v>
      </c>
      <c r="S29" s="327">
        <v>801592</v>
      </c>
      <c r="T29" s="327">
        <v>396928</v>
      </c>
      <c r="U29" s="327">
        <v>678079</v>
      </c>
      <c r="V29" s="327">
        <v>1153654</v>
      </c>
      <c r="W29" s="328">
        <v>3823393</v>
      </c>
      <c r="X29" s="330">
        <v>4030868</v>
      </c>
      <c r="Y29" s="326">
        <v>0</v>
      </c>
      <c r="Z29" s="327">
        <v>0</v>
      </c>
      <c r="AA29" s="328">
        <v>0</v>
      </c>
      <c r="AB29" s="326">
        <v>0</v>
      </c>
      <c r="AC29" s="327">
        <v>388302</v>
      </c>
      <c r="AD29" s="327">
        <v>327727</v>
      </c>
      <c r="AE29" s="327">
        <v>103891</v>
      </c>
      <c r="AF29" s="327">
        <v>339781</v>
      </c>
      <c r="AG29" s="327">
        <v>460533</v>
      </c>
      <c r="AH29" s="328">
        <v>1620234</v>
      </c>
      <c r="AI29" s="330">
        <v>1620234</v>
      </c>
      <c r="AJ29" s="326">
        <v>0</v>
      </c>
      <c r="AK29" s="327">
        <v>0</v>
      </c>
      <c r="AL29" s="328">
        <v>0</v>
      </c>
      <c r="AM29" s="326">
        <v>0</v>
      </c>
      <c r="AN29" s="327">
        <v>0</v>
      </c>
      <c r="AO29" s="327">
        <v>0</v>
      </c>
      <c r="AP29" s="327">
        <v>0</v>
      </c>
      <c r="AQ29" s="327">
        <v>33189</v>
      </c>
      <c r="AR29" s="327">
        <v>138452</v>
      </c>
      <c r="AS29" s="328">
        <v>171641</v>
      </c>
      <c r="AT29" s="330">
        <v>171641</v>
      </c>
      <c r="AU29" s="326">
        <v>48459</v>
      </c>
      <c r="AV29" s="327">
        <v>98571</v>
      </c>
      <c r="AW29" s="328">
        <v>147030</v>
      </c>
      <c r="AX29" s="326">
        <v>0</v>
      </c>
      <c r="AY29" s="327">
        <v>293335</v>
      </c>
      <c r="AZ29" s="327">
        <v>347914</v>
      </c>
      <c r="BA29" s="327">
        <v>160982</v>
      </c>
      <c r="BB29" s="327">
        <v>134505</v>
      </c>
      <c r="BC29" s="327">
        <v>301534</v>
      </c>
      <c r="BD29" s="328">
        <v>1238270</v>
      </c>
      <c r="BE29" s="330">
        <v>1385300</v>
      </c>
      <c r="BF29" s="326">
        <v>0</v>
      </c>
      <c r="BG29" s="327">
        <v>0</v>
      </c>
      <c r="BH29" s="331">
        <v>0</v>
      </c>
      <c r="BI29" s="332">
        <v>0</v>
      </c>
      <c r="BJ29" s="327">
        <v>0</v>
      </c>
      <c r="BK29" s="327">
        <v>0</v>
      </c>
      <c r="BL29" s="327">
        <v>0</v>
      </c>
      <c r="BM29" s="327">
        <v>0</v>
      </c>
      <c r="BN29" s="327">
        <v>19251</v>
      </c>
      <c r="BO29" s="328">
        <v>19251</v>
      </c>
      <c r="BP29" s="330">
        <v>19251</v>
      </c>
      <c r="BQ29" s="326">
        <v>49924</v>
      </c>
      <c r="BR29" s="327">
        <v>10521</v>
      </c>
      <c r="BS29" s="328">
        <v>60445</v>
      </c>
      <c r="BT29" s="326">
        <v>0</v>
      </c>
      <c r="BU29" s="327">
        <v>111503</v>
      </c>
      <c r="BV29" s="327">
        <v>125951</v>
      </c>
      <c r="BW29" s="327">
        <v>132055</v>
      </c>
      <c r="BX29" s="327">
        <v>170604</v>
      </c>
      <c r="BY29" s="327">
        <v>233884</v>
      </c>
      <c r="BZ29" s="328">
        <v>773997</v>
      </c>
      <c r="CA29" s="330">
        <v>834442</v>
      </c>
      <c r="CB29" s="326">
        <v>37527</v>
      </c>
      <c r="CC29" s="327">
        <v>34794</v>
      </c>
      <c r="CD29" s="328">
        <v>72321</v>
      </c>
      <c r="CE29" s="326">
        <v>0</v>
      </c>
      <c r="CF29" s="327">
        <v>625093</v>
      </c>
      <c r="CG29" s="327">
        <v>470514</v>
      </c>
      <c r="CH29" s="327">
        <v>159666</v>
      </c>
      <c r="CI29" s="327">
        <v>36428</v>
      </c>
      <c r="CJ29" s="327">
        <v>0</v>
      </c>
      <c r="CK29" s="328">
        <v>1291701</v>
      </c>
      <c r="CL29" s="330">
        <v>1364022</v>
      </c>
      <c r="CM29" s="326">
        <v>0</v>
      </c>
      <c r="CN29" s="327">
        <v>0</v>
      </c>
      <c r="CO29" s="328">
        <v>0</v>
      </c>
      <c r="CP29" s="332">
        <v>0</v>
      </c>
      <c r="CQ29" s="327">
        <v>293602</v>
      </c>
      <c r="CR29" s="327">
        <v>398721</v>
      </c>
      <c r="CS29" s="327">
        <v>159666</v>
      </c>
      <c r="CT29" s="327">
        <v>36428</v>
      </c>
      <c r="CU29" s="327">
        <v>0</v>
      </c>
      <c r="CV29" s="328">
        <v>888417</v>
      </c>
      <c r="CW29" s="330">
        <v>888417</v>
      </c>
      <c r="CX29" s="326">
        <v>37527</v>
      </c>
      <c r="CY29" s="327">
        <v>34794</v>
      </c>
      <c r="CZ29" s="328">
        <v>72321</v>
      </c>
      <c r="DA29" s="326">
        <v>0</v>
      </c>
      <c r="DB29" s="327">
        <v>331491</v>
      </c>
      <c r="DC29" s="327">
        <v>71793</v>
      </c>
      <c r="DD29" s="327">
        <v>0</v>
      </c>
      <c r="DE29" s="327">
        <v>0</v>
      </c>
      <c r="DF29" s="327">
        <v>0</v>
      </c>
      <c r="DG29" s="328">
        <v>403284</v>
      </c>
      <c r="DH29" s="330">
        <v>475605</v>
      </c>
      <c r="DI29" s="326">
        <v>0</v>
      </c>
      <c r="DJ29" s="327">
        <v>0</v>
      </c>
      <c r="DK29" s="331">
        <v>0</v>
      </c>
      <c r="DL29" s="332">
        <v>0</v>
      </c>
      <c r="DM29" s="327">
        <v>20146</v>
      </c>
      <c r="DN29" s="327">
        <v>107212</v>
      </c>
      <c r="DO29" s="327">
        <v>32833</v>
      </c>
      <c r="DP29" s="327">
        <v>0</v>
      </c>
      <c r="DQ29" s="327">
        <v>0</v>
      </c>
      <c r="DR29" s="328">
        <v>160191</v>
      </c>
      <c r="DS29" s="330">
        <v>160191</v>
      </c>
      <c r="DT29" s="326">
        <v>0</v>
      </c>
      <c r="DU29" s="327">
        <v>0</v>
      </c>
      <c r="DV29" s="328">
        <v>0</v>
      </c>
      <c r="DW29" s="326">
        <v>0</v>
      </c>
      <c r="DX29" s="327">
        <v>20146</v>
      </c>
      <c r="DY29" s="327">
        <v>107212</v>
      </c>
      <c r="DZ29" s="327">
        <v>32833</v>
      </c>
      <c r="EA29" s="327">
        <v>0</v>
      </c>
      <c r="EB29" s="327">
        <v>0</v>
      </c>
      <c r="EC29" s="328">
        <v>160191</v>
      </c>
      <c r="ED29" s="330">
        <v>160191</v>
      </c>
      <c r="EE29" s="326">
        <v>0</v>
      </c>
      <c r="EF29" s="331">
        <v>0</v>
      </c>
      <c r="EG29" s="328">
        <v>0</v>
      </c>
      <c r="EH29" s="326">
        <v>0</v>
      </c>
      <c r="EI29" s="327">
        <v>0</v>
      </c>
      <c r="EJ29" s="327">
        <v>0</v>
      </c>
      <c r="EK29" s="327">
        <v>0</v>
      </c>
      <c r="EL29" s="327">
        <v>0</v>
      </c>
      <c r="EM29" s="327">
        <v>0</v>
      </c>
      <c r="EN29" s="331">
        <v>0</v>
      </c>
      <c r="EO29" s="330">
        <v>0</v>
      </c>
      <c r="EP29" s="326">
        <v>0</v>
      </c>
      <c r="EQ29" s="327">
        <v>0</v>
      </c>
      <c r="ER29" s="331">
        <v>0</v>
      </c>
      <c r="ES29" s="332">
        <v>0</v>
      </c>
      <c r="ET29" s="327">
        <v>0</v>
      </c>
      <c r="EU29" s="327">
        <v>0</v>
      </c>
      <c r="EV29" s="327">
        <v>0</v>
      </c>
      <c r="EW29" s="327">
        <v>0</v>
      </c>
      <c r="EX29" s="327">
        <v>0</v>
      </c>
      <c r="EY29" s="328">
        <v>0</v>
      </c>
      <c r="EZ29" s="330">
        <v>0</v>
      </c>
      <c r="FA29" s="326">
        <v>0</v>
      </c>
      <c r="FB29" s="327">
        <v>0</v>
      </c>
      <c r="FC29" s="331">
        <v>0</v>
      </c>
      <c r="FD29" s="404">
        <v>0</v>
      </c>
      <c r="FE29" s="327">
        <v>0</v>
      </c>
      <c r="FF29" s="327">
        <v>0</v>
      </c>
      <c r="FG29" s="327">
        <v>0</v>
      </c>
      <c r="FH29" s="327">
        <v>0</v>
      </c>
      <c r="FI29" s="327">
        <v>0</v>
      </c>
      <c r="FJ29" s="328">
        <v>0</v>
      </c>
      <c r="FK29" s="330">
        <v>0</v>
      </c>
      <c r="FL29" s="326">
        <v>80836</v>
      </c>
      <c r="FM29" s="327">
        <v>28224</v>
      </c>
      <c r="FN29" s="328">
        <v>109060</v>
      </c>
      <c r="FO29" s="326">
        <v>0</v>
      </c>
      <c r="FP29" s="327">
        <v>98840</v>
      </c>
      <c r="FQ29" s="327">
        <v>325626</v>
      </c>
      <c r="FR29" s="327">
        <v>103047</v>
      </c>
      <c r="FS29" s="327">
        <v>71792</v>
      </c>
      <c r="FT29" s="327">
        <v>152341</v>
      </c>
      <c r="FU29" s="328">
        <v>751646</v>
      </c>
      <c r="FV29" s="330">
        <v>860706</v>
      </c>
      <c r="FW29" s="333">
        <v>27090</v>
      </c>
      <c r="FX29" s="327">
        <v>28224</v>
      </c>
      <c r="FY29" s="331">
        <v>55314</v>
      </c>
      <c r="FZ29" s="332">
        <v>0</v>
      </c>
      <c r="GA29" s="327">
        <v>98840</v>
      </c>
      <c r="GB29" s="327">
        <v>259126</v>
      </c>
      <c r="GC29" s="327">
        <v>81921</v>
      </c>
      <c r="GD29" s="327">
        <v>71792</v>
      </c>
      <c r="GE29" s="327">
        <v>152341</v>
      </c>
      <c r="GF29" s="328">
        <v>664020</v>
      </c>
      <c r="GG29" s="334">
        <v>719334</v>
      </c>
      <c r="GH29" s="333">
        <v>53746</v>
      </c>
      <c r="GI29" s="327">
        <v>0</v>
      </c>
      <c r="GJ29" s="331">
        <v>53746</v>
      </c>
      <c r="GK29" s="332">
        <v>0</v>
      </c>
      <c r="GL29" s="327">
        <v>0</v>
      </c>
      <c r="GM29" s="327">
        <v>42350</v>
      </c>
      <c r="GN29" s="327">
        <v>21126</v>
      </c>
      <c r="GO29" s="327">
        <v>0</v>
      </c>
      <c r="GP29" s="327">
        <v>0</v>
      </c>
      <c r="GQ29" s="328">
        <v>63476</v>
      </c>
      <c r="GR29" s="330">
        <v>117222</v>
      </c>
      <c r="GS29" s="326">
        <v>0</v>
      </c>
      <c r="GT29" s="327">
        <v>0</v>
      </c>
      <c r="GU29" s="328">
        <v>0</v>
      </c>
      <c r="GV29" s="326">
        <v>0</v>
      </c>
      <c r="GW29" s="327">
        <v>0</v>
      </c>
      <c r="GX29" s="327">
        <v>24150</v>
      </c>
      <c r="GY29" s="327">
        <v>0</v>
      </c>
      <c r="GZ29" s="327">
        <v>0</v>
      </c>
      <c r="HA29" s="327">
        <v>0</v>
      </c>
      <c r="HB29" s="331">
        <v>24150</v>
      </c>
      <c r="HC29" s="330">
        <v>24150</v>
      </c>
      <c r="HD29" s="326">
        <v>196470</v>
      </c>
      <c r="HE29" s="327">
        <v>73374</v>
      </c>
      <c r="HF29" s="331">
        <v>269844</v>
      </c>
      <c r="HG29" s="332">
        <v>0</v>
      </c>
      <c r="HH29" s="327">
        <v>780753</v>
      </c>
      <c r="HI29" s="327">
        <v>495450</v>
      </c>
      <c r="HJ29" s="327">
        <v>726998</v>
      </c>
      <c r="HK29" s="327">
        <v>1088384</v>
      </c>
      <c r="HL29" s="327">
        <v>1231104</v>
      </c>
      <c r="HM29" s="328">
        <v>4322689</v>
      </c>
      <c r="HN29" s="329">
        <v>4592533</v>
      </c>
      <c r="HO29" s="333">
        <v>0</v>
      </c>
      <c r="HP29" s="327">
        <v>0</v>
      </c>
      <c r="HQ29" s="328">
        <v>0</v>
      </c>
      <c r="HR29" s="326">
        <v>0</v>
      </c>
      <c r="HS29" s="327">
        <v>0</v>
      </c>
      <c r="HT29" s="327">
        <v>0</v>
      </c>
      <c r="HU29" s="327">
        <v>0</v>
      </c>
      <c r="HV29" s="327">
        <v>0</v>
      </c>
      <c r="HW29" s="327">
        <v>0</v>
      </c>
      <c r="HX29" s="331">
        <v>0</v>
      </c>
      <c r="HY29" s="330">
        <v>0</v>
      </c>
      <c r="HZ29" s="335">
        <v>0</v>
      </c>
      <c r="IA29" s="336">
        <v>0</v>
      </c>
      <c r="IB29" s="337">
        <v>0</v>
      </c>
      <c r="IC29" s="338">
        <v>0</v>
      </c>
      <c r="ID29" s="336">
        <v>249424</v>
      </c>
      <c r="IE29" s="339">
        <v>152245</v>
      </c>
      <c r="IF29" s="337">
        <v>0</v>
      </c>
      <c r="IG29" s="336">
        <v>443385</v>
      </c>
      <c r="IH29" s="337">
        <v>689674</v>
      </c>
      <c r="II29" s="340">
        <v>1534728</v>
      </c>
      <c r="IJ29" s="341">
        <v>1534728</v>
      </c>
      <c r="IK29" s="342">
        <v>0</v>
      </c>
      <c r="IL29" s="343">
        <v>0</v>
      </c>
      <c r="IM29" s="344">
        <v>0</v>
      </c>
      <c r="IN29" s="404">
        <v>0</v>
      </c>
      <c r="IO29" s="345">
        <v>57260</v>
      </c>
      <c r="IP29" s="345">
        <v>0</v>
      </c>
      <c r="IQ29" s="345">
        <v>0</v>
      </c>
      <c r="IR29" s="345">
        <v>194515</v>
      </c>
      <c r="IS29" s="345">
        <v>233702</v>
      </c>
      <c r="IT29" s="346">
        <v>485477</v>
      </c>
      <c r="IU29" s="347">
        <v>485477</v>
      </c>
      <c r="IV29" s="348">
        <v>0</v>
      </c>
      <c r="IW29" s="345">
        <v>0</v>
      </c>
      <c r="IX29" s="349">
        <v>0</v>
      </c>
      <c r="IY29" s="404">
        <v>0</v>
      </c>
      <c r="IZ29" s="345">
        <v>0</v>
      </c>
      <c r="JA29" s="345">
        <v>0</v>
      </c>
      <c r="JB29" s="345">
        <v>0</v>
      </c>
      <c r="JC29" s="345">
        <v>0</v>
      </c>
      <c r="JD29" s="345">
        <v>0</v>
      </c>
      <c r="JE29" s="349">
        <v>0</v>
      </c>
      <c r="JF29" s="350">
        <v>0</v>
      </c>
      <c r="JG29" s="348">
        <v>0</v>
      </c>
      <c r="JH29" s="345">
        <v>0</v>
      </c>
      <c r="JI29" s="346">
        <v>0</v>
      </c>
      <c r="JJ29" s="351">
        <v>0</v>
      </c>
      <c r="JK29" s="345">
        <v>0</v>
      </c>
      <c r="JL29" s="345">
        <v>18031</v>
      </c>
      <c r="JM29" s="345">
        <v>0</v>
      </c>
      <c r="JN29" s="345">
        <v>248870</v>
      </c>
      <c r="JO29" s="345">
        <v>0</v>
      </c>
      <c r="JP29" s="349">
        <v>266901</v>
      </c>
      <c r="JQ29" s="347">
        <v>266901</v>
      </c>
      <c r="JR29" s="348">
        <v>0</v>
      </c>
      <c r="JS29" s="345">
        <v>0</v>
      </c>
      <c r="JT29" s="346">
        <v>0</v>
      </c>
      <c r="JU29" s="351">
        <v>0</v>
      </c>
      <c r="JV29" s="345">
        <v>0</v>
      </c>
      <c r="JW29" s="345">
        <v>0</v>
      </c>
      <c r="JX29" s="345">
        <v>0</v>
      </c>
      <c r="JY29" s="345">
        <v>0</v>
      </c>
      <c r="JZ29" s="345">
        <v>0</v>
      </c>
      <c r="KA29" s="349">
        <v>0</v>
      </c>
      <c r="KB29" s="347">
        <v>0</v>
      </c>
      <c r="KC29" s="352">
        <v>0</v>
      </c>
      <c r="KD29" s="353">
        <v>0</v>
      </c>
      <c r="KE29" s="349">
        <v>0</v>
      </c>
      <c r="KF29" s="351">
        <v>0</v>
      </c>
      <c r="KG29" s="345">
        <v>192164</v>
      </c>
      <c r="KH29" s="345">
        <v>134214</v>
      </c>
      <c r="KI29" s="345">
        <v>0</v>
      </c>
      <c r="KJ29" s="345">
        <v>0</v>
      </c>
      <c r="KK29" s="345">
        <v>0</v>
      </c>
      <c r="KL29" s="349">
        <v>326378</v>
      </c>
      <c r="KM29" s="354">
        <v>326378</v>
      </c>
      <c r="KN29" s="342">
        <v>0</v>
      </c>
      <c r="KO29" s="343">
        <v>0</v>
      </c>
      <c r="KP29" s="344">
        <v>0</v>
      </c>
      <c r="KQ29" s="404">
        <v>0</v>
      </c>
      <c r="KR29" s="345">
        <v>0</v>
      </c>
      <c r="KS29" s="345">
        <v>0</v>
      </c>
      <c r="KT29" s="345">
        <v>0</v>
      </c>
      <c r="KU29" s="345">
        <v>0</v>
      </c>
      <c r="KV29" s="345">
        <v>455972</v>
      </c>
      <c r="KW29" s="349">
        <v>455972</v>
      </c>
      <c r="KX29" s="347">
        <v>455972</v>
      </c>
      <c r="KY29" s="348">
        <v>0</v>
      </c>
      <c r="KZ29" s="345">
        <v>0</v>
      </c>
      <c r="LA29" s="349">
        <v>0</v>
      </c>
      <c r="LB29" s="404">
        <v>0</v>
      </c>
      <c r="LC29" s="345">
        <v>0</v>
      </c>
      <c r="LD29" s="345">
        <v>0</v>
      </c>
      <c r="LE29" s="345">
        <v>0</v>
      </c>
      <c r="LF29" s="345">
        <v>0</v>
      </c>
      <c r="LG29" s="345">
        <v>0</v>
      </c>
      <c r="LH29" s="349">
        <v>0</v>
      </c>
      <c r="LI29" s="350">
        <v>0</v>
      </c>
      <c r="LJ29" s="348">
        <v>0</v>
      </c>
      <c r="LK29" s="345">
        <v>0</v>
      </c>
      <c r="LL29" s="349">
        <v>0</v>
      </c>
      <c r="LM29" s="404">
        <v>0</v>
      </c>
      <c r="LN29" s="345">
        <v>0</v>
      </c>
      <c r="LO29" s="345">
        <v>0</v>
      </c>
      <c r="LP29" s="345">
        <v>0</v>
      </c>
      <c r="LQ29" s="345">
        <v>0</v>
      </c>
      <c r="LR29" s="345">
        <v>0</v>
      </c>
      <c r="LS29" s="349">
        <v>0</v>
      </c>
      <c r="LT29" s="347">
        <v>0</v>
      </c>
      <c r="LU29" s="348">
        <v>0</v>
      </c>
      <c r="LV29" s="345">
        <v>0</v>
      </c>
      <c r="LW29" s="349">
        <v>0</v>
      </c>
      <c r="LX29" s="404">
        <v>0</v>
      </c>
      <c r="LY29" s="345">
        <v>0</v>
      </c>
      <c r="LZ29" s="345">
        <v>0</v>
      </c>
      <c r="MA29" s="345">
        <v>0</v>
      </c>
      <c r="MB29" s="345">
        <v>0</v>
      </c>
      <c r="MC29" s="345">
        <v>0</v>
      </c>
      <c r="MD29" s="349">
        <v>0</v>
      </c>
      <c r="ME29" s="350">
        <v>0</v>
      </c>
      <c r="MF29" s="348">
        <v>0</v>
      </c>
      <c r="MG29" s="345">
        <v>0</v>
      </c>
      <c r="MH29" s="349">
        <v>0</v>
      </c>
      <c r="MI29" s="404">
        <v>0</v>
      </c>
      <c r="MJ29" s="345">
        <v>0</v>
      </c>
      <c r="MK29" s="345">
        <v>0</v>
      </c>
      <c r="ML29" s="345">
        <v>222317</v>
      </c>
      <c r="MM29" s="345">
        <v>742227</v>
      </c>
      <c r="MN29" s="345">
        <v>244491</v>
      </c>
      <c r="MO29" s="349">
        <v>1209035</v>
      </c>
      <c r="MP29" s="354">
        <v>1209035</v>
      </c>
      <c r="MQ29" s="348">
        <v>0</v>
      </c>
      <c r="MR29" s="345">
        <v>0</v>
      </c>
      <c r="MS29" s="349">
        <v>0</v>
      </c>
      <c r="MT29" s="404">
        <v>0</v>
      </c>
      <c r="MU29" s="345">
        <v>0</v>
      </c>
      <c r="MV29" s="345">
        <v>0</v>
      </c>
      <c r="MW29" s="345">
        <v>222317</v>
      </c>
      <c r="MX29" s="345">
        <v>742227</v>
      </c>
      <c r="MY29" s="345">
        <v>244491</v>
      </c>
      <c r="MZ29" s="349">
        <v>1209035</v>
      </c>
      <c r="NA29" s="354">
        <v>1209035</v>
      </c>
      <c r="NB29" s="348">
        <v>0</v>
      </c>
      <c r="NC29" s="345">
        <v>0</v>
      </c>
      <c r="ND29" s="349">
        <v>0</v>
      </c>
      <c r="NE29" s="404">
        <v>0</v>
      </c>
      <c r="NF29" s="345">
        <v>0</v>
      </c>
      <c r="NG29" s="345">
        <v>0</v>
      </c>
      <c r="NH29" s="345">
        <v>0</v>
      </c>
      <c r="NI29" s="345">
        <v>0</v>
      </c>
      <c r="NJ29" s="345">
        <v>0</v>
      </c>
      <c r="NK29" s="349">
        <v>0</v>
      </c>
      <c r="NL29" s="347">
        <v>0</v>
      </c>
      <c r="NM29" s="348">
        <v>0</v>
      </c>
      <c r="NN29" s="345">
        <v>0</v>
      </c>
      <c r="NO29" s="349">
        <v>0</v>
      </c>
      <c r="NP29" s="404">
        <v>0</v>
      </c>
      <c r="NQ29" s="345">
        <v>0</v>
      </c>
      <c r="NR29" s="345">
        <v>0</v>
      </c>
      <c r="NS29" s="345">
        <v>0</v>
      </c>
      <c r="NT29" s="345">
        <v>0</v>
      </c>
      <c r="NU29" s="345">
        <v>0</v>
      </c>
      <c r="NV29" s="349">
        <v>0</v>
      </c>
      <c r="NW29" s="350">
        <v>0</v>
      </c>
      <c r="NX29" s="348">
        <v>0</v>
      </c>
      <c r="NY29" s="345">
        <v>0</v>
      </c>
      <c r="NZ29" s="349">
        <v>0</v>
      </c>
      <c r="OA29" s="404">
        <v>0</v>
      </c>
      <c r="OB29" s="345">
        <v>0</v>
      </c>
      <c r="OC29" s="345">
        <v>0</v>
      </c>
      <c r="OD29" s="345">
        <v>0</v>
      </c>
      <c r="OE29" s="345">
        <v>0</v>
      </c>
      <c r="OF29" s="345">
        <v>0</v>
      </c>
      <c r="OG29" s="349">
        <v>0</v>
      </c>
      <c r="OH29" s="350">
        <v>0</v>
      </c>
      <c r="OI29" s="348">
        <v>413216</v>
      </c>
      <c r="OJ29" s="345">
        <v>245484</v>
      </c>
      <c r="OK29" s="346">
        <v>658700</v>
      </c>
      <c r="OL29" s="351">
        <v>0</v>
      </c>
      <c r="OM29" s="345">
        <v>2567396</v>
      </c>
      <c r="ON29" s="345">
        <v>2352639</v>
      </c>
      <c r="OO29" s="345">
        <v>1641789</v>
      </c>
      <c r="OP29" s="345">
        <v>3060295</v>
      </c>
      <c r="OQ29" s="345">
        <v>3471264</v>
      </c>
      <c r="OR29" s="349">
        <v>13093383</v>
      </c>
      <c r="OS29" s="354">
        <v>13752083</v>
      </c>
    </row>
    <row r="30" spans="2:409" s="70" customFormat="1" ht="21" customHeight="1" x14ac:dyDescent="0.2">
      <c r="B30" s="106" t="s">
        <v>25</v>
      </c>
      <c r="C30" s="326">
        <v>79053</v>
      </c>
      <c r="D30" s="327">
        <v>162504</v>
      </c>
      <c r="E30" s="328">
        <v>241557</v>
      </c>
      <c r="F30" s="329">
        <v>0</v>
      </c>
      <c r="G30" s="327">
        <v>614232</v>
      </c>
      <c r="H30" s="327">
        <v>1603291</v>
      </c>
      <c r="I30" s="327">
        <v>780805</v>
      </c>
      <c r="J30" s="327">
        <v>332674</v>
      </c>
      <c r="K30" s="327">
        <v>727616</v>
      </c>
      <c r="L30" s="367">
        <v>4058618</v>
      </c>
      <c r="M30" s="330">
        <v>4300175</v>
      </c>
      <c r="N30" s="326">
        <v>74517</v>
      </c>
      <c r="O30" s="327">
        <v>111698</v>
      </c>
      <c r="P30" s="328">
        <v>186215</v>
      </c>
      <c r="Q30" s="326">
        <v>0</v>
      </c>
      <c r="R30" s="327">
        <v>159276</v>
      </c>
      <c r="S30" s="327">
        <v>306392</v>
      </c>
      <c r="T30" s="327">
        <v>371877</v>
      </c>
      <c r="U30" s="327">
        <v>128541</v>
      </c>
      <c r="V30" s="327">
        <v>639514</v>
      </c>
      <c r="W30" s="328">
        <v>1605600</v>
      </c>
      <c r="X30" s="330">
        <v>1791815</v>
      </c>
      <c r="Y30" s="326">
        <v>0</v>
      </c>
      <c r="Z30" s="327">
        <v>0</v>
      </c>
      <c r="AA30" s="328">
        <v>0</v>
      </c>
      <c r="AB30" s="326">
        <v>0</v>
      </c>
      <c r="AC30" s="327">
        <v>115509</v>
      </c>
      <c r="AD30" s="327">
        <v>218100</v>
      </c>
      <c r="AE30" s="327">
        <v>222404</v>
      </c>
      <c r="AF30" s="327">
        <v>74001</v>
      </c>
      <c r="AG30" s="327">
        <v>187619</v>
      </c>
      <c r="AH30" s="328">
        <v>817633</v>
      </c>
      <c r="AI30" s="330">
        <v>817633</v>
      </c>
      <c r="AJ30" s="326">
        <v>0</v>
      </c>
      <c r="AK30" s="327">
        <v>0</v>
      </c>
      <c r="AL30" s="328">
        <v>0</v>
      </c>
      <c r="AM30" s="326">
        <v>0</v>
      </c>
      <c r="AN30" s="327">
        <v>0</v>
      </c>
      <c r="AO30" s="327">
        <v>0</v>
      </c>
      <c r="AP30" s="327">
        <v>93362</v>
      </c>
      <c r="AQ30" s="327">
        <v>0</v>
      </c>
      <c r="AR30" s="327">
        <v>223299</v>
      </c>
      <c r="AS30" s="328">
        <v>316661</v>
      </c>
      <c r="AT30" s="330">
        <v>316661</v>
      </c>
      <c r="AU30" s="326">
        <v>59677</v>
      </c>
      <c r="AV30" s="327">
        <v>106252</v>
      </c>
      <c r="AW30" s="328">
        <v>165929</v>
      </c>
      <c r="AX30" s="326">
        <v>0</v>
      </c>
      <c r="AY30" s="327">
        <v>17713</v>
      </c>
      <c r="AZ30" s="327">
        <v>71800</v>
      </c>
      <c r="BA30" s="327">
        <v>42349</v>
      </c>
      <c r="BB30" s="327">
        <v>54540</v>
      </c>
      <c r="BC30" s="327">
        <v>188654</v>
      </c>
      <c r="BD30" s="328">
        <v>375056</v>
      </c>
      <c r="BE30" s="330">
        <v>540985</v>
      </c>
      <c r="BF30" s="326">
        <v>0</v>
      </c>
      <c r="BG30" s="327">
        <v>0</v>
      </c>
      <c r="BH30" s="331">
        <v>0</v>
      </c>
      <c r="BI30" s="332">
        <v>0</v>
      </c>
      <c r="BJ30" s="327">
        <v>0</v>
      </c>
      <c r="BK30" s="327">
        <v>0</v>
      </c>
      <c r="BL30" s="327">
        <v>0</v>
      </c>
      <c r="BM30" s="327">
        <v>0</v>
      </c>
      <c r="BN30" s="327">
        <v>0</v>
      </c>
      <c r="BO30" s="328">
        <v>0</v>
      </c>
      <c r="BP30" s="330">
        <v>0</v>
      </c>
      <c r="BQ30" s="326">
        <v>14840</v>
      </c>
      <c r="BR30" s="327">
        <v>5446</v>
      </c>
      <c r="BS30" s="328">
        <v>20286</v>
      </c>
      <c r="BT30" s="326">
        <v>0</v>
      </c>
      <c r="BU30" s="327">
        <v>26054</v>
      </c>
      <c r="BV30" s="327">
        <v>16492</v>
      </c>
      <c r="BW30" s="327">
        <v>13762</v>
      </c>
      <c r="BX30" s="327">
        <v>0</v>
      </c>
      <c r="BY30" s="327">
        <v>39942</v>
      </c>
      <c r="BZ30" s="328">
        <v>96250</v>
      </c>
      <c r="CA30" s="330">
        <v>116536</v>
      </c>
      <c r="CB30" s="326">
        <v>0</v>
      </c>
      <c r="CC30" s="327">
        <v>0</v>
      </c>
      <c r="CD30" s="328">
        <v>0</v>
      </c>
      <c r="CE30" s="326">
        <v>0</v>
      </c>
      <c r="CF30" s="327">
        <v>184682</v>
      </c>
      <c r="CG30" s="327">
        <v>690708</v>
      </c>
      <c r="CH30" s="327">
        <v>290089</v>
      </c>
      <c r="CI30" s="327">
        <v>94743</v>
      </c>
      <c r="CJ30" s="327">
        <v>0</v>
      </c>
      <c r="CK30" s="328">
        <v>1260222</v>
      </c>
      <c r="CL30" s="330">
        <v>1260222</v>
      </c>
      <c r="CM30" s="326">
        <v>0</v>
      </c>
      <c r="CN30" s="327">
        <v>0</v>
      </c>
      <c r="CO30" s="328">
        <v>0</v>
      </c>
      <c r="CP30" s="332">
        <v>0</v>
      </c>
      <c r="CQ30" s="327">
        <v>80068</v>
      </c>
      <c r="CR30" s="327">
        <v>268558</v>
      </c>
      <c r="CS30" s="327">
        <v>184315</v>
      </c>
      <c r="CT30" s="327">
        <v>94743</v>
      </c>
      <c r="CU30" s="327">
        <v>0</v>
      </c>
      <c r="CV30" s="328">
        <v>627684</v>
      </c>
      <c r="CW30" s="330">
        <v>627684</v>
      </c>
      <c r="CX30" s="326">
        <v>0</v>
      </c>
      <c r="CY30" s="327">
        <v>0</v>
      </c>
      <c r="CZ30" s="328">
        <v>0</v>
      </c>
      <c r="DA30" s="326">
        <v>0</v>
      </c>
      <c r="DB30" s="327">
        <v>104614</v>
      </c>
      <c r="DC30" s="327">
        <v>422150</v>
      </c>
      <c r="DD30" s="327">
        <v>105774</v>
      </c>
      <c r="DE30" s="327">
        <v>0</v>
      </c>
      <c r="DF30" s="327">
        <v>0</v>
      </c>
      <c r="DG30" s="328">
        <v>632538</v>
      </c>
      <c r="DH30" s="330">
        <v>632538</v>
      </c>
      <c r="DI30" s="326">
        <v>0</v>
      </c>
      <c r="DJ30" s="327">
        <v>0</v>
      </c>
      <c r="DK30" s="331">
        <v>0</v>
      </c>
      <c r="DL30" s="332">
        <v>0</v>
      </c>
      <c r="DM30" s="327">
        <v>77837</v>
      </c>
      <c r="DN30" s="327">
        <v>29157</v>
      </c>
      <c r="DO30" s="327">
        <v>0</v>
      </c>
      <c r="DP30" s="327">
        <v>38326</v>
      </c>
      <c r="DQ30" s="327">
        <v>0</v>
      </c>
      <c r="DR30" s="328">
        <v>145320</v>
      </c>
      <c r="DS30" s="330">
        <v>145320</v>
      </c>
      <c r="DT30" s="326">
        <v>0</v>
      </c>
      <c r="DU30" s="327">
        <v>0</v>
      </c>
      <c r="DV30" s="328">
        <v>0</v>
      </c>
      <c r="DW30" s="326">
        <v>0</v>
      </c>
      <c r="DX30" s="327">
        <v>77837</v>
      </c>
      <c r="DY30" s="327">
        <v>0</v>
      </c>
      <c r="DZ30" s="327">
        <v>0</v>
      </c>
      <c r="EA30" s="327">
        <v>38326</v>
      </c>
      <c r="EB30" s="327">
        <v>0</v>
      </c>
      <c r="EC30" s="328">
        <v>116163</v>
      </c>
      <c r="ED30" s="330">
        <v>116163</v>
      </c>
      <c r="EE30" s="326">
        <v>0</v>
      </c>
      <c r="EF30" s="331">
        <v>0</v>
      </c>
      <c r="EG30" s="328">
        <v>0</v>
      </c>
      <c r="EH30" s="326">
        <v>0</v>
      </c>
      <c r="EI30" s="327">
        <v>0</v>
      </c>
      <c r="EJ30" s="327">
        <v>29157</v>
      </c>
      <c r="EK30" s="327">
        <v>0</v>
      </c>
      <c r="EL30" s="327">
        <v>0</v>
      </c>
      <c r="EM30" s="327">
        <v>0</v>
      </c>
      <c r="EN30" s="331">
        <v>29157</v>
      </c>
      <c r="EO30" s="330">
        <v>29157</v>
      </c>
      <c r="EP30" s="326">
        <v>0</v>
      </c>
      <c r="EQ30" s="327">
        <v>0</v>
      </c>
      <c r="ER30" s="331">
        <v>0</v>
      </c>
      <c r="ES30" s="332">
        <v>0</v>
      </c>
      <c r="ET30" s="327">
        <v>0</v>
      </c>
      <c r="EU30" s="327">
        <v>0</v>
      </c>
      <c r="EV30" s="327">
        <v>0</v>
      </c>
      <c r="EW30" s="327">
        <v>0</v>
      </c>
      <c r="EX30" s="327">
        <v>0</v>
      </c>
      <c r="EY30" s="328">
        <v>0</v>
      </c>
      <c r="EZ30" s="330">
        <v>0</v>
      </c>
      <c r="FA30" s="326">
        <v>0</v>
      </c>
      <c r="FB30" s="327">
        <v>0</v>
      </c>
      <c r="FC30" s="331">
        <v>0</v>
      </c>
      <c r="FD30" s="404">
        <v>0</v>
      </c>
      <c r="FE30" s="327">
        <v>0</v>
      </c>
      <c r="FF30" s="327">
        <v>0</v>
      </c>
      <c r="FG30" s="327">
        <v>0</v>
      </c>
      <c r="FH30" s="327">
        <v>0</v>
      </c>
      <c r="FI30" s="327">
        <v>0</v>
      </c>
      <c r="FJ30" s="328">
        <v>0</v>
      </c>
      <c r="FK30" s="330">
        <v>0</v>
      </c>
      <c r="FL30" s="326">
        <v>4536</v>
      </c>
      <c r="FM30" s="327">
        <v>50806</v>
      </c>
      <c r="FN30" s="328">
        <v>55342</v>
      </c>
      <c r="FO30" s="326">
        <v>0</v>
      </c>
      <c r="FP30" s="327">
        <v>40894</v>
      </c>
      <c r="FQ30" s="327">
        <v>105406</v>
      </c>
      <c r="FR30" s="327">
        <v>118839</v>
      </c>
      <c r="FS30" s="327">
        <v>71064</v>
      </c>
      <c r="FT30" s="327">
        <v>88102</v>
      </c>
      <c r="FU30" s="328">
        <v>424305</v>
      </c>
      <c r="FV30" s="330">
        <v>479647</v>
      </c>
      <c r="FW30" s="333">
        <v>4536</v>
      </c>
      <c r="FX30" s="327">
        <v>50806</v>
      </c>
      <c r="FY30" s="331">
        <v>55342</v>
      </c>
      <c r="FZ30" s="332">
        <v>0</v>
      </c>
      <c r="GA30" s="327">
        <v>40894</v>
      </c>
      <c r="GB30" s="327">
        <v>105406</v>
      </c>
      <c r="GC30" s="327">
        <v>118839</v>
      </c>
      <c r="GD30" s="327">
        <v>71064</v>
      </c>
      <c r="GE30" s="327">
        <v>88102</v>
      </c>
      <c r="GF30" s="328">
        <v>424305</v>
      </c>
      <c r="GG30" s="334">
        <v>479647</v>
      </c>
      <c r="GH30" s="333">
        <v>0</v>
      </c>
      <c r="GI30" s="327">
        <v>0</v>
      </c>
      <c r="GJ30" s="331">
        <v>0</v>
      </c>
      <c r="GK30" s="332">
        <v>0</v>
      </c>
      <c r="GL30" s="327">
        <v>0</v>
      </c>
      <c r="GM30" s="327">
        <v>0</v>
      </c>
      <c r="GN30" s="327">
        <v>0</v>
      </c>
      <c r="GO30" s="327">
        <v>0</v>
      </c>
      <c r="GP30" s="327">
        <v>0</v>
      </c>
      <c r="GQ30" s="328">
        <v>0</v>
      </c>
      <c r="GR30" s="330">
        <v>0</v>
      </c>
      <c r="GS30" s="326">
        <v>0</v>
      </c>
      <c r="GT30" s="327">
        <v>0</v>
      </c>
      <c r="GU30" s="328">
        <v>0</v>
      </c>
      <c r="GV30" s="326">
        <v>0</v>
      </c>
      <c r="GW30" s="327">
        <v>0</v>
      </c>
      <c r="GX30" s="327">
        <v>0</v>
      </c>
      <c r="GY30" s="327">
        <v>0</v>
      </c>
      <c r="GZ30" s="327">
        <v>0</v>
      </c>
      <c r="HA30" s="327">
        <v>0</v>
      </c>
      <c r="HB30" s="331">
        <v>0</v>
      </c>
      <c r="HC30" s="330">
        <v>0</v>
      </c>
      <c r="HD30" s="326">
        <v>0</v>
      </c>
      <c r="HE30" s="327">
        <v>0</v>
      </c>
      <c r="HF30" s="331">
        <v>0</v>
      </c>
      <c r="HG30" s="332">
        <v>0</v>
      </c>
      <c r="HH30" s="327">
        <v>151543</v>
      </c>
      <c r="HI30" s="327">
        <v>471628</v>
      </c>
      <c r="HJ30" s="327">
        <v>0</v>
      </c>
      <c r="HK30" s="327">
        <v>0</v>
      </c>
      <c r="HL30" s="327">
        <v>0</v>
      </c>
      <c r="HM30" s="328">
        <v>623171</v>
      </c>
      <c r="HN30" s="329">
        <v>623171</v>
      </c>
      <c r="HO30" s="333">
        <v>0</v>
      </c>
      <c r="HP30" s="327">
        <v>0</v>
      </c>
      <c r="HQ30" s="328">
        <v>0</v>
      </c>
      <c r="HR30" s="326">
        <v>0</v>
      </c>
      <c r="HS30" s="327">
        <v>0</v>
      </c>
      <c r="HT30" s="327">
        <v>0</v>
      </c>
      <c r="HU30" s="327">
        <v>0</v>
      </c>
      <c r="HV30" s="327">
        <v>0</v>
      </c>
      <c r="HW30" s="327">
        <v>0</v>
      </c>
      <c r="HX30" s="331">
        <v>0</v>
      </c>
      <c r="HY30" s="330">
        <v>0</v>
      </c>
      <c r="HZ30" s="358">
        <v>0</v>
      </c>
      <c r="IA30" s="356">
        <v>0</v>
      </c>
      <c r="IB30" s="358">
        <v>0</v>
      </c>
      <c r="IC30" s="355">
        <v>0</v>
      </c>
      <c r="ID30" s="356">
        <v>309069</v>
      </c>
      <c r="IE30" s="357">
        <v>44386</v>
      </c>
      <c r="IF30" s="358">
        <v>0</v>
      </c>
      <c r="IG30" s="356">
        <v>84186</v>
      </c>
      <c r="IH30" s="358">
        <v>0</v>
      </c>
      <c r="II30" s="359">
        <v>437641</v>
      </c>
      <c r="IJ30" s="358">
        <v>437641</v>
      </c>
      <c r="IK30" s="342">
        <v>0</v>
      </c>
      <c r="IL30" s="343">
        <v>0</v>
      </c>
      <c r="IM30" s="344">
        <v>0</v>
      </c>
      <c r="IN30" s="404">
        <v>0</v>
      </c>
      <c r="IO30" s="345">
        <v>0</v>
      </c>
      <c r="IP30" s="345">
        <v>0</v>
      </c>
      <c r="IQ30" s="345">
        <v>0</v>
      </c>
      <c r="IR30" s="345">
        <v>0</v>
      </c>
      <c r="IS30" s="345">
        <v>0</v>
      </c>
      <c r="IT30" s="346">
        <v>0</v>
      </c>
      <c r="IU30" s="347">
        <v>0</v>
      </c>
      <c r="IV30" s="348">
        <v>0</v>
      </c>
      <c r="IW30" s="345">
        <v>0</v>
      </c>
      <c r="IX30" s="349">
        <v>0</v>
      </c>
      <c r="IY30" s="404">
        <v>0</v>
      </c>
      <c r="IZ30" s="345">
        <v>0</v>
      </c>
      <c r="JA30" s="345">
        <v>0</v>
      </c>
      <c r="JB30" s="345">
        <v>0</v>
      </c>
      <c r="JC30" s="345">
        <v>0</v>
      </c>
      <c r="JD30" s="345">
        <v>0</v>
      </c>
      <c r="JE30" s="349">
        <v>0</v>
      </c>
      <c r="JF30" s="350">
        <v>0</v>
      </c>
      <c r="JG30" s="348">
        <v>0</v>
      </c>
      <c r="JH30" s="345">
        <v>0</v>
      </c>
      <c r="JI30" s="346">
        <v>0</v>
      </c>
      <c r="JJ30" s="351">
        <v>0</v>
      </c>
      <c r="JK30" s="345">
        <v>104996</v>
      </c>
      <c r="JL30" s="345">
        <v>44386</v>
      </c>
      <c r="JM30" s="345">
        <v>0</v>
      </c>
      <c r="JN30" s="345">
        <v>84186</v>
      </c>
      <c r="JO30" s="345">
        <v>0</v>
      </c>
      <c r="JP30" s="349">
        <v>233568</v>
      </c>
      <c r="JQ30" s="347">
        <v>233568</v>
      </c>
      <c r="JR30" s="348">
        <v>0</v>
      </c>
      <c r="JS30" s="345">
        <v>0</v>
      </c>
      <c r="JT30" s="346">
        <v>0</v>
      </c>
      <c r="JU30" s="351">
        <v>0</v>
      </c>
      <c r="JV30" s="345">
        <v>0</v>
      </c>
      <c r="JW30" s="345">
        <v>0</v>
      </c>
      <c r="JX30" s="345">
        <v>0</v>
      </c>
      <c r="JY30" s="345">
        <v>0</v>
      </c>
      <c r="JZ30" s="345">
        <v>0</v>
      </c>
      <c r="KA30" s="349">
        <v>0</v>
      </c>
      <c r="KB30" s="347">
        <v>0</v>
      </c>
      <c r="KC30" s="352">
        <v>0</v>
      </c>
      <c r="KD30" s="353">
        <v>0</v>
      </c>
      <c r="KE30" s="349">
        <v>0</v>
      </c>
      <c r="KF30" s="351">
        <v>0</v>
      </c>
      <c r="KG30" s="345">
        <v>0</v>
      </c>
      <c r="KH30" s="345">
        <v>0</v>
      </c>
      <c r="KI30" s="345">
        <v>0</v>
      </c>
      <c r="KJ30" s="345">
        <v>0</v>
      </c>
      <c r="KK30" s="345">
        <v>0</v>
      </c>
      <c r="KL30" s="349">
        <v>0</v>
      </c>
      <c r="KM30" s="354">
        <v>0</v>
      </c>
      <c r="KN30" s="342">
        <v>0</v>
      </c>
      <c r="KO30" s="343">
        <v>0</v>
      </c>
      <c r="KP30" s="344">
        <v>0</v>
      </c>
      <c r="KQ30" s="404">
        <v>0</v>
      </c>
      <c r="KR30" s="345">
        <v>204073</v>
      </c>
      <c r="KS30" s="345">
        <v>0</v>
      </c>
      <c r="KT30" s="345">
        <v>0</v>
      </c>
      <c r="KU30" s="345">
        <v>0</v>
      </c>
      <c r="KV30" s="345">
        <v>0</v>
      </c>
      <c r="KW30" s="349">
        <v>204073</v>
      </c>
      <c r="KX30" s="347">
        <v>204073</v>
      </c>
      <c r="KY30" s="348">
        <v>0</v>
      </c>
      <c r="KZ30" s="345">
        <v>0</v>
      </c>
      <c r="LA30" s="349">
        <v>0</v>
      </c>
      <c r="LB30" s="404">
        <v>0</v>
      </c>
      <c r="LC30" s="345">
        <v>0</v>
      </c>
      <c r="LD30" s="345">
        <v>0</v>
      </c>
      <c r="LE30" s="345">
        <v>0</v>
      </c>
      <c r="LF30" s="345">
        <v>0</v>
      </c>
      <c r="LG30" s="345">
        <v>0</v>
      </c>
      <c r="LH30" s="349">
        <v>0</v>
      </c>
      <c r="LI30" s="350">
        <v>0</v>
      </c>
      <c r="LJ30" s="348">
        <v>0</v>
      </c>
      <c r="LK30" s="345">
        <v>0</v>
      </c>
      <c r="LL30" s="349">
        <v>0</v>
      </c>
      <c r="LM30" s="404">
        <v>0</v>
      </c>
      <c r="LN30" s="345">
        <v>0</v>
      </c>
      <c r="LO30" s="345">
        <v>0</v>
      </c>
      <c r="LP30" s="345">
        <v>0</v>
      </c>
      <c r="LQ30" s="345">
        <v>0</v>
      </c>
      <c r="LR30" s="345">
        <v>0</v>
      </c>
      <c r="LS30" s="349">
        <v>0</v>
      </c>
      <c r="LT30" s="347">
        <v>0</v>
      </c>
      <c r="LU30" s="348">
        <v>0</v>
      </c>
      <c r="LV30" s="345">
        <v>0</v>
      </c>
      <c r="LW30" s="349">
        <v>0</v>
      </c>
      <c r="LX30" s="404">
        <v>0</v>
      </c>
      <c r="LY30" s="345">
        <v>0</v>
      </c>
      <c r="LZ30" s="345">
        <v>0</v>
      </c>
      <c r="MA30" s="345">
        <v>0</v>
      </c>
      <c r="MB30" s="345">
        <v>0</v>
      </c>
      <c r="MC30" s="345">
        <v>0</v>
      </c>
      <c r="MD30" s="349">
        <v>0</v>
      </c>
      <c r="ME30" s="350">
        <v>0</v>
      </c>
      <c r="MF30" s="348">
        <v>0</v>
      </c>
      <c r="MG30" s="345">
        <v>0</v>
      </c>
      <c r="MH30" s="349">
        <v>0</v>
      </c>
      <c r="MI30" s="404">
        <v>0</v>
      </c>
      <c r="MJ30" s="345">
        <v>245424</v>
      </c>
      <c r="MK30" s="345">
        <v>505309</v>
      </c>
      <c r="ML30" s="345">
        <v>259234</v>
      </c>
      <c r="MM30" s="345">
        <v>1512203</v>
      </c>
      <c r="MN30" s="345">
        <v>668615</v>
      </c>
      <c r="MO30" s="349">
        <v>3190785</v>
      </c>
      <c r="MP30" s="354">
        <v>3190785</v>
      </c>
      <c r="MQ30" s="348">
        <v>0</v>
      </c>
      <c r="MR30" s="345">
        <v>0</v>
      </c>
      <c r="MS30" s="349">
        <v>0</v>
      </c>
      <c r="MT30" s="404">
        <v>0</v>
      </c>
      <c r="MU30" s="345">
        <v>0</v>
      </c>
      <c r="MV30" s="345">
        <v>0</v>
      </c>
      <c r="MW30" s="345">
        <v>154989</v>
      </c>
      <c r="MX30" s="345">
        <v>689363</v>
      </c>
      <c r="MY30" s="345">
        <v>103221</v>
      </c>
      <c r="MZ30" s="349">
        <v>947573</v>
      </c>
      <c r="NA30" s="354">
        <v>947573</v>
      </c>
      <c r="NB30" s="348">
        <v>0</v>
      </c>
      <c r="NC30" s="345">
        <v>0</v>
      </c>
      <c r="ND30" s="349">
        <v>0</v>
      </c>
      <c r="NE30" s="404">
        <v>0</v>
      </c>
      <c r="NF30" s="345">
        <v>245424</v>
      </c>
      <c r="NG30" s="345">
        <v>505309</v>
      </c>
      <c r="NH30" s="345">
        <v>104245</v>
      </c>
      <c r="NI30" s="345">
        <v>822840</v>
      </c>
      <c r="NJ30" s="345">
        <v>565394</v>
      </c>
      <c r="NK30" s="349">
        <v>2243212</v>
      </c>
      <c r="NL30" s="347">
        <v>2243212</v>
      </c>
      <c r="NM30" s="348">
        <v>0</v>
      </c>
      <c r="NN30" s="345">
        <v>0</v>
      </c>
      <c r="NO30" s="349">
        <v>0</v>
      </c>
      <c r="NP30" s="404">
        <v>0</v>
      </c>
      <c r="NQ30" s="345">
        <v>0</v>
      </c>
      <c r="NR30" s="345">
        <v>0</v>
      </c>
      <c r="NS30" s="345">
        <v>0</v>
      </c>
      <c r="NT30" s="345">
        <v>0</v>
      </c>
      <c r="NU30" s="345">
        <v>0</v>
      </c>
      <c r="NV30" s="349">
        <v>0</v>
      </c>
      <c r="NW30" s="350">
        <v>0</v>
      </c>
      <c r="NX30" s="348">
        <v>0</v>
      </c>
      <c r="NY30" s="345">
        <v>0</v>
      </c>
      <c r="NZ30" s="349">
        <v>0</v>
      </c>
      <c r="OA30" s="404">
        <v>0</v>
      </c>
      <c r="OB30" s="345">
        <v>0</v>
      </c>
      <c r="OC30" s="345">
        <v>0</v>
      </c>
      <c r="OD30" s="345">
        <v>0</v>
      </c>
      <c r="OE30" s="345">
        <v>0</v>
      </c>
      <c r="OF30" s="345">
        <v>0</v>
      </c>
      <c r="OG30" s="349">
        <v>0</v>
      </c>
      <c r="OH30" s="350">
        <v>0</v>
      </c>
      <c r="OI30" s="348">
        <v>79053</v>
      </c>
      <c r="OJ30" s="345">
        <v>162504</v>
      </c>
      <c r="OK30" s="346">
        <v>241557</v>
      </c>
      <c r="OL30" s="351">
        <v>0</v>
      </c>
      <c r="OM30" s="345">
        <v>1168725</v>
      </c>
      <c r="ON30" s="345">
        <v>2152986</v>
      </c>
      <c r="OO30" s="345">
        <v>1040039</v>
      </c>
      <c r="OP30" s="345">
        <v>1929063</v>
      </c>
      <c r="OQ30" s="345">
        <v>1396231</v>
      </c>
      <c r="OR30" s="349">
        <v>7687044</v>
      </c>
      <c r="OS30" s="354">
        <v>7928601</v>
      </c>
    </row>
    <row r="31" spans="2:409" s="70" customFormat="1" ht="21" customHeight="1" x14ac:dyDescent="0.2">
      <c r="B31" s="106" t="s">
        <v>26</v>
      </c>
      <c r="C31" s="326">
        <v>39826</v>
      </c>
      <c r="D31" s="327">
        <v>160026</v>
      </c>
      <c r="E31" s="328">
        <v>199852</v>
      </c>
      <c r="F31" s="329">
        <v>0</v>
      </c>
      <c r="G31" s="327">
        <v>1254954</v>
      </c>
      <c r="H31" s="327">
        <v>1808441</v>
      </c>
      <c r="I31" s="327">
        <v>1415908</v>
      </c>
      <c r="J31" s="327">
        <v>599113</v>
      </c>
      <c r="K31" s="327">
        <v>1444246</v>
      </c>
      <c r="L31" s="367">
        <v>6522662</v>
      </c>
      <c r="M31" s="330">
        <v>6722514</v>
      </c>
      <c r="N31" s="326">
        <v>36326</v>
      </c>
      <c r="O31" s="327">
        <v>18784</v>
      </c>
      <c r="P31" s="328">
        <v>55110</v>
      </c>
      <c r="Q31" s="326">
        <v>0</v>
      </c>
      <c r="R31" s="327">
        <v>258714</v>
      </c>
      <c r="S31" s="327">
        <v>679491</v>
      </c>
      <c r="T31" s="327">
        <v>448502</v>
      </c>
      <c r="U31" s="327">
        <v>160552</v>
      </c>
      <c r="V31" s="327">
        <v>752379</v>
      </c>
      <c r="W31" s="328">
        <v>2299638</v>
      </c>
      <c r="X31" s="330">
        <v>2354748</v>
      </c>
      <c r="Y31" s="326">
        <v>0</v>
      </c>
      <c r="Z31" s="327">
        <v>0</v>
      </c>
      <c r="AA31" s="328">
        <v>0</v>
      </c>
      <c r="AB31" s="326">
        <v>0</v>
      </c>
      <c r="AC31" s="327">
        <v>50728</v>
      </c>
      <c r="AD31" s="327">
        <v>328089</v>
      </c>
      <c r="AE31" s="327">
        <v>107739</v>
      </c>
      <c r="AF31" s="327">
        <v>125300</v>
      </c>
      <c r="AG31" s="327">
        <v>551836</v>
      </c>
      <c r="AH31" s="328">
        <v>1163692</v>
      </c>
      <c r="AI31" s="330">
        <v>1163692</v>
      </c>
      <c r="AJ31" s="326">
        <v>0</v>
      </c>
      <c r="AK31" s="327">
        <v>0</v>
      </c>
      <c r="AL31" s="328">
        <v>0</v>
      </c>
      <c r="AM31" s="326">
        <v>0</v>
      </c>
      <c r="AN31" s="327">
        <v>0</v>
      </c>
      <c r="AO31" s="327">
        <v>0</v>
      </c>
      <c r="AP31" s="327">
        <v>0</v>
      </c>
      <c r="AQ31" s="327">
        <v>0</v>
      </c>
      <c r="AR31" s="327">
        <v>0</v>
      </c>
      <c r="AS31" s="328">
        <v>0</v>
      </c>
      <c r="AT31" s="330">
        <v>0</v>
      </c>
      <c r="AU31" s="326">
        <v>34347</v>
      </c>
      <c r="AV31" s="327">
        <v>18784</v>
      </c>
      <c r="AW31" s="328">
        <v>53131</v>
      </c>
      <c r="AX31" s="326">
        <v>0</v>
      </c>
      <c r="AY31" s="327">
        <v>107249</v>
      </c>
      <c r="AZ31" s="327">
        <v>303046</v>
      </c>
      <c r="BA31" s="327">
        <v>195218</v>
      </c>
      <c r="BB31" s="327">
        <v>0</v>
      </c>
      <c r="BC31" s="327">
        <v>139104</v>
      </c>
      <c r="BD31" s="328">
        <v>744617</v>
      </c>
      <c r="BE31" s="330">
        <v>797748</v>
      </c>
      <c r="BF31" s="326">
        <v>1979</v>
      </c>
      <c r="BG31" s="327">
        <v>0</v>
      </c>
      <c r="BH31" s="331">
        <v>1979</v>
      </c>
      <c r="BI31" s="332">
        <v>0</v>
      </c>
      <c r="BJ31" s="327">
        <v>0</v>
      </c>
      <c r="BK31" s="327">
        <v>0</v>
      </c>
      <c r="BL31" s="327">
        <v>27826</v>
      </c>
      <c r="BM31" s="327">
        <v>0</v>
      </c>
      <c r="BN31" s="327">
        <v>0</v>
      </c>
      <c r="BO31" s="328">
        <v>27826</v>
      </c>
      <c r="BP31" s="330">
        <v>29805</v>
      </c>
      <c r="BQ31" s="326">
        <v>0</v>
      </c>
      <c r="BR31" s="327">
        <v>0</v>
      </c>
      <c r="BS31" s="328">
        <v>0</v>
      </c>
      <c r="BT31" s="326">
        <v>0</v>
      </c>
      <c r="BU31" s="327">
        <v>100737</v>
      </c>
      <c r="BV31" s="327">
        <v>48356</v>
      </c>
      <c r="BW31" s="327">
        <v>117719</v>
      </c>
      <c r="BX31" s="327">
        <v>35252</v>
      </c>
      <c r="BY31" s="327">
        <v>61439</v>
      </c>
      <c r="BZ31" s="328">
        <v>363503</v>
      </c>
      <c r="CA31" s="330">
        <v>363503</v>
      </c>
      <c r="CB31" s="326">
        <v>0</v>
      </c>
      <c r="CC31" s="327">
        <v>33431</v>
      </c>
      <c r="CD31" s="328">
        <v>33431</v>
      </c>
      <c r="CE31" s="326">
        <v>0</v>
      </c>
      <c r="CF31" s="327">
        <v>267252</v>
      </c>
      <c r="CG31" s="327">
        <v>400607</v>
      </c>
      <c r="CH31" s="327">
        <v>241959</v>
      </c>
      <c r="CI31" s="327">
        <v>104873</v>
      </c>
      <c r="CJ31" s="327">
        <v>154586</v>
      </c>
      <c r="CK31" s="328">
        <v>1169277</v>
      </c>
      <c r="CL31" s="330">
        <v>1202708</v>
      </c>
      <c r="CM31" s="326">
        <v>0</v>
      </c>
      <c r="CN31" s="327">
        <v>0</v>
      </c>
      <c r="CO31" s="328">
        <v>0</v>
      </c>
      <c r="CP31" s="332">
        <v>0</v>
      </c>
      <c r="CQ31" s="327">
        <v>267252</v>
      </c>
      <c r="CR31" s="327">
        <v>254225</v>
      </c>
      <c r="CS31" s="327">
        <v>175297</v>
      </c>
      <c r="CT31" s="327">
        <v>104873</v>
      </c>
      <c r="CU31" s="327">
        <v>154586</v>
      </c>
      <c r="CV31" s="328">
        <v>956233</v>
      </c>
      <c r="CW31" s="330">
        <v>956233</v>
      </c>
      <c r="CX31" s="326">
        <v>0</v>
      </c>
      <c r="CY31" s="327">
        <v>33431</v>
      </c>
      <c r="CZ31" s="328">
        <v>33431</v>
      </c>
      <c r="DA31" s="326">
        <v>0</v>
      </c>
      <c r="DB31" s="327">
        <v>0</v>
      </c>
      <c r="DC31" s="327">
        <v>146382</v>
      </c>
      <c r="DD31" s="327">
        <v>66662</v>
      </c>
      <c r="DE31" s="327">
        <v>0</v>
      </c>
      <c r="DF31" s="327">
        <v>0</v>
      </c>
      <c r="DG31" s="328">
        <v>213044</v>
      </c>
      <c r="DH31" s="330">
        <v>246475</v>
      </c>
      <c r="DI31" s="326">
        <v>0</v>
      </c>
      <c r="DJ31" s="327">
        <v>0</v>
      </c>
      <c r="DK31" s="331">
        <v>0</v>
      </c>
      <c r="DL31" s="332">
        <v>0</v>
      </c>
      <c r="DM31" s="327">
        <v>130190</v>
      </c>
      <c r="DN31" s="327">
        <v>309226</v>
      </c>
      <c r="DO31" s="327">
        <v>0</v>
      </c>
      <c r="DP31" s="327">
        <v>0</v>
      </c>
      <c r="DQ31" s="327">
        <v>20358</v>
      </c>
      <c r="DR31" s="328">
        <v>459774</v>
      </c>
      <c r="DS31" s="330">
        <v>459774</v>
      </c>
      <c r="DT31" s="326">
        <v>0</v>
      </c>
      <c r="DU31" s="327">
        <v>0</v>
      </c>
      <c r="DV31" s="328">
        <v>0</v>
      </c>
      <c r="DW31" s="326">
        <v>0</v>
      </c>
      <c r="DX31" s="327">
        <v>130190</v>
      </c>
      <c r="DY31" s="327">
        <v>309226</v>
      </c>
      <c r="DZ31" s="327">
        <v>0</v>
      </c>
      <c r="EA31" s="327">
        <v>0</v>
      </c>
      <c r="EB31" s="327">
        <v>0</v>
      </c>
      <c r="EC31" s="328">
        <v>439416</v>
      </c>
      <c r="ED31" s="330">
        <v>439416</v>
      </c>
      <c r="EE31" s="326">
        <v>0</v>
      </c>
      <c r="EF31" s="331">
        <v>0</v>
      </c>
      <c r="EG31" s="328">
        <v>0</v>
      </c>
      <c r="EH31" s="326">
        <v>0</v>
      </c>
      <c r="EI31" s="327">
        <v>0</v>
      </c>
      <c r="EJ31" s="327">
        <v>0</v>
      </c>
      <c r="EK31" s="327">
        <v>0</v>
      </c>
      <c r="EL31" s="327">
        <v>0</v>
      </c>
      <c r="EM31" s="327">
        <v>20358</v>
      </c>
      <c r="EN31" s="331">
        <v>20358</v>
      </c>
      <c r="EO31" s="330">
        <v>20358</v>
      </c>
      <c r="EP31" s="326">
        <v>0</v>
      </c>
      <c r="EQ31" s="327">
        <v>0</v>
      </c>
      <c r="ER31" s="331">
        <v>0</v>
      </c>
      <c r="ES31" s="332">
        <v>0</v>
      </c>
      <c r="ET31" s="327">
        <v>0</v>
      </c>
      <c r="EU31" s="327">
        <v>0</v>
      </c>
      <c r="EV31" s="327">
        <v>0</v>
      </c>
      <c r="EW31" s="327">
        <v>0</v>
      </c>
      <c r="EX31" s="327">
        <v>0</v>
      </c>
      <c r="EY31" s="328">
        <v>0</v>
      </c>
      <c r="EZ31" s="330">
        <v>0</v>
      </c>
      <c r="FA31" s="326">
        <v>0</v>
      </c>
      <c r="FB31" s="327">
        <v>0</v>
      </c>
      <c r="FC31" s="331">
        <v>0</v>
      </c>
      <c r="FD31" s="404">
        <v>0</v>
      </c>
      <c r="FE31" s="327">
        <v>0</v>
      </c>
      <c r="FF31" s="327">
        <v>0</v>
      </c>
      <c r="FG31" s="327">
        <v>0</v>
      </c>
      <c r="FH31" s="327">
        <v>0</v>
      </c>
      <c r="FI31" s="327">
        <v>0</v>
      </c>
      <c r="FJ31" s="328">
        <v>0</v>
      </c>
      <c r="FK31" s="330">
        <v>0</v>
      </c>
      <c r="FL31" s="326">
        <v>3500</v>
      </c>
      <c r="FM31" s="327">
        <v>20720</v>
      </c>
      <c r="FN31" s="328">
        <v>24220</v>
      </c>
      <c r="FO31" s="326">
        <v>0</v>
      </c>
      <c r="FP31" s="327">
        <v>16716</v>
      </c>
      <c r="FQ31" s="327">
        <v>177569</v>
      </c>
      <c r="FR31" s="327">
        <v>89467</v>
      </c>
      <c r="FS31" s="327">
        <v>14000</v>
      </c>
      <c r="FT31" s="327">
        <v>80710</v>
      </c>
      <c r="FU31" s="328">
        <v>378462</v>
      </c>
      <c r="FV31" s="330">
        <v>402682</v>
      </c>
      <c r="FW31" s="333">
        <v>3500</v>
      </c>
      <c r="FX31" s="327">
        <v>20720</v>
      </c>
      <c r="FY31" s="331">
        <v>24220</v>
      </c>
      <c r="FZ31" s="332">
        <v>0</v>
      </c>
      <c r="GA31" s="327">
        <v>16716</v>
      </c>
      <c r="GB31" s="327">
        <v>177569</v>
      </c>
      <c r="GC31" s="327">
        <v>89467</v>
      </c>
      <c r="GD31" s="327">
        <v>14000</v>
      </c>
      <c r="GE31" s="327">
        <v>80710</v>
      </c>
      <c r="GF31" s="328">
        <v>378462</v>
      </c>
      <c r="GG31" s="334">
        <v>402682</v>
      </c>
      <c r="GH31" s="333">
        <v>0</v>
      </c>
      <c r="GI31" s="327">
        <v>0</v>
      </c>
      <c r="GJ31" s="331">
        <v>0</v>
      </c>
      <c r="GK31" s="332">
        <v>0</v>
      </c>
      <c r="GL31" s="327">
        <v>0</v>
      </c>
      <c r="GM31" s="327">
        <v>0</v>
      </c>
      <c r="GN31" s="327">
        <v>0</v>
      </c>
      <c r="GO31" s="327">
        <v>0</v>
      </c>
      <c r="GP31" s="327">
        <v>0</v>
      </c>
      <c r="GQ31" s="328">
        <v>0</v>
      </c>
      <c r="GR31" s="330">
        <v>0</v>
      </c>
      <c r="GS31" s="326">
        <v>0</v>
      </c>
      <c r="GT31" s="327">
        <v>0</v>
      </c>
      <c r="GU31" s="328">
        <v>0</v>
      </c>
      <c r="GV31" s="326">
        <v>0</v>
      </c>
      <c r="GW31" s="327">
        <v>0</v>
      </c>
      <c r="GX31" s="327">
        <v>0</v>
      </c>
      <c r="GY31" s="327">
        <v>0</v>
      </c>
      <c r="GZ31" s="327">
        <v>0</v>
      </c>
      <c r="HA31" s="327">
        <v>0</v>
      </c>
      <c r="HB31" s="331">
        <v>0</v>
      </c>
      <c r="HC31" s="330">
        <v>0</v>
      </c>
      <c r="HD31" s="326">
        <v>0</v>
      </c>
      <c r="HE31" s="327">
        <v>87091</v>
      </c>
      <c r="HF31" s="331">
        <v>87091</v>
      </c>
      <c r="HG31" s="332">
        <v>0</v>
      </c>
      <c r="HH31" s="327">
        <v>582082</v>
      </c>
      <c r="HI31" s="327">
        <v>241548</v>
      </c>
      <c r="HJ31" s="327">
        <v>635980</v>
      </c>
      <c r="HK31" s="327">
        <v>319688</v>
      </c>
      <c r="HL31" s="327">
        <v>436213</v>
      </c>
      <c r="HM31" s="328">
        <v>2215511</v>
      </c>
      <c r="HN31" s="329">
        <v>2302602</v>
      </c>
      <c r="HO31" s="333">
        <v>0</v>
      </c>
      <c r="HP31" s="327">
        <v>0</v>
      </c>
      <c r="HQ31" s="328">
        <v>0</v>
      </c>
      <c r="HR31" s="326">
        <v>0</v>
      </c>
      <c r="HS31" s="327">
        <v>0</v>
      </c>
      <c r="HT31" s="327">
        <v>0</v>
      </c>
      <c r="HU31" s="327">
        <v>0</v>
      </c>
      <c r="HV31" s="327">
        <v>0</v>
      </c>
      <c r="HW31" s="327">
        <v>0</v>
      </c>
      <c r="HX31" s="331">
        <v>0</v>
      </c>
      <c r="HY31" s="330">
        <v>0</v>
      </c>
      <c r="HZ31" s="335">
        <v>0</v>
      </c>
      <c r="IA31" s="336">
        <v>0</v>
      </c>
      <c r="IB31" s="337">
        <v>0</v>
      </c>
      <c r="IC31" s="338">
        <v>0</v>
      </c>
      <c r="ID31" s="336">
        <v>450433</v>
      </c>
      <c r="IE31" s="339">
        <v>128666</v>
      </c>
      <c r="IF31" s="337">
        <v>496643</v>
      </c>
      <c r="IG31" s="336">
        <v>0</v>
      </c>
      <c r="IH31" s="337">
        <v>0</v>
      </c>
      <c r="II31" s="340">
        <v>1075742</v>
      </c>
      <c r="IJ31" s="341">
        <v>1075742</v>
      </c>
      <c r="IK31" s="342">
        <v>0</v>
      </c>
      <c r="IL31" s="343">
        <v>0</v>
      </c>
      <c r="IM31" s="344">
        <v>0</v>
      </c>
      <c r="IN31" s="404">
        <v>0</v>
      </c>
      <c r="IO31" s="345">
        <v>0</v>
      </c>
      <c r="IP31" s="345">
        <v>0</v>
      </c>
      <c r="IQ31" s="345">
        <v>0</v>
      </c>
      <c r="IR31" s="345">
        <v>0</v>
      </c>
      <c r="IS31" s="345">
        <v>0</v>
      </c>
      <c r="IT31" s="346">
        <v>0</v>
      </c>
      <c r="IU31" s="347">
        <v>0</v>
      </c>
      <c r="IV31" s="348">
        <v>0</v>
      </c>
      <c r="IW31" s="345">
        <v>0</v>
      </c>
      <c r="IX31" s="349">
        <v>0</v>
      </c>
      <c r="IY31" s="404">
        <v>0</v>
      </c>
      <c r="IZ31" s="345">
        <v>0</v>
      </c>
      <c r="JA31" s="345">
        <v>0</v>
      </c>
      <c r="JB31" s="345">
        <v>0</v>
      </c>
      <c r="JC31" s="345">
        <v>0</v>
      </c>
      <c r="JD31" s="345">
        <v>0</v>
      </c>
      <c r="JE31" s="349">
        <v>0</v>
      </c>
      <c r="JF31" s="350">
        <v>0</v>
      </c>
      <c r="JG31" s="348">
        <v>0</v>
      </c>
      <c r="JH31" s="345">
        <v>0</v>
      </c>
      <c r="JI31" s="346">
        <v>0</v>
      </c>
      <c r="JJ31" s="351">
        <v>0</v>
      </c>
      <c r="JK31" s="345">
        <v>27433</v>
      </c>
      <c r="JL31" s="345">
        <v>128666</v>
      </c>
      <c r="JM31" s="345">
        <v>50430</v>
      </c>
      <c r="JN31" s="345">
        <v>0</v>
      </c>
      <c r="JO31" s="345">
        <v>0</v>
      </c>
      <c r="JP31" s="349">
        <v>206529</v>
      </c>
      <c r="JQ31" s="347">
        <v>206529</v>
      </c>
      <c r="JR31" s="348">
        <v>0</v>
      </c>
      <c r="JS31" s="345">
        <v>0</v>
      </c>
      <c r="JT31" s="346">
        <v>0</v>
      </c>
      <c r="JU31" s="351">
        <v>0</v>
      </c>
      <c r="JV31" s="345">
        <v>0</v>
      </c>
      <c r="JW31" s="345">
        <v>0</v>
      </c>
      <c r="JX31" s="345">
        <v>0</v>
      </c>
      <c r="JY31" s="345">
        <v>0</v>
      </c>
      <c r="JZ31" s="345">
        <v>0</v>
      </c>
      <c r="KA31" s="349">
        <v>0</v>
      </c>
      <c r="KB31" s="347">
        <v>0</v>
      </c>
      <c r="KC31" s="352">
        <v>0</v>
      </c>
      <c r="KD31" s="353">
        <v>0</v>
      </c>
      <c r="KE31" s="349">
        <v>0</v>
      </c>
      <c r="KF31" s="351">
        <v>0</v>
      </c>
      <c r="KG31" s="345">
        <v>0</v>
      </c>
      <c r="KH31" s="345">
        <v>0</v>
      </c>
      <c r="KI31" s="345">
        <v>0</v>
      </c>
      <c r="KJ31" s="345">
        <v>0</v>
      </c>
      <c r="KK31" s="345">
        <v>0</v>
      </c>
      <c r="KL31" s="349">
        <v>0</v>
      </c>
      <c r="KM31" s="354">
        <v>0</v>
      </c>
      <c r="KN31" s="342">
        <v>0</v>
      </c>
      <c r="KO31" s="343">
        <v>0</v>
      </c>
      <c r="KP31" s="344">
        <v>0</v>
      </c>
      <c r="KQ31" s="404">
        <v>0</v>
      </c>
      <c r="KR31" s="345">
        <v>423000</v>
      </c>
      <c r="KS31" s="345">
        <v>0</v>
      </c>
      <c r="KT31" s="345">
        <v>446213</v>
      </c>
      <c r="KU31" s="345">
        <v>0</v>
      </c>
      <c r="KV31" s="345">
        <v>0</v>
      </c>
      <c r="KW31" s="349">
        <v>869213</v>
      </c>
      <c r="KX31" s="347">
        <v>869213</v>
      </c>
      <c r="KY31" s="348">
        <v>0</v>
      </c>
      <c r="KZ31" s="345">
        <v>0</v>
      </c>
      <c r="LA31" s="349">
        <v>0</v>
      </c>
      <c r="LB31" s="404">
        <v>0</v>
      </c>
      <c r="LC31" s="345">
        <v>0</v>
      </c>
      <c r="LD31" s="345">
        <v>0</v>
      </c>
      <c r="LE31" s="345">
        <v>0</v>
      </c>
      <c r="LF31" s="345">
        <v>0</v>
      </c>
      <c r="LG31" s="345">
        <v>0</v>
      </c>
      <c r="LH31" s="349">
        <v>0</v>
      </c>
      <c r="LI31" s="350">
        <v>0</v>
      </c>
      <c r="LJ31" s="348">
        <v>0</v>
      </c>
      <c r="LK31" s="345">
        <v>0</v>
      </c>
      <c r="LL31" s="349">
        <v>0</v>
      </c>
      <c r="LM31" s="404">
        <v>0</v>
      </c>
      <c r="LN31" s="345">
        <v>0</v>
      </c>
      <c r="LO31" s="345">
        <v>0</v>
      </c>
      <c r="LP31" s="345">
        <v>0</v>
      </c>
      <c r="LQ31" s="345">
        <v>0</v>
      </c>
      <c r="LR31" s="345">
        <v>0</v>
      </c>
      <c r="LS31" s="349">
        <v>0</v>
      </c>
      <c r="LT31" s="347">
        <v>0</v>
      </c>
      <c r="LU31" s="348">
        <v>0</v>
      </c>
      <c r="LV31" s="345">
        <v>0</v>
      </c>
      <c r="LW31" s="349">
        <v>0</v>
      </c>
      <c r="LX31" s="404">
        <v>0</v>
      </c>
      <c r="LY31" s="345">
        <v>0</v>
      </c>
      <c r="LZ31" s="345">
        <v>0</v>
      </c>
      <c r="MA31" s="345">
        <v>0</v>
      </c>
      <c r="MB31" s="345">
        <v>0</v>
      </c>
      <c r="MC31" s="345">
        <v>0</v>
      </c>
      <c r="MD31" s="349">
        <v>0</v>
      </c>
      <c r="ME31" s="350">
        <v>0</v>
      </c>
      <c r="MF31" s="348">
        <v>0</v>
      </c>
      <c r="MG31" s="345">
        <v>0</v>
      </c>
      <c r="MH31" s="349">
        <v>0</v>
      </c>
      <c r="MI31" s="404">
        <v>0</v>
      </c>
      <c r="MJ31" s="345">
        <v>0</v>
      </c>
      <c r="MK31" s="345">
        <v>0</v>
      </c>
      <c r="ML31" s="345">
        <v>240629</v>
      </c>
      <c r="MM31" s="345">
        <v>234641</v>
      </c>
      <c r="MN31" s="345">
        <v>498444</v>
      </c>
      <c r="MO31" s="349">
        <v>973714</v>
      </c>
      <c r="MP31" s="354">
        <v>973714</v>
      </c>
      <c r="MQ31" s="348">
        <v>0</v>
      </c>
      <c r="MR31" s="345">
        <v>0</v>
      </c>
      <c r="MS31" s="349">
        <v>0</v>
      </c>
      <c r="MT31" s="404">
        <v>0</v>
      </c>
      <c r="MU31" s="345">
        <v>0</v>
      </c>
      <c r="MV31" s="345">
        <v>0</v>
      </c>
      <c r="MW31" s="345">
        <v>0</v>
      </c>
      <c r="MX31" s="345">
        <v>0</v>
      </c>
      <c r="MY31" s="345">
        <v>498444</v>
      </c>
      <c r="MZ31" s="349">
        <v>498444</v>
      </c>
      <c r="NA31" s="354">
        <v>498444</v>
      </c>
      <c r="NB31" s="348">
        <v>0</v>
      </c>
      <c r="NC31" s="345">
        <v>0</v>
      </c>
      <c r="ND31" s="349">
        <v>0</v>
      </c>
      <c r="NE31" s="404">
        <v>0</v>
      </c>
      <c r="NF31" s="345">
        <v>0</v>
      </c>
      <c r="NG31" s="345">
        <v>0</v>
      </c>
      <c r="NH31" s="345">
        <v>240629</v>
      </c>
      <c r="NI31" s="345">
        <v>234641</v>
      </c>
      <c r="NJ31" s="345">
        <v>0</v>
      </c>
      <c r="NK31" s="349">
        <v>475270</v>
      </c>
      <c r="NL31" s="347">
        <v>475270</v>
      </c>
      <c r="NM31" s="348">
        <v>0</v>
      </c>
      <c r="NN31" s="345">
        <v>0</v>
      </c>
      <c r="NO31" s="349">
        <v>0</v>
      </c>
      <c r="NP31" s="404">
        <v>0</v>
      </c>
      <c r="NQ31" s="345">
        <v>0</v>
      </c>
      <c r="NR31" s="345">
        <v>0</v>
      </c>
      <c r="NS31" s="345">
        <v>0</v>
      </c>
      <c r="NT31" s="345">
        <v>0</v>
      </c>
      <c r="NU31" s="345">
        <v>0</v>
      </c>
      <c r="NV31" s="349">
        <v>0</v>
      </c>
      <c r="NW31" s="350">
        <v>0</v>
      </c>
      <c r="NX31" s="348">
        <v>0</v>
      </c>
      <c r="NY31" s="345">
        <v>0</v>
      </c>
      <c r="NZ31" s="349">
        <v>0</v>
      </c>
      <c r="OA31" s="404">
        <v>0</v>
      </c>
      <c r="OB31" s="345">
        <v>0</v>
      </c>
      <c r="OC31" s="345">
        <v>0</v>
      </c>
      <c r="OD31" s="345">
        <v>0</v>
      </c>
      <c r="OE31" s="345">
        <v>0</v>
      </c>
      <c r="OF31" s="345">
        <v>0</v>
      </c>
      <c r="OG31" s="349">
        <v>0</v>
      </c>
      <c r="OH31" s="350">
        <v>0</v>
      </c>
      <c r="OI31" s="348">
        <v>39826</v>
      </c>
      <c r="OJ31" s="345">
        <v>160026</v>
      </c>
      <c r="OK31" s="346">
        <v>199852</v>
      </c>
      <c r="OL31" s="351">
        <v>0</v>
      </c>
      <c r="OM31" s="345">
        <v>1705387</v>
      </c>
      <c r="ON31" s="345">
        <v>1937107</v>
      </c>
      <c r="OO31" s="345">
        <v>2153180</v>
      </c>
      <c r="OP31" s="345">
        <v>833754</v>
      </c>
      <c r="OQ31" s="345">
        <v>1942690</v>
      </c>
      <c r="OR31" s="349">
        <v>8572118</v>
      </c>
      <c r="OS31" s="354">
        <v>8771970</v>
      </c>
    </row>
    <row r="32" spans="2:409" s="70" customFormat="1" ht="21" customHeight="1" x14ac:dyDescent="0.2">
      <c r="B32" s="106" t="s">
        <v>27</v>
      </c>
      <c r="C32" s="326">
        <v>131143</v>
      </c>
      <c r="D32" s="327">
        <v>233209</v>
      </c>
      <c r="E32" s="328">
        <v>364352</v>
      </c>
      <c r="F32" s="329">
        <v>0</v>
      </c>
      <c r="G32" s="327">
        <v>865667</v>
      </c>
      <c r="H32" s="327">
        <v>1246380</v>
      </c>
      <c r="I32" s="327">
        <v>1919322</v>
      </c>
      <c r="J32" s="327">
        <v>687381</v>
      </c>
      <c r="K32" s="327">
        <v>466785</v>
      </c>
      <c r="L32" s="367">
        <v>5185535</v>
      </c>
      <c r="M32" s="330">
        <v>5549887</v>
      </c>
      <c r="N32" s="326">
        <v>28720</v>
      </c>
      <c r="O32" s="327">
        <v>64041</v>
      </c>
      <c r="P32" s="328">
        <v>92761</v>
      </c>
      <c r="Q32" s="326">
        <v>0</v>
      </c>
      <c r="R32" s="327">
        <v>85406</v>
      </c>
      <c r="S32" s="327">
        <v>364854</v>
      </c>
      <c r="T32" s="327">
        <v>505386</v>
      </c>
      <c r="U32" s="327">
        <v>321241</v>
      </c>
      <c r="V32" s="327">
        <v>46431</v>
      </c>
      <c r="W32" s="328">
        <v>1323318</v>
      </c>
      <c r="X32" s="330">
        <v>1416079</v>
      </c>
      <c r="Y32" s="326">
        <v>0</v>
      </c>
      <c r="Z32" s="327">
        <v>0</v>
      </c>
      <c r="AA32" s="328">
        <v>0</v>
      </c>
      <c r="AB32" s="326">
        <v>0</v>
      </c>
      <c r="AC32" s="327">
        <v>14602</v>
      </c>
      <c r="AD32" s="327">
        <v>255928</v>
      </c>
      <c r="AE32" s="327">
        <v>329662</v>
      </c>
      <c r="AF32" s="327">
        <v>89423</v>
      </c>
      <c r="AG32" s="327">
        <v>0</v>
      </c>
      <c r="AH32" s="328">
        <v>689615</v>
      </c>
      <c r="AI32" s="330">
        <v>689615</v>
      </c>
      <c r="AJ32" s="326">
        <v>0</v>
      </c>
      <c r="AK32" s="327">
        <v>0</v>
      </c>
      <c r="AL32" s="328">
        <v>0</v>
      </c>
      <c r="AM32" s="326">
        <v>0</v>
      </c>
      <c r="AN32" s="327">
        <v>0</v>
      </c>
      <c r="AO32" s="327">
        <v>0</v>
      </c>
      <c r="AP32" s="327">
        <v>0</v>
      </c>
      <c r="AQ32" s="327">
        <v>50510</v>
      </c>
      <c r="AR32" s="327">
        <v>0</v>
      </c>
      <c r="AS32" s="328">
        <v>50510</v>
      </c>
      <c r="AT32" s="330">
        <v>50510</v>
      </c>
      <c r="AU32" s="326">
        <v>17534</v>
      </c>
      <c r="AV32" s="327">
        <v>54465</v>
      </c>
      <c r="AW32" s="328">
        <v>71999</v>
      </c>
      <c r="AX32" s="326">
        <v>0</v>
      </c>
      <c r="AY32" s="327">
        <v>60311</v>
      </c>
      <c r="AZ32" s="327">
        <v>59051</v>
      </c>
      <c r="BA32" s="327">
        <v>88700</v>
      </c>
      <c r="BB32" s="327">
        <v>173104</v>
      </c>
      <c r="BC32" s="327">
        <v>0</v>
      </c>
      <c r="BD32" s="328">
        <v>381166</v>
      </c>
      <c r="BE32" s="330">
        <v>453165</v>
      </c>
      <c r="BF32" s="326">
        <v>0</v>
      </c>
      <c r="BG32" s="327">
        <v>0</v>
      </c>
      <c r="BH32" s="331">
        <v>0</v>
      </c>
      <c r="BI32" s="332">
        <v>0</v>
      </c>
      <c r="BJ32" s="327">
        <v>0</v>
      </c>
      <c r="BK32" s="327">
        <v>0</v>
      </c>
      <c r="BL32" s="327">
        <v>0</v>
      </c>
      <c r="BM32" s="327">
        <v>0</v>
      </c>
      <c r="BN32" s="327">
        <v>0</v>
      </c>
      <c r="BO32" s="328">
        <v>0</v>
      </c>
      <c r="BP32" s="330">
        <v>0</v>
      </c>
      <c r="BQ32" s="326">
        <v>11186</v>
      </c>
      <c r="BR32" s="327">
        <v>9576</v>
      </c>
      <c r="BS32" s="328">
        <v>20762</v>
      </c>
      <c r="BT32" s="326">
        <v>0</v>
      </c>
      <c r="BU32" s="327">
        <v>10493</v>
      </c>
      <c r="BV32" s="327">
        <v>49875</v>
      </c>
      <c r="BW32" s="327">
        <v>87024</v>
      </c>
      <c r="BX32" s="327">
        <v>8204</v>
      </c>
      <c r="BY32" s="327">
        <v>46431</v>
      </c>
      <c r="BZ32" s="328">
        <v>202027</v>
      </c>
      <c r="CA32" s="330">
        <v>222789</v>
      </c>
      <c r="CB32" s="326">
        <v>37006</v>
      </c>
      <c r="CC32" s="327">
        <v>34585</v>
      </c>
      <c r="CD32" s="328">
        <v>71591</v>
      </c>
      <c r="CE32" s="326">
        <v>0</v>
      </c>
      <c r="CF32" s="327">
        <v>339981</v>
      </c>
      <c r="CG32" s="327">
        <v>148497</v>
      </c>
      <c r="CH32" s="327">
        <v>226006</v>
      </c>
      <c r="CI32" s="327">
        <v>199623</v>
      </c>
      <c r="CJ32" s="327">
        <v>0</v>
      </c>
      <c r="CK32" s="328">
        <v>914107</v>
      </c>
      <c r="CL32" s="330">
        <v>985698</v>
      </c>
      <c r="CM32" s="326">
        <v>0</v>
      </c>
      <c r="CN32" s="327">
        <v>0</v>
      </c>
      <c r="CO32" s="328">
        <v>0</v>
      </c>
      <c r="CP32" s="332">
        <v>0</v>
      </c>
      <c r="CQ32" s="327">
        <v>248612</v>
      </c>
      <c r="CR32" s="327">
        <v>36568</v>
      </c>
      <c r="CS32" s="327">
        <v>158975</v>
      </c>
      <c r="CT32" s="327">
        <v>199623</v>
      </c>
      <c r="CU32" s="327">
        <v>0</v>
      </c>
      <c r="CV32" s="328">
        <v>643778</v>
      </c>
      <c r="CW32" s="330">
        <v>643778</v>
      </c>
      <c r="CX32" s="326">
        <v>37006</v>
      </c>
      <c r="CY32" s="327">
        <v>34585</v>
      </c>
      <c r="CZ32" s="328">
        <v>71591</v>
      </c>
      <c r="DA32" s="326">
        <v>0</v>
      </c>
      <c r="DB32" s="327">
        <v>91369</v>
      </c>
      <c r="DC32" s="327">
        <v>111929</v>
      </c>
      <c r="DD32" s="327">
        <v>67031</v>
      </c>
      <c r="DE32" s="327">
        <v>0</v>
      </c>
      <c r="DF32" s="327">
        <v>0</v>
      </c>
      <c r="DG32" s="328">
        <v>270329</v>
      </c>
      <c r="DH32" s="330">
        <v>341920</v>
      </c>
      <c r="DI32" s="326">
        <v>0</v>
      </c>
      <c r="DJ32" s="327">
        <v>0</v>
      </c>
      <c r="DK32" s="331">
        <v>0</v>
      </c>
      <c r="DL32" s="332">
        <v>0</v>
      </c>
      <c r="DM32" s="327">
        <v>81891</v>
      </c>
      <c r="DN32" s="327">
        <v>0</v>
      </c>
      <c r="DO32" s="327">
        <v>169400</v>
      </c>
      <c r="DP32" s="327">
        <v>113345</v>
      </c>
      <c r="DQ32" s="327">
        <v>0</v>
      </c>
      <c r="DR32" s="328">
        <v>364636</v>
      </c>
      <c r="DS32" s="330">
        <v>364636</v>
      </c>
      <c r="DT32" s="326">
        <v>0</v>
      </c>
      <c r="DU32" s="327">
        <v>0</v>
      </c>
      <c r="DV32" s="328">
        <v>0</v>
      </c>
      <c r="DW32" s="326">
        <v>0</v>
      </c>
      <c r="DX32" s="327">
        <v>23668</v>
      </c>
      <c r="DY32" s="327">
        <v>0</v>
      </c>
      <c r="DZ32" s="327">
        <v>118783</v>
      </c>
      <c r="EA32" s="327">
        <v>113345</v>
      </c>
      <c r="EB32" s="327">
        <v>0</v>
      </c>
      <c r="EC32" s="328">
        <v>255796</v>
      </c>
      <c r="ED32" s="330">
        <v>255796</v>
      </c>
      <c r="EE32" s="326">
        <v>0</v>
      </c>
      <c r="EF32" s="331">
        <v>0</v>
      </c>
      <c r="EG32" s="328">
        <v>0</v>
      </c>
      <c r="EH32" s="326">
        <v>0</v>
      </c>
      <c r="EI32" s="327">
        <v>58223</v>
      </c>
      <c r="EJ32" s="327">
        <v>0</v>
      </c>
      <c r="EK32" s="327">
        <v>50617</v>
      </c>
      <c r="EL32" s="327">
        <v>0</v>
      </c>
      <c r="EM32" s="327">
        <v>0</v>
      </c>
      <c r="EN32" s="331">
        <v>108840</v>
      </c>
      <c r="EO32" s="330">
        <v>108840</v>
      </c>
      <c r="EP32" s="326">
        <v>0</v>
      </c>
      <c r="EQ32" s="327">
        <v>0</v>
      </c>
      <c r="ER32" s="331">
        <v>0</v>
      </c>
      <c r="ES32" s="332">
        <v>0</v>
      </c>
      <c r="ET32" s="327">
        <v>0</v>
      </c>
      <c r="EU32" s="327">
        <v>0</v>
      </c>
      <c r="EV32" s="327">
        <v>0</v>
      </c>
      <c r="EW32" s="327">
        <v>0</v>
      </c>
      <c r="EX32" s="327">
        <v>0</v>
      </c>
      <c r="EY32" s="328">
        <v>0</v>
      </c>
      <c r="EZ32" s="330">
        <v>0</v>
      </c>
      <c r="FA32" s="326">
        <v>0</v>
      </c>
      <c r="FB32" s="327">
        <v>0</v>
      </c>
      <c r="FC32" s="331">
        <v>0</v>
      </c>
      <c r="FD32" s="404">
        <v>0</v>
      </c>
      <c r="FE32" s="327">
        <v>0</v>
      </c>
      <c r="FF32" s="327">
        <v>0</v>
      </c>
      <c r="FG32" s="327">
        <v>0</v>
      </c>
      <c r="FH32" s="327">
        <v>0</v>
      </c>
      <c r="FI32" s="327">
        <v>0</v>
      </c>
      <c r="FJ32" s="328">
        <v>0</v>
      </c>
      <c r="FK32" s="330">
        <v>0</v>
      </c>
      <c r="FL32" s="326">
        <v>16100</v>
      </c>
      <c r="FM32" s="327">
        <v>47740</v>
      </c>
      <c r="FN32" s="328">
        <v>63840</v>
      </c>
      <c r="FO32" s="326">
        <v>0</v>
      </c>
      <c r="FP32" s="327">
        <v>84354</v>
      </c>
      <c r="FQ32" s="327">
        <v>52906</v>
      </c>
      <c r="FR32" s="327">
        <v>138124</v>
      </c>
      <c r="FS32" s="327">
        <v>53172</v>
      </c>
      <c r="FT32" s="327">
        <v>0</v>
      </c>
      <c r="FU32" s="328">
        <v>328556</v>
      </c>
      <c r="FV32" s="330">
        <v>392396</v>
      </c>
      <c r="FW32" s="333">
        <v>16100</v>
      </c>
      <c r="FX32" s="327">
        <v>47740</v>
      </c>
      <c r="FY32" s="331">
        <v>63840</v>
      </c>
      <c r="FZ32" s="332">
        <v>0</v>
      </c>
      <c r="GA32" s="327">
        <v>47950</v>
      </c>
      <c r="GB32" s="327">
        <v>52906</v>
      </c>
      <c r="GC32" s="327">
        <v>138124</v>
      </c>
      <c r="GD32" s="327">
        <v>53172</v>
      </c>
      <c r="GE32" s="327">
        <v>0</v>
      </c>
      <c r="GF32" s="328">
        <v>292152</v>
      </c>
      <c r="GG32" s="334">
        <v>355992</v>
      </c>
      <c r="GH32" s="333">
        <v>0</v>
      </c>
      <c r="GI32" s="327">
        <v>0</v>
      </c>
      <c r="GJ32" s="331">
        <v>0</v>
      </c>
      <c r="GK32" s="332">
        <v>0</v>
      </c>
      <c r="GL32" s="327">
        <v>36404</v>
      </c>
      <c r="GM32" s="327">
        <v>0</v>
      </c>
      <c r="GN32" s="327">
        <v>0</v>
      </c>
      <c r="GO32" s="327">
        <v>0</v>
      </c>
      <c r="GP32" s="327">
        <v>0</v>
      </c>
      <c r="GQ32" s="328">
        <v>36404</v>
      </c>
      <c r="GR32" s="330">
        <v>36404</v>
      </c>
      <c r="GS32" s="326">
        <v>0</v>
      </c>
      <c r="GT32" s="327">
        <v>0</v>
      </c>
      <c r="GU32" s="328">
        <v>0</v>
      </c>
      <c r="GV32" s="326">
        <v>0</v>
      </c>
      <c r="GW32" s="327">
        <v>0</v>
      </c>
      <c r="GX32" s="327">
        <v>0</v>
      </c>
      <c r="GY32" s="327">
        <v>0</v>
      </c>
      <c r="GZ32" s="327">
        <v>0</v>
      </c>
      <c r="HA32" s="327">
        <v>0</v>
      </c>
      <c r="HB32" s="331">
        <v>0</v>
      </c>
      <c r="HC32" s="330">
        <v>0</v>
      </c>
      <c r="HD32" s="326">
        <v>49317</v>
      </c>
      <c r="HE32" s="327">
        <v>86843</v>
      </c>
      <c r="HF32" s="331">
        <v>136160</v>
      </c>
      <c r="HG32" s="332">
        <v>0</v>
      </c>
      <c r="HH32" s="327">
        <v>274035</v>
      </c>
      <c r="HI32" s="327">
        <v>680123</v>
      </c>
      <c r="HJ32" s="327">
        <v>880406</v>
      </c>
      <c r="HK32" s="327">
        <v>0</v>
      </c>
      <c r="HL32" s="327">
        <v>420354</v>
      </c>
      <c r="HM32" s="328">
        <v>2254918</v>
      </c>
      <c r="HN32" s="329">
        <v>2391078</v>
      </c>
      <c r="HO32" s="333">
        <v>0</v>
      </c>
      <c r="HP32" s="327">
        <v>0</v>
      </c>
      <c r="HQ32" s="328">
        <v>0</v>
      </c>
      <c r="HR32" s="326">
        <v>0</v>
      </c>
      <c r="HS32" s="327">
        <v>0</v>
      </c>
      <c r="HT32" s="327">
        <v>0</v>
      </c>
      <c r="HU32" s="327">
        <v>0</v>
      </c>
      <c r="HV32" s="327">
        <v>0</v>
      </c>
      <c r="HW32" s="327">
        <v>0</v>
      </c>
      <c r="HX32" s="331">
        <v>0</v>
      </c>
      <c r="HY32" s="330">
        <v>0</v>
      </c>
      <c r="HZ32" s="358">
        <v>0</v>
      </c>
      <c r="IA32" s="356">
        <v>0</v>
      </c>
      <c r="IB32" s="358">
        <v>0</v>
      </c>
      <c r="IC32" s="355">
        <v>0</v>
      </c>
      <c r="ID32" s="356">
        <v>423897</v>
      </c>
      <c r="IE32" s="357">
        <v>86591</v>
      </c>
      <c r="IF32" s="358">
        <v>234464</v>
      </c>
      <c r="IG32" s="356">
        <v>461460</v>
      </c>
      <c r="IH32" s="358">
        <v>0</v>
      </c>
      <c r="II32" s="359">
        <v>1206412</v>
      </c>
      <c r="IJ32" s="358">
        <v>1206412</v>
      </c>
      <c r="IK32" s="342">
        <v>0</v>
      </c>
      <c r="IL32" s="343">
        <v>0</v>
      </c>
      <c r="IM32" s="344">
        <v>0</v>
      </c>
      <c r="IN32" s="404">
        <v>0</v>
      </c>
      <c r="IO32" s="345">
        <v>0</v>
      </c>
      <c r="IP32" s="345">
        <v>0</v>
      </c>
      <c r="IQ32" s="345">
        <v>0</v>
      </c>
      <c r="IR32" s="345">
        <v>0</v>
      </c>
      <c r="IS32" s="345">
        <v>0</v>
      </c>
      <c r="IT32" s="346">
        <v>0</v>
      </c>
      <c r="IU32" s="347">
        <v>0</v>
      </c>
      <c r="IV32" s="348">
        <v>0</v>
      </c>
      <c r="IW32" s="345">
        <v>0</v>
      </c>
      <c r="IX32" s="349">
        <v>0</v>
      </c>
      <c r="IY32" s="404">
        <v>0</v>
      </c>
      <c r="IZ32" s="345">
        <v>0</v>
      </c>
      <c r="JA32" s="345">
        <v>0</v>
      </c>
      <c r="JB32" s="345">
        <v>0</v>
      </c>
      <c r="JC32" s="345">
        <v>0</v>
      </c>
      <c r="JD32" s="345">
        <v>0</v>
      </c>
      <c r="JE32" s="349">
        <v>0</v>
      </c>
      <c r="JF32" s="350">
        <v>0</v>
      </c>
      <c r="JG32" s="348">
        <v>0</v>
      </c>
      <c r="JH32" s="345">
        <v>0</v>
      </c>
      <c r="JI32" s="346">
        <v>0</v>
      </c>
      <c r="JJ32" s="351">
        <v>0</v>
      </c>
      <c r="JK32" s="345">
        <v>182101</v>
      </c>
      <c r="JL32" s="345">
        <v>36893</v>
      </c>
      <c r="JM32" s="345">
        <v>20934</v>
      </c>
      <c r="JN32" s="345">
        <v>0</v>
      </c>
      <c r="JO32" s="345">
        <v>0</v>
      </c>
      <c r="JP32" s="349">
        <v>239928</v>
      </c>
      <c r="JQ32" s="347">
        <v>239928</v>
      </c>
      <c r="JR32" s="348">
        <v>0</v>
      </c>
      <c r="JS32" s="345">
        <v>0</v>
      </c>
      <c r="JT32" s="346">
        <v>0</v>
      </c>
      <c r="JU32" s="351">
        <v>0</v>
      </c>
      <c r="JV32" s="345">
        <v>133173</v>
      </c>
      <c r="JW32" s="345">
        <v>49698</v>
      </c>
      <c r="JX32" s="345">
        <v>0</v>
      </c>
      <c r="JY32" s="345">
        <v>0</v>
      </c>
      <c r="JZ32" s="345">
        <v>0</v>
      </c>
      <c r="KA32" s="349">
        <v>182871</v>
      </c>
      <c r="KB32" s="347">
        <v>182871</v>
      </c>
      <c r="KC32" s="352">
        <v>0</v>
      </c>
      <c r="KD32" s="353">
        <v>0</v>
      </c>
      <c r="KE32" s="349">
        <v>0</v>
      </c>
      <c r="KF32" s="351">
        <v>0</v>
      </c>
      <c r="KG32" s="345">
        <v>0</v>
      </c>
      <c r="KH32" s="345">
        <v>0</v>
      </c>
      <c r="KI32" s="345">
        <v>0</v>
      </c>
      <c r="KJ32" s="345">
        <v>0</v>
      </c>
      <c r="KK32" s="345">
        <v>0</v>
      </c>
      <c r="KL32" s="349">
        <v>0</v>
      </c>
      <c r="KM32" s="354">
        <v>0</v>
      </c>
      <c r="KN32" s="342">
        <v>0</v>
      </c>
      <c r="KO32" s="343">
        <v>0</v>
      </c>
      <c r="KP32" s="344">
        <v>0</v>
      </c>
      <c r="KQ32" s="404">
        <v>0</v>
      </c>
      <c r="KR32" s="345">
        <v>0</v>
      </c>
      <c r="KS32" s="345">
        <v>0</v>
      </c>
      <c r="KT32" s="345">
        <v>0</v>
      </c>
      <c r="KU32" s="345">
        <v>228272</v>
      </c>
      <c r="KV32" s="345">
        <v>0</v>
      </c>
      <c r="KW32" s="349">
        <v>228272</v>
      </c>
      <c r="KX32" s="347">
        <v>228272</v>
      </c>
      <c r="KY32" s="348">
        <v>0</v>
      </c>
      <c r="KZ32" s="345">
        <v>0</v>
      </c>
      <c r="LA32" s="349">
        <v>0</v>
      </c>
      <c r="LB32" s="404">
        <v>0</v>
      </c>
      <c r="LC32" s="345">
        <v>0</v>
      </c>
      <c r="LD32" s="345">
        <v>0</v>
      </c>
      <c r="LE32" s="345">
        <v>0</v>
      </c>
      <c r="LF32" s="345">
        <v>0</v>
      </c>
      <c r="LG32" s="345">
        <v>0</v>
      </c>
      <c r="LH32" s="349">
        <v>0</v>
      </c>
      <c r="LI32" s="350">
        <v>0</v>
      </c>
      <c r="LJ32" s="348">
        <v>0</v>
      </c>
      <c r="LK32" s="345">
        <v>0</v>
      </c>
      <c r="LL32" s="349">
        <v>0</v>
      </c>
      <c r="LM32" s="404">
        <v>0</v>
      </c>
      <c r="LN32" s="345">
        <v>0</v>
      </c>
      <c r="LO32" s="345">
        <v>0</v>
      </c>
      <c r="LP32" s="345">
        <v>0</v>
      </c>
      <c r="LQ32" s="345">
        <v>233188</v>
      </c>
      <c r="LR32" s="345">
        <v>0</v>
      </c>
      <c r="LS32" s="349">
        <v>233188</v>
      </c>
      <c r="LT32" s="347">
        <v>233188</v>
      </c>
      <c r="LU32" s="348">
        <v>0</v>
      </c>
      <c r="LV32" s="345">
        <v>0</v>
      </c>
      <c r="LW32" s="349">
        <v>0</v>
      </c>
      <c r="LX32" s="404">
        <v>0</v>
      </c>
      <c r="LY32" s="345">
        <v>108623</v>
      </c>
      <c r="LZ32" s="345">
        <v>0</v>
      </c>
      <c r="MA32" s="345">
        <v>213530</v>
      </c>
      <c r="MB32" s="345">
        <v>0</v>
      </c>
      <c r="MC32" s="345">
        <v>0</v>
      </c>
      <c r="MD32" s="349">
        <v>322153</v>
      </c>
      <c r="ME32" s="350">
        <v>322153</v>
      </c>
      <c r="MF32" s="348">
        <v>0</v>
      </c>
      <c r="MG32" s="345">
        <v>0</v>
      </c>
      <c r="MH32" s="349">
        <v>0</v>
      </c>
      <c r="MI32" s="404">
        <v>0</v>
      </c>
      <c r="MJ32" s="345">
        <v>196201</v>
      </c>
      <c r="MK32" s="345">
        <v>161407</v>
      </c>
      <c r="ML32" s="345">
        <v>237538</v>
      </c>
      <c r="MM32" s="345">
        <v>227934</v>
      </c>
      <c r="MN32" s="345">
        <v>910103</v>
      </c>
      <c r="MO32" s="349">
        <v>1733183</v>
      </c>
      <c r="MP32" s="354">
        <v>1733183</v>
      </c>
      <c r="MQ32" s="348">
        <v>0</v>
      </c>
      <c r="MR32" s="345">
        <v>0</v>
      </c>
      <c r="MS32" s="349">
        <v>0</v>
      </c>
      <c r="MT32" s="404">
        <v>0</v>
      </c>
      <c r="MU32" s="345">
        <v>0</v>
      </c>
      <c r="MV32" s="345">
        <v>0</v>
      </c>
      <c r="MW32" s="345">
        <v>0</v>
      </c>
      <c r="MX32" s="345">
        <v>227934</v>
      </c>
      <c r="MY32" s="345">
        <v>241362</v>
      </c>
      <c r="MZ32" s="349">
        <v>469296</v>
      </c>
      <c r="NA32" s="354">
        <v>469296</v>
      </c>
      <c r="NB32" s="348">
        <v>0</v>
      </c>
      <c r="NC32" s="345">
        <v>0</v>
      </c>
      <c r="ND32" s="349">
        <v>0</v>
      </c>
      <c r="NE32" s="404">
        <v>0</v>
      </c>
      <c r="NF32" s="345">
        <v>196201</v>
      </c>
      <c r="NG32" s="345">
        <v>161407</v>
      </c>
      <c r="NH32" s="345">
        <v>237538</v>
      </c>
      <c r="NI32" s="345">
        <v>0</v>
      </c>
      <c r="NJ32" s="345">
        <v>314507</v>
      </c>
      <c r="NK32" s="349">
        <v>909653</v>
      </c>
      <c r="NL32" s="347">
        <v>909653</v>
      </c>
      <c r="NM32" s="348">
        <v>0</v>
      </c>
      <c r="NN32" s="345">
        <v>0</v>
      </c>
      <c r="NO32" s="349">
        <v>0</v>
      </c>
      <c r="NP32" s="404">
        <v>0</v>
      </c>
      <c r="NQ32" s="345">
        <v>0</v>
      </c>
      <c r="NR32" s="345">
        <v>0</v>
      </c>
      <c r="NS32" s="345">
        <v>0</v>
      </c>
      <c r="NT32" s="345">
        <v>0</v>
      </c>
      <c r="NU32" s="345">
        <v>0</v>
      </c>
      <c r="NV32" s="349">
        <v>0</v>
      </c>
      <c r="NW32" s="350">
        <v>0</v>
      </c>
      <c r="NX32" s="348">
        <v>0</v>
      </c>
      <c r="NY32" s="345">
        <v>0</v>
      </c>
      <c r="NZ32" s="349">
        <v>0</v>
      </c>
      <c r="OA32" s="404">
        <v>0</v>
      </c>
      <c r="OB32" s="345">
        <v>0</v>
      </c>
      <c r="OC32" s="345">
        <v>0</v>
      </c>
      <c r="OD32" s="345">
        <v>0</v>
      </c>
      <c r="OE32" s="345">
        <v>0</v>
      </c>
      <c r="OF32" s="345">
        <v>354234</v>
      </c>
      <c r="OG32" s="349">
        <v>354234</v>
      </c>
      <c r="OH32" s="350">
        <v>354234</v>
      </c>
      <c r="OI32" s="348">
        <v>131143</v>
      </c>
      <c r="OJ32" s="345">
        <v>233209</v>
      </c>
      <c r="OK32" s="346">
        <v>364352</v>
      </c>
      <c r="OL32" s="351">
        <v>0</v>
      </c>
      <c r="OM32" s="345">
        <v>1485765</v>
      </c>
      <c r="ON32" s="345">
        <v>1494378</v>
      </c>
      <c r="OO32" s="345">
        <v>2391324</v>
      </c>
      <c r="OP32" s="345">
        <v>1376775</v>
      </c>
      <c r="OQ32" s="345">
        <v>1376888</v>
      </c>
      <c r="OR32" s="349">
        <v>8125130</v>
      </c>
      <c r="OS32" s="354">
        <v>8489482</v>
      </c>
    </row>
    <row r="33" spans="2:409" s="70" customFormat="1" ht="21" customHeight="1" x14ac:dyDescent="0.2">
      <c r="B33" s="106" t="s">
        <v>28</v>
      </c>
      <c r="C33" s="326">
        <v>0</v>
      </c>
      <c r="D33" s="327">
        <v>25994</v>
      </c>
      <c r="E33" s="328">
        <v>25994</v>
      </c>
      <c r="F33" s="329">
        <v>0</v>
      </c>
      <c r="G33" s="327">
        <v>34813</v>
      </c>
      <c r="H33" s="327">
        <v>150756</v>
      </c>
      <c r="I33" s="327">
        <v>396190</v>
      </c>
      <c r="J33" s="327">
        <v>134196</v>
      </c>
      <c r="K33" s="327">
        <v>362756</v>
      </c>
      <c r="L33" s="367">
        <v>1078711</v>
      </c>
      <c r="M33" s="330">
        <v>1104705</v>
      </c>
      <c r="N33" s="326">
        <v>0</v>
      </c>
      <c r="O33" s="327">
        <v>18294</v>
      </c>
      <c r="P33" s="328">
        <v>18294</v>
      </c>
      <c r="Q33" s="326">
        <v>0</v>
      </c>
      <c r="R33" s="327">
        <v>34813</v>
      </c>
      <c r="S33" s="327">
        <v>106908</v>
      </c>
      <c r="T33" s="327">
        <v>76336</v>
      </c>
      <c r="U33" s="327">
        <v>112846</v>
      </c>
      <c r="V33" s="327">
        <v>36769</v>
      </c>
      <c r="W33" s="328">
        <v>367672</v>
      </c>
      <c r="X33" s="330">
        <v>385966</v>
      </c>
      <c r="Y33" s="326">
        <v>0</v>
      </c>
      <c r="Z33" s="327">
        <v>0</v>
      </c>
      <c r="AA33" s="328">
        <v>0</v>
      </c>
      <c r="AB33" s="326">
        <v>0</v>
      </c>
      <c r="AC33" s="327">
        <v>34813</v>
      </c>
      <c r="AD33" s="327">
        <v>46251</v>
      </c>
      <c r="AE33" s="327">
        <v>0</v>
      </c>
      <c r="AF33" s="327">
        <v>101408</v>
      </c>
      <c r="AG33" s="327">
        <v>19941</v>
      </c>
      <c r="AH33" s="328">
        <v>202413</v>
      </c>
      <c r="AI33" s="330">
        <v>202413</v>
      </c>
      <c r="AJ33" s="326">
        <v>0</v>
      </c>
      <c r="AK33" s="327">
        <v>0</v>
      </c>
      <c r="AL33" s="328">
        <v>0</v>
      </c>
      <c r="AM33" s="326">
        <v>0</v>
      </c>
      <c r="AN33" s="327">
        <v>0</v>
      </c>
      <c r="AO33" s="327">
        <v>0</v>
      </c>
      <c r="AP33" s="327">
        <v>0</v>
      </c>
      <c r="AQ33" s="327">
        <v>0</v>
      </c>
      <c r="AR33" s="327">
        <v>0</v>
      </c>
      <c r="AS33" s="328">
        <v>0</v>
      </c>
      <c r="AT33" s="330">
        <v>0</v>
      </c>
      <c r="AU33" s="326">
        <v>0</v>
      </c>
      <c r="AV33" s="327">
        <v>11042</v>
      </c>
      <c r="AW33" s="328">
        <v>11042</v>
      </c>
      <c r="AX33" s="326">
        <v>0</v>
      </c>
      <c r="AY33" s="327">
        <v>0</v>
      </c>
      <c r="AZ33" s="327">
        <v>43836</v>
      </c>
      <c r="BA33" s="327">
        <v>76336</v>
      </c>
      <c r="BB33" s="327">
        <v>0</v>
      </c>
      <c r="BC33" s="327">
        <v>0</v>
      </c>
      <c r="BD33" s="328">
        <v>120172</v>
      </c>
      <c r="BE33" s="330">
        <v>131214</v>
      </c>
      <c r="BF33" s="326">
        <v>0</v>
      </c>
      <c r="BG33" s="327">
        <v>0</v>
      </c>
      <c r="BH33" s="331">
        <v>0</v>
      </c>
      <c r="BI33" s="332">
        <v>0</v>
      </c>
      <c r="BJ33" s="327">
        <v>0</v>
      </c>
      <c r="BK33" s="327">
        <v>0</v>
      </c>
      <c r="BL33" s="327">
        <v>0</v>
      </c>
      <c r="BM33" s="327">
        <v>0</v>
      </c>
      <c r="BN33" s="327">
        <v>0</v>
      </c>
      <c r="BO33" s="328">
        <v>0</v>
      </c>
      <c r="BP33" s="330">
        <v>0</v>
      </c>
      <c r="BQ33" s="326">
        <v>0</v>
      </c>
      <c r="BR33" s="327">
        <v>7252</v>
      </c>
      <c r="BS33" s="328">
        <v>7252</v>
      </c>
      <c r="BT33" s="326">
        <v>0</v>
      </c>
      <c r="BU33" s="327">
        <v>0</v>
      </c>
      <c r="BV33" s="327">
        <v>16821</v>
      </c>
      <c r="BW33" s="327">
        <v>0</v>
      </c>
      <c r="BX33" s="327">
        <v>11438</v>
      </c>
      <c r="BY33" s="327">
        <v>16828</v>
      </c>
      <c r="BZ33" s="328">
        <v>45087</v>
      </c>
      <c r="CA33" s="330">
        <v>52339</v>
      </c>
      <c r="CB33" s="326">
        <v>0</v>
      </c>
      <c r="CC33" s="327">
        <v>0</v>
      </c>
      <c r="CD33" s="328">
        <v>0</v>
      </c>
      <c r="CE33" s="326">
        <v>0</v>
      </c>
      <c r="CF33" s="327">
        <v>0</v>
      </c>
      <c r="CG33" s="327">
        <v>0</v>
      </c>
      <c r="CH33" s="327">
        <v>284574</v>
      </c>
      <c r="CI33" s="327">
        <v>0</v>
      </c>
      <c r="CJ33" s="327">
        <v>0</v>
      </c>
      <c r="CK33" s="328">
        <v>284574</v>
      </c>
      <c r="CL33" s="330">
        <v>284574</v>
      </c>
      <c r="CM33" s="326">
        <v>0</v>
      </c>
      <c r="CN33" s="327">
        <v>0</v>
      </c>
      <c r="CO33" s="328">
        <v>0</v>
      </c>
      <c r="CP33" s="332">
        <v>0</v>
      </c>
      <c r="CQ33" s="327">
        <v>0</v>
      </c>
      <c r="CR33" s="327">
        <v>0</v>
      </c>
      <c r="CS33" s="327">
        <v>183986</v>
      </c>
      <c r="CT33" s="327">
        <v>0</v>
      </c>
      <c r="CU33" s="327">
        <v>0</v>
      </c>
      <c r="CV33" s="328">
        <v>183986</v>
      </c>
      <c r="CW33" s="330">
        <v>183986</v>
      </c>
      <c r="CX33" s="326">
        <v>0</v>
      </c>
      <c r="CY33" s="327">
        <v>0</v>
      </c>
      <c r="CZ33" s="328">
        <v>0</v>
      </c>
      <c r="DA33" s="326">
        <v>0</v>
      </c>
      <c r="DB33" s="327">
        <v>0</v>
      </c>
      <c r="DC33" s="327">
        <v>0</v>
      </c>
      <c r="DD33" s="327">
        <v>100588</v>
      </c>
      <c r="DE33" s="327">
        <v>0</v>
      </c>
      <c r="DF33" s="327">
        <v>0</v>
      </c>
      <c r="DG33" s="328">
        <v>100588</v>
      </c>
      <c r="DH33" s="330">
        <v>100588</v>
      </c>
      <c r="DI33" s="326">
        <v>0</v>
      </c>
      <c r="DJ33" s="327">
        <v>0</v>
      </c>
      <c r="DK33" s="331">
        <v>0</v>
      </c>
      <c r="DL33" s="332">
        <v>0</v>
      </c>
      <c r="DM33" s="327">
        <v>0</v>
      </c>
      <c r="DN33" s="327">
        <v>0</v>
      </c>
      <c r="DO33" s="327">
        <v>0</v>
      </c>
      <c r="DP33" s="327">
        <v>0</v>
      </c>
      <c r="DQ33" s="327">
        <v>0</v>
      </c>
      <c r="DR33" s="328">
        <v>0</v>
      </c>
      <c r="DS33" s="330">
        <v>0</v>
      </c>
      <c r="DT33" s="326">
        <v>0</v>
      </c>
      <c r="DU33" s="327">
        <v>0</v>
      </c>
      <c r="DV33" s="328">
        <v>0</v>
      </c>
      <c r="DW33" s="326">
        <v>0</v>
      </c>
      <c r="DX33" s="327">
        <v>0</v>
      </c>
      <c r="DY33" s="327">
        <v>0</v>
      </c>
      <c r="DZ33" s="327">
        <v>0</v>
      </c>
      <c r="EA33" s="327">
        <v>0</v>
      </c>
      <c r="EB33" s="327">
        <v>0</v>
      </c>
      <c r="EC33" s="328">
        <v>0</v>
      </c>
      <c r="ED33" s="330">
        <v>0</v>
      </c>
      <c r="EE33" s="326">
        <v>0</v>
      </c>
      <c r="EF33" s="331">
        <v>0</v>
      </c>
      <c r="EG33" s="328">
        <v>0</v>
      </c>
      <c r="EH33" s="326">
        <v>0</v>
      </c>
      <c r="EI33" s="327">
        <v>0</v>
      </c>
      <c r="EJ33" s="327">
        <v>0</v>
      </c>
      <c r="EK33" s="327">
        <v>0</v>
      </c>
      <c r="EL33" s="327">
        <v>0</v>
      </c>
      <c r="EM33" s="327">
        <v>0</v>
      </c>
      <c r="EN33" s="331">
        <v>0</v>
      </c>
      <c r="EO33" s="330">
        <v>0</v>
      </c>
      <c r="EP33" s="326">
        <v>0</v>
      </c>
      <c r="EQ33" s="327">
        <v>0</v>
      </c>
      <c r="ER33" s="331">
        <v>0</v>
      </c>
      <c r="ES33" s="332">
        <v>0</v>
      </c>
      <c r="ET33" s="327">
        <v>0</v>
      </c>
      <c r="EU33" s="327">
        <v>0</v>
      </c>
      <c r="EV33" s="327">
        <v>0</v>
      </c>
      <c r="EW33" s="327">
        <v>0</v>
      </c>
      <c r="EX33" s="327">
        <v>0</v>
      </c>
      <c r="EY33" s="328">
        <v>0</v>
      </c>
      <c r="EZ33" s="330">
        <v>0</v>
      </c>
      <c r="FA33" s="326">
        <v>0</v>
      </c>
      <c r="FB33" s="327">
        <v>0</v>
      </c>
      <c r="FC33" s="331">
        <v>0</v>
      </c>
      <c r="FD33" s="404">
        <v>0</v>
      </c>
      <c r="FE33" s="327">
        <v>0</v>
      </c>
      <c r="FF33" s="327">
        <v>0</v>
      </c>
      <c r="FG33" s="327">
        <v>0</v>
      </c>
      <c r="FH33" s="327">
        <v>0</v>
      </c>
      <c r="FI33" s="327">
        <v>0</v>
      </c>
      <c r="FJ33" s="328">
        <v>0</v>
      </c>
      <c r="FK33" s="330">
        <v>0</v>
      </c>
      <c r="FL33" s="326">
        <v>0</v>
      </c>
      <c r="FM33" s="327">
        <v>7700</v>
      </c>
      <c r="FN33" s="328">
        <v>7700</v>
      </c>
      <c r="FO33" s="326">
        <v>0</v>
      </c>
      <c r="FP33" s="327">
        <v>0</v>
      </c>
      <c r="FQ33" s="327">
        <v>43848</v>
      </c>
      <c r="FR33" s="327">
        <v>35280</v>
      </c>
      <c r="FS33" s="327">
        <v>21350</v>
      </c>
      <c r="FT33" s="327">
        <v>6475</v>
      </c>
      <c r="FU33" s="328">
        <v>106953</v>
      </c>
      <c r="FV33" s="330">
        <v>114653</v>
      </c>
      <c r="FW33" s="333">
        <v>0</v>
      </c>
      <c r="FX33" s="327">
        <v>7700</v>
      </c>
      <c r="FY33" s="331">
        <v>7700</v>
      </c>
      <c r="FZ33" s="332">
        <v>0</v>
      </c>
      <c r="GA33" s="327">
        <v>0</v>
      </c>
      <c r="GB33" s="327">
        <v>43848</v>
      </c>
      <c r="GC33" s="327">
        <v>35280</v>
      </c>
      <c r="GD33" s="327">
        <v>21350</v>
      </c>
      <c r="GE33" s="327">
        <v>6475</v>
      </c>
      <c r="GF33" s="328">
        <v>106953</v>
      </c>
      <c r="GG33" s="334">
        <v>114653</v>
      </c>
      <c r="GH33" s="333">
        <v>0</v>
      </c>
      <c r="GI33" s="327">
        <v>0</v>
      </c>
      <c r="GJ33" s="331">
        <v>0</v>
      </c>
      <c r="GK33" s="332">
        <v>0</v>
      </c>
      <c r="GL33" s="327">
        <v>0</v>
      </c>
      <c r="GM33" s="327">
        <v>0</v>
      </c>
      <c r="GN33" s="327">
        <v>0</v>
      </c>
      <c r="GO33" s="327">
        <v>0</v>
      </c>
      <c r="GP33" s="327">
        <v>0</v>
      </c>
      <c r="GQ33" s="328">
        <v>0</v>
      </c>
      <c r="GR33" s="330">
        <v>0</v>
      </c>
      <c r="GS33" s="326">
        <v>0</v>
      </c>
      <c r="GT33" s="327">
        <v>0</v>
      </c>
      <c r="GU33" s="328">
        <v>0</v>
      </c>
      <c r="GV33" s="326">
        <v>0</v>
      </c>
      <c r="GW33" s="327">
        <v>0</v>
      </c>
      <c r="GX33" s="327">
        <v>0</v>
      </c>
      <c r="GY33" s="327">
        <v>0</v>
      </c>
      <c r="GZ33" s="327">
        <v>0</v>
      </c>
      <c r="HA33" s="327">
        <v>0</v>
      </c>
      <c r="HB33" s="331">
        <v>0</v>
      </c>
      <c r="HC33" s="330">
        <v>0</v>
      </c>
      <c r="HD33" s="326">
        <v>0</v>
      </c>
      <c r="HE33" s="327">
        <v>0</v>
      </c>
      <c r="HF33" s="331">
        <v>0</v>
      </c>
      <c r="HG33" s="332">
        <v>0</v>
      </c>
      <c r="HH33" s="327">
        <v>0</v>
      </c>
      <c r="HI33" s="327">
        <v>0</v>
      </c>
      <c r="HJ33" s="327">
        <v>0</v>
      </c>
      <c r="HK33" s="327">
        <v>0</v>
      </c>
      <c r="HL33" s="327">
        <v>319512</v>
      </c>
      <c r="HM33" s="328">
        <v>319512</v>
      </c>
      <c r="HN33" s="329">
        <v>319512</v>
      </c>
      <c r="HO33" s="333">
        <v>0</v>
      </c>
      <c r="HP33" s="327">
        <v>0</v>
      </c>
      <c r="HQ33" s="328">
        <v>0</v>
      </c>
      <c r="HR33" s="326">
        <v>0</v>
      </c>
      <c r="HS33" s="327">
        <v>0</v>
      </c>
      <c r="HT33" s="327">
        <v>0</v>
      </c>
      <c r="HU33" s="327">
        <v>0</v>
      </c>
      <c r="HV33" s="327">
        <v>0</v>
      </c>
      <c r="HW33" s="327">
        <v>0</v>
      </c>
      <c r="HX33" s="331">
        <v>0</v>
      </c>
      <c r="HY33" s="330">
        <v>0</v>
      </c>
      <c r="HZ33" s="335">
        <v>0</v>
      </c>
      <c r="IA33" s="336">
        <v>0</v>
      </c>
      <c r="IB33" s="337">
        <v>0</v>
      </c>
      <c r="IC33" s="338">
        <v>0</v>
      </c>
      <c r="ID33" s="336">
        <v>133467</v>
      </c>
      <c r="IE33" s="339">
        <v>239111</v>
      </c>
      <c r="IF33" s="337">
        <v>18805</v>
      </c>
      <c r="IG33" s="336">
        <v>0</v>
      </c>
      <c r="IH33" s="337">
        <v>0</v>
      </c>
      <c r="II33" s="340">
        <v>391383</v>
      </c>
      <c r="IJ33" s="341">
        <v>391383</v>
      </c>
      <c r="IK33" s="342">
        <v>0</v>
      </c>
      <c r="IL33" s="343">
        <v>0</v>
      </c>
      <c r="IM33" s="344">
        <v>0</v>
      </c>
      <c r="IN33" s="404">
        <v>0</v>
      </c>
      <c r="IO33" s="345">
        <v>0</v>
      </c>
      <c r="IP33" s="345">
        <v>0</v>
      </c>
      <c r="IQ33" s="345">
        <v>0</v>
      </c>
      <c r="IR33" s="345">
        <v>0</v>
      </c>
      <c r="IS33" s="345">
        <v>0</v>
      </c>
      <c r="IT33" s="346">
        <v>0</v>
      </c>
      <c r="IU33" s="347">
        <v>0</v>
      </c>
      <c r="IV33" s="348">
        <v>0</v>
      </c>
      <c r="IW33" s="345">
        <v>0</v>
      </c>
      <c r="IX33" s="349">
        <v>0</v>
      </c>
      <c r="IY33" s="404">
        <v>0</v>
      </c>
      <c r="IZ33" s="345">
        <v>0</v>
      </c>
      <c r="JA33" s="345">
        <v>0</v>
      </c>
      <c r="JB33" s="345">
        <v>0</v>
      </c>
      <c r="JC33" s="345">
        <v>0</v>
      </c>
      <c r="JD33" s="345">
        <v>0</v>
      </c>
      <c r="JE33" s="349">
        <v>0</v>
      </c>
      <c r="JF33" s="350">
        <v>0</v>
      </c>
      <c r="JG33" s="348">
        <v>0</v>
      </c>
      <c r="JH33" s="345">
        <v>0</v>
      </c>
      <c r="JI33" s="346">
        <v>0</v>
      </c>
      <c r="JJ33" s="351">
        <v>0</v>
      </c>
      <c r="JK33" s="345">
        <v>133467</v>
      </c>
      <c r="JL33" s="345">
        <v>15239</v>
      </c>
      <c r="JM33" s="345">
        <v>18805</v>
      </c>
      <c r="JN33" s="345">
        <v>0</v>
      </c>
      <c r="JO33" s="345">
        <v>0</v>
      </c>
      <c r="JP33" s="349">
        <v>167511</v>
      </c>
      <c r="JQ33" s="347">
        <v>167511</v>
      </c>
      <c r="JR33" s="348">
        <v>0</v>
      </c>
      <c r="JS33" s="345">
        <v>0</v>
      </c>
      <c r="JT33" s="346">
        <v>0</v>
      </c>
      <c r="JU33" s="351">
        <v>0</v>
      </c>
      <c r="JV33" s="345">
        <v>0</v>
      </c>
      <c r="JW33" s="345">
        <v>0</v>
      </c>
      <c r="JX33" s="345">
        <v>0</v>
      </c>
      <c r="JY33" s="345">
        <v>0</v>
      </c>
      <c r="JZ33" s="345">
        <v>0</v>
      </c>
      <c r="KA33" s="349">
        <v>0</v>
      </c>
      <c r="KB33" s="347">
        <v>0</v>
      </c>
      <c r="KC33" s="352">
        <v>0</v>
      </c>
      <c r="KD33" s="353">
        <v>0</v>
      </c>
      <c r="KE33" s="349">
        <v>0</v>
      </c>
      <c r="KF33" s="351">
        <v>0</v>
      </c>
      <c r="KG33" s="345">
        <v>0</v>
      </c>
      <c r="KH33" s="345">
        <v>0</v>
      </c>
      <c r="KI33" s="345">
        <v>0</v>
      </c>
      <c r="KJ33" s="345">
        <v>0</v>
      </c>
      <c r="KK33" s="345">
        <v>0</v>
      </c>
      <c r="KL33" s="349">
        <v>0</v>
      </c>
      <c r="KM33" s="354">
        <v>0</v>
      </c>
      <c r="KN33" s="342">
        <v>0</v>
      </c>
      <c r="KO33" s="343">
        <v>0</v>
      </c>
      <c r="KP33" s="344">
        <v>0</v>
      </c>
      <c r="KQ33" s="404">
        <v>0</v>
      </c>
      <c r="KR33" s="345">
        <v>0</v>
      </c>
      <c r="KS33" s="345">
        <v>223872</v>
      </c>
      <c r="KT33" s="345">
        <v>0</v>
      </c>
      <c r="KU33" s="345">
        <v>0</v>
      </c>
      <c r="KV33" s="345">
        <v>0</v>
      </c>
      <c r="KW33" s="349">
        <v>223872</v>
      </c>
      <c r="KX33" s="347">
        <v>223872</v>
      </c>
      <c r="KY33" s="348">
        <v>0</v>
      </c>
      <c r="KZ33" s="345">
        <v>0</v>
      </c>
      <c r="LA33" s="349">
        <v>0</v>
      </c>
      <c r="LB33" s="404">
        <v>0</v>
      </c>
      <c r="LC33" s="345">
        <v>0</v>
      </c>
      <c r="LD33" s="345">
        <v>0</v>
      </c>
      <c r="LE33" s="345">
        <v>0</v>
      </c>
      <c r="LF33" s="345">
        <v>0</v>
      </c>
      <c r="LG33" s="345">
        <v>0</v>
      </c>
      <c r="LH33" s="349">
        <v>0</v>
      </c>
      <c r="LI33" s="350">
        <v>0</v>
      </c>
      <c r="LJ33" s="348">
        <v>0</v>
      </c>
      <c r="LK33" s="345">
        <v>0</v>
      </c>
      <c r="LL33" s="349">
        <v>0</v>
      </c>
      <c r="LM33" s="404">
        <v>0</v>
      </c>
      <c r="LN33" s="345">
        <v>0</v>
      </c>
      <c r="LO33" s="345">
        <v>0</v>
      </c>
      <c r="LP33" s="345">
        <v>0</v>
      </c>
      <c r="LQ33" s="345">
        <v>0</v>
      </c>
      <c r="LR33" s="345">
        <v>0</v>
      </c>
      <c r="LS33" s="349">
        <v>0</v>
      </c>
      <c r="LT33" s="347">
        <v>0</v>
      </c>
      <c r="LU33" s="348">
        <v>0</v>
      </c>
      <c r="LV33" s="345">
        <v>0</v>
      </c>
      <c r="LW33" s="349">
        <v>0</v>
      </c>
      <c r="LX33" s="404">
        <v>0</v>
      </c>
      <c r="LY33" s="345">
        <v>0</v>
      </c>
      <c r="LZ33" s="345">
        <v>0</v>
      </c>
      <c r="MA33" s="345">
        <v>0</v>
      </c>
      <c r="MB33" s="345">
        <v>0</v>
      </c>
      <c r="MC33" s="345">
        <v>0</v>
      </c>
      <c r="MD33" s="349">
        <v>0</v>
      </c>
      <c r="ME33" s="350">
        <v>0</v>
      </c>
      <c r="MF33" s="348">
        <v>0</v>
      </c>
      <c r="MG33" s="345">
        <v>0</v>
      </c>
      <c r="MH33" s="349">
        <v>0</v>
      </c>
      <c r="MI33" s="404">
        <v>0</v>
      </c>
      <c r="MJ33" s="345">
        <v>0</v>
      </c>
      <c r="MK33" s="345">
        <v>0</v>
      </c>
      <c r="ML33" s="345">
        <v>246812</v>
      </c>
      <c r="MM33" s="345">
        <v>0</v>
      </c>
      <c r="MN33" s="345">
        <v>0</v>
      </c>
      <c r="MO33" s="349">
        <v>246812</v>
      </c>
      <c r="MP33" s="354">
        <v>246812</v>
      </c>
      <c r="MQ33" s="348">
        <v>0</v>
      </c>
      <c r="MR33" s="345">
        <v>0</v>
      </c>
      <c r="MS33" s="349">
        <v>0</v>
      </c>
      <c r="MT33" s="404">
        <v>0</v>
      </c>
      <c r="MU33" s="345">
        <v>0</v>
      </c>
      <c r="MV33" s="345">
        <v>0</v>
      </c>
      <c r="MW33" s="345">
        <v>0</v>
      </c>
      <c r="MX33" s="345">
        <v>0</v>
      </c>
      <c r="MY33" s="345">
        <v>0</v>
      </c>
      <c r="MZ33" s="349">
        <v>0</v>
      </c>
      <c r="NA33" s="354">
        <v>0</v>
      </c>
      <c r="NB33" s="348">
        <v>0</v>
      </c>
      <c r="NC33" s="345">
        <v>0</v>
      </c>
      <c r="ND33" s="349">
        <v>0</v>
      </c>
      <c r="NE33" s="404">
        <v>0</v>
      </c>
      <c r="NF33" s="345">
        <v>0</v>
      </c>
      <c r="NG33" s="345">
        <v>0</v>
      </c>
      <c r="NH33" s="345">
        <v>246812</v>
      </c>
      <c r="NI33" s="345">
        <v>0</v>
      </c>
      <c r="NJ33" s="345">
        <v>0</v>
      </c>
      <c r="NK33" s="349">
        <v>246812</v>
      </c>
      <c r="NL33" s="347">
        <v>246812</v>
      </c>
      <c r="NM33" s="348">
        <v>0</v>
      </c>
      <c r="NN33" s="345">
        <v>0</v>
      </c>
      <c r="NO33" s="349">
        <v>0</v>
      </c>
      <c r="NP33" s="404">
        <v>0</v>
      </c>
      <c r="NQ33" s="345">
        <v>0</v>
      </c>
      <c r="NR33" s="345">
        <v>0</v>
      </c>
      <c r="NS33" s="345">
        <v>0</v>
      </c>
      <c r="NT33" s="345">
        <v>0</v>
      </c>
      <c r="NU33" s="345">
        <v>0</v>
      </c>
      <c r="NV33" s="349">
        <v>0</v>
      </c>
      <c r="NW33" s="350">
        <v>0</v>
      </c>
      <c r="NX33" s="348">
        <v>0</v>
      </c>
      <c r="NY33" s="345">
        <v>0</v>
      </c>
      <c r="NZ33" s="349">
        <v>0</v>
      </c>
      <c r="OA33" s="404">
        <v>0</v>
      </c>
      <c r="OB33" s="345">
        <v>0</v>
      </c>
      <c r="OC33" s="345">
        <v>0</v>
      </c>
      <c r="OD33" s="345">
        <v>0</v>
      </c>
      <c r="OE33" s="345">
        <v>0</v>
      </c>
      <c r="OF33" s="345">
        <v>0</v>
      </c>
      <c r="OG33" s="349">
        <v>0</v>
      </c>
      <c r="OH33" s="350">
        <v>0</v>
      </c>
      <c r="OI33" s="348">
        <v>0</v>
      </c>
      <c r="OJ33" s="345">
        <v>25994</v>
      </c>
      <c r="OK33" s="346">
        <v>25994</v>
      </c>
      <c r="OL33" s="351">
        <v>0</v>
      </c>
      <c r="OM33" s="345">
        <v>168280</v>
      </c>
      <c r="ON33" s="345">
        <v>389867</v>
      </c>
      <c r="OO33" s="345">
        <v>661807</v>
      </c>
      <c r="OP33" s="345">
        <v>134196</v>
      </c>
      <c r="OQ33" s="345">
        <v>362756</v>
      </c>
      <c r="OR33" s="349">
        <v>1716906</v>
      </c>
      <c r="OS33" s="354">
        <v>1742900</v>
      </c>
    </row>
    <row r="34" spans="2:409" s="70" customFormat="1" ht="21" customHeight="1" x14ac:dyDescent="0.2">
      <c r="B34" s="106" t="s">
        <v>29</v>
      </c>
      <c r="C34" s="326">
        <v>37849</v>
      </c>
      <c r="D34" s="327">
        <v>61600</v>
      </c>
      <c r="E34" s="328">
        <v>99449</v>
      </c>
      <c r="F34" s="329">
        <v>0</v>
      </c>
      <c r="G34" s="327">
        <v>390155</v>
      </c>
      <c r="H34" s="327">
        <v>290981</v>
      </c>
      <c r="I34" s="327">
        <v>408752</v>
      </c>
      <c r="J34" s="327">
        <v>514113</v>
      </c>
      <c r="K34" s="327">
        <v>201908</v>
      </c>
      <c r="L34" s="367">
        <v>1805909</v>
      </c>
      <c r="M34" s="330">
        <v>1905358</v>
      </c>
      <c r="N34" s="326">
        <v>35749</v>
      </c>
      <c r="O34" s="327">
        <v>49000</v>
      </c>
      <c r="P34" s="328">
        <v>84749</v>
      </c>
      <c r="Q34" s="326">
        <v>0</v>
      </c>
      <c r="R34" s="327">
        <v>203050</v>
      </c>
      <c r="S34" s="327">
        <v>180108</v>
      </c>
      <c r="T34" s="327">
        <v>214557</v>
      </c>
      <c r="U34" s="327">
        <v>278727</v>
      </c>
      <c r="V34" s="327">
        <v>0</v>
      </c>
      <c r="W34" s="328">
        <v>876442</v>
      </c>
      <c r="X34" s="330">
        <v>961191</v>
      </c>
      <c r="Y34" s="326">
        <v>0</v>
      </c>
      <c r="Z34" s="327">
        <v>0</v>
      </c>
      <c r="AA34" s="328">
        <v>0</v>
      </c>
      <c r="AB34" s="326">
        <v>0</v>
      </c>
      <c r="AC34" s="327">
        <v>41924</v>
      </c>
      <c r="AD34" s="327">
        <v>71895</v>
      </c>
      <c r="AE34" s="327">
        <v>170331</v>
      </c>
      <c r="AF34" s="327">
        <v>112590</v>
      </c>
      <c r="AG34" s="327">
        <v>0</v>
      </c>
      <c r="AH34" s="328">
        <v>396740</v>
      </c>
      <c r="AI34" s="330">
        <v>396740</v>
      </c>
      <c r="AJ34" s="326">
        <v>0</v>
      </c>
      <c r="AK34" s="327">
        <v>0</v>
      </c>
      <c r="AL34" s="328">
        <v>0</v>
      </c>
      <c r="AM34" s="326">
        <v>0</v>
      </c>
      <c r="AN34" s="327">
        <v>0</v>
      </c>
      <c r="AO34" s="327">
        <v>0</v>
      </c>
      <c r="AP34" s="327">
        <v>22169</v>
      </c>
      <c r="AQ34" s="327">
        <v>0</v>
      </c>
      <c r="AR34" s="327">
        <v>0</v>
      </c>
      <c r="AS34" s="328">
        <v>22169</v>
      </c>
      <c r="AT34" s="330">
        <v>22169</v>
      </c>
      <c r="AU34" s="326">
        <v>35749</v>
      </c>
      <c r="AV34" s="327">
        <v>49000</v>
      </c>
      <c r="AW34" s="328">
        <v>84749</v>
      </c>
      <c r="AX34" s="326">
        <v>0</v>
      </c>
      <c r="AY34" s="327">
        <v>141260</v>
      </c>
      <c r="AZ34" s="327">
        <v>85025</v>
      </c>
      <c r="BA34" s="327">
        <v>0</v>
      </c>
      <c r="BB34" s="327">
        <v>66899</v>
      </c>
      <c r="BC34" s="327">
        <v>0</v>
      </c>
      <c r="BD34" s="328">
        <v>293184</v>
      </c>
      <c r="BE34" s="330">
        <v>377933</v>
      </c>
      <c r="BF34" s="326">
        <v>0</v>
      </c>
      <c r="BG34" s="327">
        <v>0</v>
      </c>
      <c r="BH34" s="331">
        <v>0</v>
      </c>
      <c r="BI34" s="332">
        <v>0</v>
      </c>
      <c r="BJ34" s="327">
        <v>0</v>
      </c>
      <c r="BK34" s="327">
        <v>23188</v>
      </c>
      <c r="BL34" s="327">
        <v>0</v>
      </c>
      <c r="BM34" s="327">
        <v>72022</v>
      </c>
      <c r="BN34" s="327">
        <v>0</v>
      </c>
      <c r="BO34" s="328">
        <v>95210</v>
      </c>
      <c r="BP34" s="330">
        <v>95210</v>
      </c>
      <c r="BQ34" s="326">
        <v>0</v>
      </c>
      <c r="BR34" s="327">
        <v>0</v>
      </c>
      <c r="BS34" s="328">
        <v>0</v>
      </c>
      <c r="BT34" s="326">
        <v>0</v>
      </c>
      <c r="BU34" s="327">
        <v>19866</v>
      </c>
      <c r="BV34" s="327">
        <v>0</v>
      </c>
      <c r="BW34" s="327">
        <v>22057</v>
      </c>
      <c r="BX34" s="327">
        <v>27216</v>
      </c>
      <c r="BY34" s="327">
        <v>0</v>
      </c>
      <c r="BZ34" s="328">
        <v>69139</v>
      </c>
      <c r="CA34" s="330">
        <v>69139</v>
      </c>
      <c r="CB34" s="326">
        <v>0</v>
      </c>
      <c r="CC34" s="327">
        <v>0</v>
      </c>
      <c r="CD34" s="328">
        <v>0</v>
      </c>
      <c r="CE34" s="326">
        <v>0</v>
      </c>
      <c r="CF34" s="327">
        <v>176745</v>
      </c>
      <c r="CG34" s="327">
        <v>37450</v>
      </c>
      <c r="CH34" s="327">
        <v>0</v>
      </c>
      <c r="CI34" s="327">
        <v>0</v>
      </c>
      <c r="CJ34" s="327">
        <v>0</v>
      </c>
      <c r="CK34" s="328">
        <v>214195</v>
      </c>
      <c r="CL34" s="330">
        <v>214195</v>
      </c>
      <c r="CM34" s="326">
        <v>0</v>
      </c>
      <c r="CN34" s="327">
        <v>0</v>
      </c>
      <c r="CO34" s="328">
        <v>0</v>
      </c>
      <c r="CP34" s="332">
        <v>0</v>
      </c>
      <c r="CQ34" s="327">
        <v>126889</v>
      </c>
      <c r="CR34" s="327">
        <v>37450</v>
      </c>
      <c r="CS34" s="327">
        <v>0</v>
      </c>
      <c r="CT34" s="327">
        <v>0</v>
      </c>
      <c r="CU34" s="327">
        <v>0</v>
      </c>
      <c r="CV34" s="328">
        <v>164339</v>
      </c>
      <c r="CW34" s="330">
        <v>164339</v>
      </c>
      <c r="CX34" s="326">
        <v>0</v>
      </c>
      <c r="CY34" s="327">
        <v>0</v>
      </c>
      <c r="CZ34" s="328">
        <v>0</v>
      </c>
      <c r="DA34" s="326">
        <v>0</v>
      </c>
      <c r="DB34" s="327">
        <v>49856</v>
      </c>
      <c r="DC34" s="327">
        <v>0</v>
      </c>
      <c r="DD34" s="327">
        <v>0</v>
      </c>
      <c r="DE34" s="327">
        <v>0</v>
      </c>
      <c r="DF34" s="327">
        <v>0</v>
      </c>
      <c r="DG34" s="328">
        <v>49856</v>
      </c>
      <c r="DH34" s="330">
        <v>49856</v>
      </c>
      <c r="DI34" s="326">
        <v>0</v>
      </c>
      <c r="DJ34" s="327">
        <v>0</v>
      </c>
      <c r="DK34" s="331">
        <v>0</v>
      </c>
      <c r="DL34" s="332">
        <v>0</v>
      </c>
      <c r="DM34" s="327">
        <v>0</v>
      </c>
      <c r="DN34" s="327">
        <v>0</v>
      </c>
      <c r="DO34" s="327">
        <v>0</v>
      </c>
      <c r="DP34" s="327">
        <v>0</v>
      </c>
      <c r="DQ34" s="327">
        <v>0</v>
      </c>
      <c r="DR34" s="328">
        <v>0</v>
      </c>
      <c r="DS34" s="330">
        <v>0</v>
      </c>
      <c r="DT34" s="326">
        <v>0</v>
      </c>
      <c r="DU34" s="327">
        <v>0</v>
      </c>
      <c r="DV34" s="328">
        <v>0</v>
      </c>
      <c r="DW34" s="326">
        <v>0</v>
      </c>
      <c r="DX34" s="327">
        <v>0</v>
      </c>
      <c r="DY34" s="327">
        <v>0</v>
      </c>
      <c r="DZ34" s="327">
        <v>0</v>
      </c>
      <c r="EA34" s="327">
        <v>0</v>
      </c>
      <c r="EB34" s="327">
        <v>0</v>
      </c>
      <c r="EC34" s="328">
        <v>0</v>
      </c>
      <c r="ED34" s="330">
        <v>0</v>
      </c>
      <c r="EE34" s="326">
        <v>0</v>
      </c>
      <c r="EF34" s="331">
        <v>0</v>
      </c>
      <c r="EG34" s="328">
        <v>0</v>
      </c>
      <c r="EH34" s="326">
        <v>0</v>
      </c>
      <c r="EI34" s="327">
        <v>0</v>
      </c>
      <c r="EJ34" s="327">
        <v>0</v>
      </c>
      <c r="EK34" s="327">
        <v>0</v>
      </c>
      <c r="EL34" s="327">
        <v>0</v>
      </c>
      <c r="EM34" s="327">
        <v>0</v>
      </c>
      <c r="EN34" s="331">
        <v>0</v>
      </c>
      <c r="EO34" s="330">
        <v>0</v>
      </c>
      <c r="EP34" s="326">
        <v>0</v>
      </c>
      <c r="EQ34" s="327">
        <v>0</v>
      </c>
      <c r="ER34" s="331">
        <v>0</v>
      </c>
      <c r="ES34" s="332">
        <v>0</v>
      </c>
      <c r="ET34" s="327">
        <v>0</v>
      </c>
      <c r="EU34" s="327">
        <v>0</v>
      </c>
      <c r="EV34" s="327">
        <v>0</v>
      </c>
      <c r="EW34" s="327">
        <v>0</v>
      </c>
      <c r="EX34" s="327">
        <v>0</v>
      </c>
      <c r="EY34" s="328">
        <v>0</v>
      </c>
      <c r="EZ34" s="330">
        <v>0</v>
      </c>
      <c r="FA34" s="326">
        <v>0</v>
      </c>
      <c r="FB34" s="327">
        <v>0</v>
      </c>
      <c r="FC34" s="331">
        <v>0</v>
      </c>
      <c r="FD34" s="404">
        <v>0</v>
      </c>
      <c r="FE34" s="327">
        <v>0</v>
      </c>
      <c r="FF34" s="327">
        <v>0</v>
      </c>
      <c r="FG34" s="327">
        <v>0</v>
      </c>
      <c r="FH34" s="327">
        <v>0</v>
      </c>
      <c r="FI34" s="327">
        <v>0</v>
      </c>
      <c r="FJ34" s="328">
        <v>0</v>
      </c>
      <c r="FK34" s="330">
        <v>0</v>
      </c>
      <c r="FL34" s="326">
        <v>2100</v>
      </c>
      <c r="FM34" s="327">
        <v>12600</v>
      </c>
      <c r="FN34" s="328">
        <v>14700</v>
      </c>
      <c r="FO34" s="326">
        <v>0</v>
      </c>
      <c r="FP34" s="327">
        <v>10360</v>
      </c>
      <c r="FQ34" s="327">
        <v>73423</v>
      </c>
      <c r="FR34" s="327">
        <v>16800</v>
      </c>
      <c r="FS34" s="327">
        <v>43470</v>
      </c>
      <c r="FT34" s="327">
        <v>0</v>
      </c>
      <c r="FU34" s="328">
        <v>144053</v>
      </c>
      <c r="FV34" s="330">
        <v>158753</v>
      </c>
      <c r="FW34" s="333">
        <v>2100</v>
      </c>
      <c r="FX34" s="327">
        <v>12600</v>
      </c>
      <c r="FY34" s="331">
        <v>14700</v>
      </c>
      <c r="FZ34" s="332">
        <v>0</v>
      </c>
      <c r="GA34" s="327">
        <v>10360</v>
      </c>
      <c r="GB34" s="327">
        <v>73423</v>
      </c>
      <c r="GC34" s="327">
        <v>16800</v>
      </c>
      <c r="GD34" s="327">
        <v>43470</v>
      </c>
      <c r="GE34" s="327">
        <v>0</v>
      </c>
      <c r="GF34" s="328">
        <v>144053</v>
      </c>
      <c r="GG34" s="334">
        <v>158753</v>
      </c>
      <c r="GH34" s="333">
        <v>0</v>
      </c>
      <c r="GI34" s="327">
        <v>0</v>
      </c>
      <c r="GJ34" s="331">
        <v>0</v>
      </c>
      <c r="GK34" s="332">
        <v>0</v>
      </c>
      <c r="GL34" s="327">
        <v>0</v>
      </c>
      <c r="GM34" s="327">
        <v>0</v>
      </c>
      <c r="GN34" s="327">
        <v>0</v>
      </c>
      <c r="GO34" s="327">
        <v>0</v>
      </c>
      <c r="GP34" s="327">
        <v>0</v>
      </c>
      <c r="GQ34" s="328">
        <v>0</v>
      </c>
      <c r="GR34" s="330">
        <v>0</v>
      </c>
      <c r="GS34" s="326">
        <v>0</v>
      </c>
      <c r="GT34" s="327">
        <v>0</v>
      </c>
      <c r="GU34" s="328">
        <v>0</v>
      </c>
      <c r="GV34" s="326">
        <v>0</v>
      </c>
      <c r="GW34" s="327">
        <v>0</v>
      </c>
      <c r="GX34" s="327">
        <v>0</v>
      </c>
      <c r="GY34" s="327">
        <v>0</v>
      </c>
      <c r="GZ34" s="327">
        <v>0</v>
      </c>
      <c r="HA34" s="327">
        <v>0</v>
      </c>
      <c r="HB34" s="331">
        <v>0</v>
      </c>
      <c r="HC34" s="330">
        <v>0</v>
      </c>
      <c r="HD34" s="326">
        <v>0</v>
      </c>
      <c r="HE34" s="327">
        <v>0</v>
      </c>
      <c r="HF34" s="331">
        <v>0</v>
      </c>
      <c r="HG34" s="332">
        <v>0</v>
      </c>
      <c r="HH34" s="327">
        <v>0</v>
      </c>
      <c r="HI34" s="327">
        <v>0</v>
      </c>
      <c r="HJ34" s="327">
        <v>177395</v>
      </c>
      <c r="HK34" s="327">
        <v>191916</v>
      </c>
      <c r="HL34" s="327">
        <v>201908</v>
      </c>
      <c r="HM34" s="328">
        <v>571219</v>
      </c>
      <c r="HN34" s="329">
        <v>571219</v>
      </c>
      <c r="HO34" s="333">
        <v>0</v>
      </c>
      <c r="HP34" s="327">
        <v>0</v>
      </c>
      <c r="HQ34" s="328">
        <v>0</v>
      </c>
      <c r="HR34" s="326">
        <v>0</v>
      </c>
      <c r="HS34" s="327">
        <v>0</v>
      </c>
      <c r="HT34" s="327">
        <v>0</v>
      </c>
      <c r="HU34" s="327">
        <v>0</v>
      </c>
      <c r="HV34" s="327">
        <v>0</v>
      </c>
      <c r="HW34" s="327">
        <v>0</v>
      </c>
      <c r="HX34" s="331">
        <v>0</v>
      </c>
      <c r="HY34" s="330">
        <v>0</v>
      </c>
      <c r="HZ34" s="358">
        <v>0</v>
      </c>
      <c r="IA34" s="356">
        <v>0</v>
      </c>
      <c r="IB34" s="358">
        <v>0</v>
      </c>
      <c r="IC34" s="355">
        <v>0</v>
      </c>
      <c r="ID34" s="356">
        <v>118286</v>
      </c>
      <c r="IE34" s="357">
        <v>460999</v>
      </c>
      <c r="IF34" s="358">
        <v>0</v>
      </c>
      <c r="IG34" s="356">
        <v>242088</v>
      </c>
      <c r="IH34" s="358">
        <v>0</v>
      </c>
      <c r="II34" s="359">
        <v>821373</v>
      </c>
      <c r="IJ34" s="358">
        <v>821373</v>
      </c>
      <c r="IK34" s="342">
        <v>0</v>
      </c>
      <c r="IL34" s="343">
        <v>0</v>
      </c>
      <c r="IM34" s="344">
        <v>0</v>
      </c>
      <c r="IN34" s="404">
        <v>0</v>
      </c>
      <c r="IO34" s="345">
        <v>51786</v>
      </c>
      <c r="IP34" s="345">
        <v>0</v>
      </c>
      <c r="IQ34" s="345">
        <v>0</v>
      </c>
      <c r="IR34" s="345">
        <v>0</v>
      </c>
      <c r="IS34" s="345">
        <v>0</v>
      </c>
      <c r="IT34" s="346">
        <v>51786</v>
      </c>
      <c r="IU34" s="347">
        <v>51786</v>
      </c>
      <c r="IV34" s="348">
        <v>0</v>
      </c>
      <c r="IW34" s="345">
        <v>0</v>
      </c>
      <c r="IX34" s="349">
        <v>0</v>
      </c>
      <c r="IY34" s="404">
        <v>0</v>
      </c>
      <c r="IZ34" s="345">
        <v>0</v>
      </c>
      <c r="JA34" s="345">
        <v>0</v>
      </c>
      <c r="JB34" s="345">
        <v>0</v>
      </c>
      <c r="JC34" s="345">
        <v>0</v>
      </c>
      <c r="JD34" s="345">
        <v>0</v>
      </c>
      <c r="JE34" s="349">
        <v>0</v>
      </c>
      <c r="JF34" s="350">
        <v>0</v>
      </c>
      <c r="JG34" s="348">
        <v>0</v>
      </c>
      <c r="JH34" s="345">
        <v>0</v>
      </c>
      <c r="JI34" s="346">
        <v>0</v>
      </c>
      <c r="JJ34" s="351">
        <v>0</v>
      </c>
      <c r="JK34" s="345">
        <v>66500</v>
      </c>
      <c r="JL34" s="345">
        <v>0</v>
      </c>
      <c r="JM34" s="345">
        <v>0</v>
      </c>
      <c r="JN34" s="345">
        <v>0</v>
      </c>
      <c r="JO34" s="345">
        <v>0</v>
      </c>
      <c r="JP34" s="349">
        <v>66500</v>
      </c>
      <c r="JQ34" s="347">
        <v>66500</v>
      </c>
      <c r="JR34" s="348">
        <v>0</v>
      </c>
      <c r="JS34" s="345">
        <v>0</v>
      </c>
      <c r="JT34" s="346">
        <v>0</v>
      </c>
      <c r="JU34" s="351">
        <v>0</v>
      </c>
      <c r="JV34" s="345">
        <v>0</v>
      </c>
      <c r="JW34" s="345">
        <v>0</v>
      </c>
      <c r="JX34" s="345">
        <v>0</v>
      </c>
      <c r="JY34" s="345">
        <v>0</v>
      </c>
      <c r="JZ34" s="345">
        <v>0</v>
      </c>
      <c r="KA34" s="349">
        <v>0</v>
      </c>
      <c r="KB34" s="347">
        <v>0</v>
      </c>
      <c r="KC34" s="352">
        <v>0</v>
      </c>
      <c r="KD34" s="353">
        <v>0</v>
      </c>
      <c r="KE34" s="349">
        <v>0</v>
      </c>
      <c r="KF34" s="351">
        <v>0</v>
      </c>
      <c r="KG34" s="345">
        <v>0</v>
      </c>
      <c r="KH34" s="345">
        <v>460999</v>
      </c>
      <c r="KI34" s="345">
        <v>0</v>
      </c>
      <c r="KJ34" s="345">
        <v>0</v>
      </c>
      <c r="KK34" s="345">
        <v>0</v>
      </c>
      <c r="KL34" s="349">
        <v>460999</v>
      </c>
      <c r="KM34" s="354">
        <v>460999</v>
      </c>
      <c r="KN34" s="342">
        <v>0</v>
      </c>
      <c r="KO34" s="343">
        <v>0</v>
      </c>
      <c r="KP34" s="344">
        <v>0</v>
      </c>
      <c r="KQ34" s="404">
        <v>0</v>
      </c>
      <c r="KR34" s="345">
        <v>0</v>
      </c>
      <c r="KS34" s="345">
        <v>0</v>
      </c>
      <c r="KT34" s="345">
        <v>0</v>
      </c>
      <c r="KU34" s="345">
        <v>0</v>
      </c>
      <c r="KV34" s="345">
        <v>0</v>
      </c>
      <c r="KW34" s="349">
        <v>0</v>
      </c>
      <c r="KX34" s="347">
        <v>0</v>
      </c>
      <c r="KY34" s="348">
        <v>0</v>
      </c>
      <c r="KZ34" s="345">
        <v>0</v>
      </c>
      <c r="LA34" s="349">
        <v>0</v>
      </c>
      <c r="LB34" s="404">
        <v>0</v>
      </c>
      <c r="LC34" s="345">
        <v>0</v>
      </c>
      <c r="LD34" s="345">
        <v>0</v>
      </c>
      <c r="LE34" s="345">
        <v>0</v>
      </c>
      <c r="LF34" s="345">
        <v>0</v>
      </c>
      <c r="LG34" s="345">
        <v>0</v>
      </c>
      <c r="LH34" s="349">
        <v>0</v>
      </c>
      <c r="LI34" s="350">
        <v>0</v>
      </c>
      <c r="LJ34" s="348">
        <v>0</v>
      </c>
      <c r="LK34" s="345">
        <v>0</v>
      </c>
      <c r="LL34" s="349">
        <v>0</v>
      </c>
      <c r="LM34" s="404">
        <v>0</v>
      </c>
      <c r="LN34" s="345">
        <v>0</v>
      </c>
      <c r="LO34" s="345">
        <v>0</v>
      </c>
      <c r="LP34" s="345">
        <v>0</v>
      </c>
      <c r="LQ34" s="345">
        <v>242088</v>
      </c>
      <c r="LR34" s="345">
        <v>0</v>
      </c>
      <c r="LS34" s="349">
        <v>242088</v>
      </c>
      <c r="LT34" s="347">
        <v>242088</v>
      </c>
      <c r="LU34" s="348">
        <v>0</v>
      </c>
      <c r="LV34" s="345">
        <v>0</v>
      </c>
      <c r="LW34" s="349">
        <v>0</v>
      </c>
      <c r="LX34" s="404">
        <v>0</v>
      </c>
      <c r="LY34" s="345">
        <v>0</v>
      </c>
      <c r="LZ34" s="345">
        <v>0</v>
      </c>
      <c r="MA34" s="345">
        <v>0</v>
      </c>
      <c r="MB34" s="345">
        <v>0</v>
      </c>
      <c r="MC34" s="345">
        <v>0</v>
      </c>
      <c r="MD34" s="349">
        <v>0</v>
      </c>
      <c r="ME34" s="350">
        <v>0</v>
      </c>
      <c r="MF34" s="348">
        <v>0</v>
      </c>
      <c r="MG34" s="345">
        <v>0</v>
      </c>
      <c r="MH34" s="349">
        <v>0</v>
      </c>
      <c r="MI34" s="404">
        <v>0</v>
      </c>
      <c r="MJ34" s="345">
        <v>0</v>
      </c>
      <c r="MK34" s="345">
        <v>0</v>
      </c>
      <c r="ML34" s="345">
        <v>0</v>
      </c>
      <c r="MM34" s="345">
        <v>269962</v>
      </c>
      <c r="MN34" s="345">
        <v>270916</v>
      </c>
      <c r="MO34" s="349">
        <v>540878</v>
      </c>
      <c r="MP34" s="354">
        <v>540878</v>
      </c>
      <c r="MQ34" s="348">
        <v>0</v>
      </c>
      <c r="MR34" s="345">
        <v>0</v>
      </c>
      <c r="MS34" s="349">
        <v>0</v>
      </c>
      <c r="MT34" s="404">
        <v>0</v>
      </c>
      <c r="MU34" s="345">
        <v>0</v>
      </c>
      <c r="MV34" s="345">
        <v>0</v>
      </c>
      <c r="MW34" s="345">
        <v>0</v>
      </c>
      <c r="MX34" s="345">
        <v>0</v>
      </c>
      <c r="MY34" s="345">
        <v>0</v>
      </c>
      <c r="MZ34" s="349">
        <v>0</v>
      </c>
      <c r="NA34" s="354">
        <v>0</v>
      </c>
      <c r="NB34" s="348">
        <v>0</v>
      </c>
      <c r="NC34" s="345">
        <v>0</v>
      </c>
      <c r="ND34" s="349">
        <v>0</v>
      </c>
      <c r="NE34" s="404">
        <v>0</v>
      </c>
      <c r="NF34" s="345">
        <v>0</v>
      </c>
      <c r="NG34" s="345">
        <v>0</v>
      </c>
      <c r="NH34" s="345">
        <v>0</v>
      </c>
      <c r="NI34" s="345">
        <v>269962</v>
      </c>
      <c r="NJ34" s="345">
        <v>270916</v>
      </c>
      <c r="NK34" s="349">
        <v>540878</v>
      </c>
      <c r="NL34" s="347">
        <v>540878</v>
      </c>
      <c r="NM34" s="348">
        <v>0</v>
      </c>
      <c r="NN34" s="345">
        <v>0</v>
      </c>
      <c r="NO34" s="349">
        <v>0</v>
      </c>
      <c r="NP34" s="404">
        <v>0</v>
      </c>
      <c r="NQ34" s="345">
        <v>0</v>
      </c>
      <c r="NR34" s="345">
        <v>0</v>
      </c>
      <c r="NS34" s="345">
        <v>0</v>
      </c>
      <c r="NT34" s="345">
        <v>0</v>
      </c>
      <c r="NU34" s="345">
        <v>0</v>
      </c>
      <c r="NV34" s="349">
        <v>0</v>
      </c>
      <c r="NW34" s="350">
        <v>0</v>
      </c>
      <c r="NX34" s="348">
        <v>0</v>
      </c>
      <c r="NY34" s="345">
        <v>0</v>
      </c>
      <c r="NZ34" s="349">
        <v>0</v>
      </c>
      <c r="OA34" s="404">
        <v>0</v>
      </c>
      <c r="OB34" s="345">
        <v>0</v>
      </c>
      <c r="OC34" s="345">
        <v>0</v>
      </c>
      <c r="OD34" s="345">
        <v>0</v>
      </c>
      <c r="OE34" s="345">
        <v>0</v>
      </c>
      <c r="OF34" s="345">
        <v>0</v>
      </c>
      <c r="OG34" s="349">
        <v>0</v>
      </c>
      <c r="OH34" s="350">
        <v>0</v>
      </c>
      <c r="OI34" s="348">
        <v>37849</v>
      </c>
      <c r="OJ34" s="345">
        <v>61600</v>
      </c>
      <c r="OK34" s="346">
        <v>99449</v>
      </c>
      <c r="OL34" s="351">
        <v>0</v>
      </c>
      <c r="OM34" s="345">
        <v>508441</v>
      </c>
      <c r="ON34" s="345">
        <v>751980</v>
      </c>
      <c r="OO34" s="345">
        <v>408752</v>
      </c>
      <c r="OP34" s="345">
        <v>1026163</v>
      </c>
      <c r="OQ34" s="345">
        <v>472824</v>
      </c>
      <c r="OR34" s="349">
        <v>3168160</v>
      </c>
      <c r="OS34" s="354">
        <v>3267609</v>
      </c>
    </row>
    <row r="35" spans="2:409" s="70" customFormat="1" ht="21" customHeight="1" x14ac:dyDescent="0.2">
      <c r="B35" s="106" t="s">
        <v>30</v>
      </c>
      <c r="C35" s="326">
        <v>79576</v>
      </c>
      <c r="D35" s="327">
        <v>0</v>
      </c>
      <c r="E35" s="368">
        <v>79576</v>
      </c>
      <c r="F35" s="370">
        <v>0</v>
      </c>
      <c r="G35" s="369">
        <v>609472</v>
      </c>
      <c r="H35" s="369">
        <v>497987</v>
      </c>
      <c r="I35" s="369">
        <v>263895</v>
      </c>
      <c r="J35" s="369">
        <v>447091</v>
      </c>
      <c r="K35" s="369">
        <v>96652</v>
      </c>
      <c r="L35" s="370">
        <v>1915097</v>
      </c>
      <c r="M35" s="330">
        <v>1994673</v>
      </c>
      <c r="N35" s="326">
        <v>0</v>
      </c>
      <c r="O35" s="327">
        <v>0</v>
      </c>
      <c r="P35" s="328">
        <v>0</v>
      </c>
      <c r="Q35" s="326">
        <v>0</v>
      </c>
      <c r="R35" s="327">
        <v>216363</v>
      </c>
      <c r="S35" s="327">
        <v>76586</v>
      </c>
      <c r="T35" s="327">
        <v>201910</v>
      </c>
      <c r="U35" s="327">
        <v>232302</v>
      </c>
      <c r="V35" s="327">
        <v>93152</v>
      </c>
      <c r="W35" s="328">
        <v>820313</v>
      </c>
      <c r="X35" s="330">
        <v>820313</v>
      </c>
      <c r="Y35" s="326">
        <v>0</v>
      </c>
      <c r="Z35" s="327">
        <v>0</v>
      </c>
      <c r="AA35" s="328">
        <v>0</v>
      </c>
      <c r="AB35" s="326">
        <v>0</v>
      </c>
      <c r="AC35" s="327">
        <v>47233</v>
      </c>
      <c r="AD35" s="327">
        <v>49128</v>
      </c>
      <c r="AE35" s="327">
        <v>121254</v>
      </c>
      <c r="AF35" s="327">
        <v>209440</v>
      </c>
      <c r="AG35" s="327">
        <v>60137</v>
      </c>
      <c r="AH35" s="328">
        <v>487192</v>
      </c>
      <c r="AI35" s="330">
        <v>487192</v>
      </c>
      <c r="AJ35" s="326">
        <v>0</v>
      </c>
      <c r="AK35" s="327">
        <v>0</v>
      </c>
      <c r="AL35" s="328">
        <v>0</v>
      </c>
      <c r="AM35" s="326">
        <v>0</v>
      </c>
      <c r="AN35" s="327">
        <v>0</v>
      </c>
      <c r="AO35" s="327">
        <v>0</v>
      </c>
      <c r="AP35" s="327">
        <v>51494</v>
      </c>
      <c r="AQ35" s="327">
        <v>0</v>
      </c>
      <c r="AR35" s="327">
        <v>0</v>
      </c>
      <c r="AS35" s="328">
        <v>51494</v>
      </c>
      <c r="AT35" s="330">
        <v>51494</v>
      </c>
      <c r="AU35" s="326">
        <v>0</v>
      </c>
      <c r="AV35" s="327">
        <v>0</v>
      </c>
      <c r="AW35" s="328">
        <v>0</v>
      </c>
      <c r="AX35" s="326">
        <v>0</v>
      </c>
      <c r="AY35" s="327">
        <v>125793</v>
      </c>
      <c r="AZ35" s="327">
        <v>23818</v>
      </c>
      <c r="BA35" s="327">
        <v>29162</v>
      </c>
      <c r="BB35" s="327">
        <v>0</v>
      </c>
      <c r="BC35" s="327">
        <v>33015</v>
      </c>
      <c r="BD35" s="328">
        <v>211788</v>
      </c>
      <c r="BE35" s="330">
        <v>211788</v>
      </c>
      <c r="BF35" s="326">
        <v>0</v>
      </c>
      <c r="BG35" s="327">
        <v>0</v>
      </c>
      <c r="BH35" s="331">
        <v>0</v>
      </c>
      <c r="BI35" s="332">
        <v>0</v>
      </c>
      <c r="BJ35" s="327">
        <v>0</v>
      </c>
      <c r="BK35" s="327">
        <v>0</v>
      </c>
      <c r="BL35" s="327">
        <v>0</v>
      </c>
      <c r="BM35" s="327">
        <v>0</v>
      </c>
      <c r="BN35" s="327">
        <v>0</v>
      </c>
      <c r="BO35" s="328">
        <v>0</v>
      </c>
      <c r="BP35" s="330">
        <v>0</v>
      </c>
      <c r="BQ35" s="326">
        <v>0</v>
      </c>
      <c r="BR35" s="327">
        <v>0</v>
      </c>
      <c r="BS35" s="328">
        <v>0</v>
      </c>
      <c r="BT35" s="326">
        <v>0</v>
      </c>
      <c r="BU35" s="327">
        <v>43337</v>
      </c>
      <c r="BV35" s="327">
        <v>3640</v>
      </c>
      <c r="BW35" s="327">
        <v>0</v>
      </c>
      <c r="BX35" s="327">
        <v>22862</v>
      </c>
      <c r="BY35" s="327">
        <v>0</v>
      </c>
      <c r="BZ35" s="328">
        <v>69839</v>
      </c>
      <c r="CA35" s="330">
        <v>69839</v>
      </c>
      <c r="CB35" s="326">
        <v>0</v>
      </c>
      <c r="CC35" s="327">
        <v>0</v>
      </c>
      <c r="CD35" s="328">
        <v>0</v>
      </c>
      <c r="CE35" s="326">
        <v>0</v>
      </c>
      <c r="CF35" s="327">
        <v>70822</v>
      </c>
      <c r="CG35" s="327">
        <v>66314</v>
      </c>
      <c r="CH35" s="327">
        <v>28686</v>
      </c>
      <c r="CI35" s="327">
        <v>0</v>
      </c>
      <c r="CJ35" s="327">
        <v>0</v>
      </c>
      <c r="CK35" s="328">
        <v>165822</v>
      </c>
      <c r="CL35" s="330">
        <v>165822</v>
      </c>
      <c r="CM35" s="326">
        <v>0</v>
      </c>
      <c r="CN35" s="327">
        <v>0</v>
      </c>
      <c r="CO35" s="328">
        <v>0</v>
      </c>
      <c r="CP35" s="332">
        <v>0</v>
      </c>
      <c r="CQ35" s="327">
        <v>27892</v>
      </c>
      <c r="CR35" s="327">
        <v>22589</v>
      </c>
      <c r="CS35" s="327">
        <v>28686</v>
      </c>
      <c r="CT35" s="327">
        <v>0</v>
      </c>
      <c r="CU35" s="327">
        <v>0</v>
      </c>
      <c r="CV35" s="328">
        <v>79167</v>
      </c>
      <c r="CW35" s="330">
        <v>79167</v>
      </c>
      <c r="CX35" s="326">
        <v>0</v>
      </c>
      <c r="CY35" s="327">
        <v>0</v>
      </c>
      <c r="CZ35" s="328">
        <v>0</v>
      </c>
      <c r="DA35" s="326">
        <v>0</v>
      </c>
      <c r="DB35" s="327">
        <v>42930</v>
      </c>
      <c r="DC35" s="327">
        <v>43725</v>
      </c>
      <c r="DD35" s="327">
        <v>0</v>
      </c>
      <c r="DE35" s="327">
        <v>0</v>
      </c>
      <c r="DF35" s="327">
        <v>0</v>
      </c>
      <c r="DG35" s="328">
        <v>86655</v>
      </c>
      <c r="DH35" s="330">
        <v>86655</v>
      </c>
      <c r="DI35" s="326">
        <v>0</v>
      </c>
      <c r="DJ35" s="327">
        <v>0</v>
      </c>
      <c r="DK35" s="331">
        <v>0</v>
      </c>
      <c r="DL35" s="332">
        <v>0</v>
      </c>
      <c r="DM35" s="327">
        <v>42324</v>
      </c>
      <c r="DN35" s="327">
        <v>142420</v>
      </c>
      <c r="DO35" s="327">
        <v>0</v>
      </c>
      <c r="DP35" s="327">
        <v>196519</v>
      </c>
      <c r="DQ35" s="327">
        <v>0</v>
      </c>
      <c r="DR35" s="328">
        <v>381263</v>
      </c>
      <c r="DS35" s="330">
        <v>381263</v>
      </c>
      <c r="DT35" s="326">
        <v>0</v>
      </c>
      <c r="DU35" s="327">
        <v>0</v>
      </c>
      <c r="DV35" s="328">
        <v>0</v>
      </c>
      <c r="DW35" s="326">
        <v>0</v>
      </c>
      <c r="DX35" s="327">
        <v>13540</v>
      </c>
      <c r="DY35" s="327">
        <v>142420</v>
      </c>
      <c r="DZ35" s="327">
        <v>0</v>
      </c>
      <c r="EA35" s="327">
        <v>196519</v>
      </c>
      <c r="EB35" s="327">
        <v>0</v>
      </c>
      <c r="EC35" s="328">
        <v>352479</v>
      </c>
      <c r="ED35" s="330">
        <v>352479</v>
      </c>
      <c r="EE35" s="326">
        <v>0</v>
      </c>
      <c r="EF35" s="331">
        <v>0</v>
      </c>
      <c r="EG35" s="328">
        <v>0</v>
      </c>
      <c r="EH35" s="326">
        <v>0</v>
      </c>
      <c r="EI35" s="327">
        <v>28784</v>
      </c>
      <c r="EJ35" s="327">
        <v>0</v>
      </c>
      <c r="EK35" s="327">
        <v>0</v>
      </c>
      <c r="EL35" s="327">
        <v>0</v>
      </c>
      <c r="EM35" s="327">
        <v>0</v>
      </c>
      <c r="EN35" s="331">
        <v>28784</v>
      </c>
      <c r="EO35" s="330">
        <v>28784</v>
      </c>
      <c r="EP35" s="326">
        <v>0</v>
      </c>
      <c r="EQ35" s="327">
        <v>0</v>
      </c>
      <c r="ER35" s="331">
        <v>0</v>
      </c>
      <c r="ES35" s="332">
        <v>0</v>
      </c>
      <c r="ET35" s="327">
        <v>0</v>
      </c>
      <c r="EU35" s="327">
        <v>0</v>
      </c>
      <c r="EV35" s="327">
        <v>0</v>
      </c>
      <c r="EW35" s="327">
        <v>0</v>
      </c>
      <c r="EX35" s="327">
        <v>0</v>
      </c>
      <c r="EY35" s="328">
        <v>0</v>
      </c>
      <c r="EZ35" s="330">
        <v>0</v>
      </c>
      <c r="FA35" s="326">
        <v>0</v>
      </c>
      <c r="FB35" s="327">
        <v>0</v>
      </c>
      <c r="FC35" s="331">
        <v>0</v>
      </c>
      <c r="FD35" s="404">
        <v>0</v>
      </c>
      <c r="FE35" s="327">
        <v>0</v>
      </c>
      <c r="FF35" s="327">
        <v>0</v>
      </c>
      <c r="FG35" s="327">
        <v>0</v>
      </c>
      <c r="FH35" s="327">
        <v>0</v>
      </c>
      <c r="FI35" s="327">
        <v>0</v>
      </c>
      <c r="FJ35" s="328">
        <v>0</v>
      </c>
      <c r="FK35" s="330">
        <v>0</v>
      </c>
      <c r="FL35" s="326">
        <v>79576</v>
      </c>
      <c r="FM35" s="327">
        <v>0</v>
      </c>
      <c r="FN35" s="328">
        <v>79576</v>
      </c>
      <c r="FO35" s="326">
        <v>0</v>
      </c>
      <c r="FP35" s="327">
        <v>5460</v>
      </c>
      <c r="FQ35" s="327">
        <v>44240</v>
      </c>
      <c r="FR35" s="327">
        <v>33299</v>
      </c>
      <c r="FS35" s="327">
        <v>18270</v>
      </c>
      <c r="FT35" s="327">
        <v>3500</v>
      </c>
      <c r="FU35" s="328">
        <v>104769</v>
      </c>
      <c r="FV35" s="330">
        <v>184345</v>
      </c>
      <c r="FW35" s="333">
        <v>15666</v>
      </c>
      <c r="FX35" s="327">
        <v>0</v>
      </c>
      <c r="FY35" s="331">
        <v>15666</v>
      </c>
      <c r="FZ35" s="332">
        <v>0</v>
      </c>
      <c r="GA35" s="327">
        <v>5460</v>
      </c>
      <c r="GB35" s="327">
        <v>44240</v>
      </c>
      <c r="GC35" s="327">
        <v>33299</v>
      </c>
      <c r="GD35" s="327">
        <v>18270</v>
      </c>
      <c r="GE35" s="327">
        <v>3500</v>
      </c>
      <c r="GF35" s="328">
        <v>104769</v>
      </c>
      <c r="GG35" s="334">
        <v>120435</v>
      </c>
      <c r="GH35" s="333">
        <v>0</v>
      </c>
      <c r="GI35" s="327">
        <v>0</v>
      </c>
      <c r="GJ35" s="331">
        <v>0</v>
      </c>
      <c r="GK35" s="332">
        <v>0</v>
      </c>
      <c r="GL35" s="327">
        <v>0</v>
      </c>
      <c r="GM35" s="327">
        <v>0</v>
      </c>
      <c r="GN35" s="327">
        <v>0</v>
      </c>
      <c r="GO35" s="327">
        <v>0</v>
      </c>
      <c r="GP35" s="327">
        <v>0</v>
      </c>
      <c r="GQ35" s="328">
        <v>0</v>
      </c>
      <c r="GR35" s="330">
        <v>0</v>
      </c>
      <c r="GS35" s="326">
        <v>63910</v>
      </c>
      <c r="GT35" s="327">
        <v>0</v>
      </c>
      <c r="GU35" s="328">
        <v>63910</v>
      </c>
      <c r="GV35" s="326">
        <v>0</v>
      </c>
      <c r="GW35" s="327">
        <v>0</v>
      </c>
      <c r="GX35" s="327">
        <v>0</v>
      </c>
      <c r="GY35" s="327">
        <v>0</v>
      </c>
      <c r="GZ35" s="327">
        <v>0</v>
      </c>
      <c r="HA35" s="327">
        <v>0</v>
      </c>
      <c r="HB35" s="331">
        <v>0</v>
      </c>
      <c r="HC35" s="330">
        <v>63910</v>
      </c>
      <c r="HD35" s="326">
        <v>0</v>
      </c>
      <c r="HE35" s="327">
        <v>0</v>
      </c>
      <c r="HF35" s="331">
        <v>0</v>
      </c>
      <c r="HG35" s="332">
        <v>0</v>
      </c>
      <c r="HH35" s="327">
        <v>274503</v>
      </c>
      <c r="HI35" s="327">
        <v>168427</v>
      </c>
      <c r="HJ35" s="327">
        <v>0</v>
      </c>
      <c r="HK35" s="327">
        <v>0</v>
      </c>
      <c r="HL35" s="327">
        <v>0</v>
      </c>
      <c r="HM35" s="328">
        <v>442930</v>
      </c>
      <c r="HN35" s="329">
        <v>442930</v>
      </c>
      <c r="HO35" s="333">
        <v>0</v>
      </c>
      <c r="HP35" s="327">
        <v>0</v>
      </c>
      <c r="HQ35" s="328">
        <v>0</v>
      </c>
      <c r="HR35" s="326">
        <v>0</v>
      </c>
      <c r="HS35" s="327">
        <v>0</v>
      </c>
      <c r="HT35" s="327">
        <v>0</v>
      </c>
      <c r="HU35" s="327">
        <v>0</v>
      </c>
      <c r="HV35" s="327">
        <v>0</v>
      </c>
      <c r="HW35" s="327">
        <v>0</v>
      </c>
      <c r="HX35" s="331">
        <v>0</v>
      </c>
      <c r="HY35" s="330">
        <v>0</v>
      </c>
      <c r="HZ35" s="335">
        <v>0</v>
      </c>
      <c r="IA35" s="336">
        <v>0</v>
      </c>
      <c r="IB35" s="337">
        <v>0</v>
      </c>
      <c r="IC35" s="338">
        <v>0</v>
      </c>
      <c r="ID35" s="336">
        <v>49119</v>
      </c>
      <c r="IE35" s="339">
        <v>0</v>
      </c>
      <c r="IF35" s="337">
        <v>0</v>
      </c>
      <c r="IG35" s="336">
        <v>8288</v>
      </c>
      <c r="IH35" s="337">
        <v>0</v>
      </c>
      <c r="II35" s="340">
        <v>57407</v>
      </c>
      <c r="IJ35" s="341">
        <v>57407</v>
      </c>
      <c r="IK35" s="342">
        <v>0</v>
      </c>
      <c r="IL35" s="343">
        <v>0</v>
      </c>
      <c r="IM35" s="344">
        <v>0</v>
      </c>
      <c r="IN35" s="404">
        <v>0</v>
      </c>
      <c r="IO35" s="345">
        <v>0</v>
      </c>
      <c r="IP35" s="345">
        <v>0</v>
      </c>
      <c r="IQ35" s="345">
        <v>0</v>
      </c>
      <c r="IR35" s="345">
        <v>0</v>
      </c>
      <c r="IS35" s="345">
        <v>0</v>
      </c>
      <c r="IT35" s="346">
        <v>0</v>
      </c>
      <c r="IU35" s="347">
        <v>0</v>
      </c>
      <c r="IV35" s="348">
        <v>0</v>
      </c>
      <c r="IW35" s="345">
        <v>0</v>
      </c>
      <c r="IX35" s="349">
        <v>0</v>
      </c>
      <c r="IY35" s="404">
        <v>0</v>
      </c>
      <c r="IZ35" s="345">
        <v>0</v>
      </c>
      <c r="JA35" s="345">
        <v>0</v>
      </c>
      <c r="JB35" s="345">
        <v>0</v>
      </c>
      <c r="JC35" s="345">
        <v>0</v>
      </c>
      <c r="JD35" s="345">
        <v>0</v>
      </c>
      <c r="JE35" s="349">
        <v>0</v>
      </c>
      <c r="JF35" s="350">
        <v>0</v>
      </c>
      <c r="JG35" s="348">
        <v>0</v>
      </c>
      <c r="JH35" s="345">
        <v>0</v>
      </c>
      <c r="JI35" s="346">
        <v>0</v>
      </c>
      <c r="JJ35" s="351">
        <v>0</v>
      </c>
      <c r="JK35" s="345">
        <v>49119</v>
      </c>
      <c r="JL35" s="345">
        <v>0</v>
      </c>
      <c r="JM35" s="345">
        <v>0</v>
      </c>
      <c r="JN35" s="345">
        <v>0</v>
      </c>
      <c r="JO35" s="345">
        <v>0</v>
      </c>
      <c r="JP35" s="349">
        <v>49119</v>
      </c>
      <c r="JQ35" s="347">
        <v>49119</v>
      </c>
      <c r="JR35" s="348">
        <v>0</v>
      </c>
      <c r="JS35" s="345">
        <v>0</v>
      </c>
      <c r="JT35" s="346">
        <v>0</v>
      </c>
      <c r="JU35" s="351">
        <v>0</v>
      </c>
      <c r="JV35" s="345">
        <v>0</v>
      </c>
      <c r="JW35" s="345">
        <v>0</v>
      </c>
      <c r="JX35" s="345">
        <v>0</v>
      </c>
      <c r="JY35" s="345">
        <v>0</v>
      </c>
      <c r="JZ35" s="345">
        <v>0</v>
      </c>
      <c r="KA35" s="349">
        <v>0</v>
      </c>
      <c r="KB35" s="347">
        <v>0</v>
      </c>
      <c r="KC35" s="352">
        <v>0</v>
      </c>
      <c r="KD35" s="353">
        <v>0</v>
      </c>
      <c r="KE35" s="349">
        <v>0</v>
      </c>
      <c r="KF35" s="351">
        <v>0</v>
      </c>
      <c r="KG35" s="345">
        <v>0</v>
      </c>
      <c r="KH35" s="345">
        <v>0</v>
      </c>
      <c r="KI35" s="345">
        <v>0</v>
      </c>
      <c r="KJ35" s="345">
        <v>0</v>
      </c>
      <c r="KK35" s="345">
        <v>0</v>
      </c>
      <c r="KL35" s="349">
        <v>0</v>
      </c>
      <c r="KM35" s="354">
        <v>0</v>
      </c>
      <c r="KN35" s="342">
        <v>0</v>
      </c>
      <c r="KO35" s="343">
        <v>0</v>
      </c>
      <c r="KP35" s="344">
        <v>0</v>
      </c>
      <c r="KQ35" s="404">
        <v>0</v>
      </c>
      <c r="KR35" s="345">
        <v>0</v>
      </c>
      <c r="KS35" s="345">
        <v>0</v>
      </c>
      <c r="KT35" s="345">
        <v>0</v>
      </c>
      <c r="KU35" s="345">
        <v>8288</v>
      </c>
      <c r="KV35" s="345">
        <v>0</v>
      </c>
      <c r="KW35" s="349">
        <v>8288</v>
      </c>
      <c r="KX35" s="347">
        <v>8288</v>
      </c>
      <c r="KY35" s="348">
        <v>0</v>
      </c>
      <c r="KZ35" s="345">
        <v>0</v>
      </c>
      <c r="LA35" s="349">
        <v>0</v>
      </c>
      <c r="LB35" s="404">
        <v>0</v>
      </c>
      <c r="LC35" s="345">
        <v>0</v>
      </c>
      <c r="LD35" s="345">
        <v>0</v>
      </c>
      <c r="LE35" s="345">
        <v>0</v>
      </c>
      <c r="LF35" s="345">
        <v>0</v>
      </c>
      <c r="LG35" s="345">
        <v>0</v>
      </c>
      <c r="LH35" s="349">
        <v>0</v>
      </c>
      <c r="LI35" s="350">
        <v>0</v>
      </c>
      <c r="LJ35" s="348">
        <v>0</v>
      </c>
      <c r="LK35" s="345">
        <v>0</v>
      </c>
      <c r="LL35" s="349">
        <v>0</v>
      </c>
      <c r="LM35" s="404">
        <v>0</v>
      </c>
      <c r="LN35" s="345">
        <v>0</v>
      </c>
      <c r="LO35" s="345">
        <v>0</v>
      </c>
      <c r="LP35" s="345">
        <v>0</v>
      </c>
      <c r="LQ35" s="345">
        <v>0</v>
      </c>
      <c r="LR35" s="345">
        <v>0</v>
      </c>
      <c r="LS35" s="349">
        <v>0</v>
      </c>
      <c r="LT35" s="347">
        <v>0</v>
      </c>
      <c r="LU35" s="348">
        <v>0</v>
      </c>
      <c r="LV35" s="345">
        <v>0</v>
      </c>
      <c r="LW35" s="349">
        <v>0</v>
      </c>
      <c r="LX35" s="404">
        <v>0</v>
      </c>
      <c r="LY35" s="345">
        <v>0</v>
      </c>
      <c r="LZ35" s="345">
        <v>0</v>
      </c>
      <c r="MA35" s="345">
        <v>0</v>
      </c>
      <c r="MB35" s="345">
        <v>0</v>
      </c>
      <c r="MC35" s="345">
        <v>0</v>
      </c>
      <c r="MD35" s="349">
        <v>0</v>
      </c>
      <c r="ME35" s="350">
        <v>0</v>
      </c>
      <c r="MF35" s="348">
        <v>0</v>
      </c>
      <c r="MG35" s="345">
        <v>0</v>
      </c>
      <c r="MH35" s="349">
        <v>0</v>
      </c>
      <c r="MI35" s="404">
        <v>0</v>
      </c>
      <c r="MJ35" s="345">
        <v>196201</v>
      </c>
      <c r="MK35" s="345">
        <v>0</v>
      </c>
      <c r="ML35" s="345">
        <v>225063</v>
      </c>
      <c r="MM35" s="345">
        <v>580177</v>
      </c>
      <c r="MN35" s="345">
        <v>0</v>
      </c>
      <c r="MO35" s="349">
        <v>1001441</v>
      </c>
      <c r="MP35" s="354">
        <v>1001441</v>
      </c>
      <c r="MQ35" s="348">
        <v>0</v>
      </c>
      <c r="MR35" s="345">
        <v>0</v>
      </c>
      <c r="MS35" s="349">
        <v>0</v>
      </c>
      <c r="MT35" s="404">
        <v>0</v>
      </c>
      <c r="MU35" s="345">
        <v>0</v>
      </c>
      <c r="MV35" s="345">
        <v>0</v>
      </c>
      <c r="MW35" s="345">
        <v>225063</v>
      </c>
      <c r="MX35" s="345">
        <v>239218</v>
      </c>
      <c r="MY35" s="345">
        <v>0</v>
      </c>
      <c r="MZ35" s="349">
        <v>464281</v>
      </c>
      <c r="NA35" s="354">
        <v>464281</v>
      </c>
      <c r="NB35" s="348">
        <v>0</v>
      </c>
      <c r="NC35" s="345">
        <v>0</v>
      </c>
      <c r="ND35" s="349">
        <v>0</v>
      </c>
      <c r="NE35" s="404">
        <v>0</v>
      </c>
      <c r="NF35" s="345">
        <v>196201</v>
      </c>
      <c r="NG35" s="345">
        <v>0</v>
      </c>
      <c r="NH35" s="345">
        <v>0</v>
      </c>
      <c r="NI35" s="345">
        <v>340959</v>
      </c>
      <c r="NJ35" s="345">
        <v>0</v>
      </c>
      <c r="NK35" s="349">
        <v>537160</v>
      </c>
      <c r="NL35" s="347">
        <v>537160</v>
      </c>
      <c r="NM35" s="348">
        <v>0</v>
      </c>
      <c r="NN35" s="345">
        <v>0</v>
      </c>
      <c r="NO35" s="349">
        <v>0</v>
      </c>
      <c r="NP35" s="404">
        <v>0</v>
      </c>
      <c r="NQ35" s="345">
        <v>0</v>
      </c>
      <c r="NR35" s="345">
        <v>0</v>
      </c>
      <c r="NS35" s="345">
        <v>0</v>
      </c>
      <c r="NT35" s="345">
        <v>0</v>
      </c>
      <c r="NU35" s="345">
        <v>0</v>
      </c>
      <c r="NV35" s="349">
        <v>0</v>
      </c>
      <c r="NW35" s="350">
        <v>0</v>
      </c>
      <c r="NX35" s="348">
        <v>0</v>
      </c>
      <c r="NY35" s="345">
        <v>0</v>
      </c>
      <c r="NZ35" s="349">
        <v>0</v>
      </c>
      <c r="OA35" s="404">
        <v>0</v>
      </c>
      <c r="OB35" s="345">
        <v>0</v>
      </c>
      <c r="OC35" s="345">
        <v>0</v>
      </c>
      <c r="OD35" s="345">
        <v>0</v>
      </c>
      <c r="OE35" s="345">
        <v>0</v>
      </c>
      <c r="OF35" s="345">
        <v>0</v>
      </c>
      <c r="OG35" s="349">
        <v>0</v>
      </c>
      <c r="OH35" s="350">
        <v>0</v>
      </c>
      <c r="OI35" s="348">
        <v>79576</v>
      </c>
      <c r="OJ35" s="345">
        <v>0</v>
      </c>
      <c r="OK35" s="346">
        <v>79576</v>
      </c>
      <c r="OL35" s="351">
        <v>0</v>
      </c>
      <c r="OM35" s="345">
        <v>854792</v>
      </c>
      <c r="ON35" s="345">
        <v>497987</v>
      </c>
      <c r="OO35" s="345">
        <v>488958</v>
      </c>
      <c r="OP35" s="345">
        <v>1035556</v>
      </c>
      <c r="OQ35" s="345">
        <v>96652</v>
      </c>
      <c r="OR35" s="349">
        <v>2973945</v>
      </c>
      <c r="OS35" s="354">
        <v>3053521</v>
      </c>
    </row>
    <row r="36" spans="2:409" s="70" customFormat="1" ht="21" customHeight="1" x14ac:dyDescent="0.2">
      <c r="B36" s="106" t="s">
        <v>31</v>
      </c>
      <c r="C36" s="326">
        <v>4480</v>
      </c>
      <c r="D36" s="327">
        <v>32802</v>
      </c>
      <c r="E36" s="328">
        <v>37282</v>
      </c>
      <c r="F36" s="329">
        <v>0</v>
      </c>
      <c r="G36" s="327">
        <v>151706</v>
      </c>
      <c r="H36" s="327">
        <v>439947</v>
      </c>
      <c r="I36" s="327">
        <v>705260</v>
      </c>
      <c r="J36" s="327">
        <v>548535</v>
      </c>
      <c r="K36" s="327">
        <v>191469</v>
      </c>
      <c r="L36" s="367">
        <v>2036917</v>
      </c>
      <c r="M36" s="330">
        <v>2074199</v>
      </c>
      <c r="N36" s="326">
        <v>0</v>
      </c>
      <c r="O36" s="327">
        <v>18242</v>
      </c>
      <c r="P36" s="328">
        <v>18242</v>
      </c>
      <c r="Q36" s="326">
        <v>0</v>
      </c>
      <c r="R36" s="327">
        <v>45827</v>
      </c>
      <c r="S36" s="327">
        <v>43598</v>
      </c>
      <c r="T36" s="327">
        <v>188153</v>
      </c>
      <c r="U36" s="327">
        <v>297827</v>
      </c>
      <c r="V36" s="327">
        <v>160319</v>
      </c>
      <c r="W36" s="328">
        <v>735724</v>
      </c>
      <c r="X36" s="330">
        <v>753966</v>
      </c>
      <c r="Y36" s="326">
        <v>0</v>
      </c>
      <c r="Z36" s="327">
        <v>0</v>
      </c>
      <c r="AA36" s="328">
        <v>0</v>
      </c>
      <c r="AB36" s="326">
        <v>0</v>
      </c>
      <c r="AC36" s="327">
        <v>27612</v>
      </c>
      <c r="AD36" s="327">
        <v>0</v>
      </c>
      <c r="AE36" s="327">
        <v>0</v>
      </c>
      <c r="AF36" s="327">
        <v>276043</v>
      </c>
      <c r="AG36" s="327">
        <v>0</v>
      </c>
      <c r="AH36" s="328">
        <v>303655</v>
      </c>
      <c r="AI36" s="330">
        <v>303655</v>
      </c>
      <c r="AJ36" s="326">
        <v>0</v>
      </c>
      <c r="AK36" s="327">
        <v>0</v>
      </c>
      <c r="AL36" s="328">
        <v>0</v>
      </c>
      <c r="AM36" s="326">
        <v>0</v>
      </c>
      <c r="AN36" s="327">
        <v>0</v>
      </c>
      <c r="AO36" s="327">
        <v>0</v>
      </c>
      <c r="AP36" s="327">
        <v>0</v>
      </c>
      <c r="AQ36" s="327">
        <v>0</v>
      </c>
      <c r="AR36" s="327">
        <v>98985</v>
      </c>
      <c r="AS36" s="328">
        <v>98985</v>
      </c>
      <c r="AT36" s="330">
        <v>98985</v>
      </c>
      <c r="AU36" s="326">
        <v>0</v>
      </c>
      <c r="AV36" s="327">
        <v>12180</v>
      </c>
      <c r="AW36" s="328">
        <v>12180</v>
      </c>
      <c r="AX36" s="326">
        <v>0</v>
      </c>
      <c r="AY36" s="327">
        <v>18215</v>
      </c>
      <c r="AZ36" s="327">
        <v>43598</v>
      </c>
      <c r="BA36" s="327">
        <v>177933</v>
      </c>
      <c r="BB36" s="327">
        <v>0</v>
      </c>
      <c r="BC36" s="327">
        <v>61334</v>
      </c>
      <c r="BD36" s="328">
        <v>301080</v>
      </c>
      <c r="BE36" s="330">
        <v>313260</v>
      </c>
      <c r="BF36" s="326">
        <v>0</v>
      </c>
      <c r="BG36" s="327">
        <v>0</v>
      </c>
      <c r="BH36" s="331">
        <v>0</v>
      </c>
      <c r="BI36" s="332">
        <v>0</v>
      </c>
      <c r="BJ36" s="327">
        <v>0</v>
      </c>
      <c r="BK36" s="327">
        <v>0</v>
      </c>
      <c r="BL36" s="327">
        <v>0</v>
      </c>
      <c r="BM36" s="327">
        <v>0</v>
      </c>
      <c r="BN36" s="327">
        <v>0</v>
      </c>
      <c r="BO36" s="328">
        <v>0</v>
      </c>
      <c r="BP36" s="330">
        <v>0</v>
      </c>
      <c r="BQ36" s="326">
        <v>0</v>
      </c>
      <c r="BR36" s="327">
        <v>6062</v>
      </c>
      <c r="BS36" s="328">
        <v>6062</v>
      </c>
      <c r="BT36" s="326">
        <v>0</v>
      </c>
      <c r="BU36" s="327">
        <v>0</v>
      </c>
      <c r="BV36" s="327">
        <v>0</v>
      </c>
      <c r="BW36" s="327">
        <v>10220</v>
      </c>
      <c r="BX36" s="327">
        <v>21784</v>
      </c>
      <c r="BY36" s="327">
        <v>0</v>
      </c>
      <c r="BZ36" s="328">
        <v>32004</v>
      </c>
      <c r="CA36" s="330">
        <v>38066</v>
      </c>
      <c r="CB36" s="326">
        <v>0</v>
      </c>
      <c r="CC36" s="327">
        <v>0</v>
      </c>
      <c r="CD36" s="328">
        <v>0</v>
      </c>
      <c r="CE36" s="326">
        <v>0</v>
      </c>
      <c r="CF36" s="327">
        <v>56342</v>
      </c>
      <c r="CG36" s="327">
        <v>190423</v>
      </c>
      <c r="CH36" s="327">
        <v>144438</v>
      </c>
      <c r="CI36" s="327">
        <v>71980</v>
      </c>
      <c r="CJ36" s="327">
        <v>0</v>
      </c>
      <c r="CK36" s="328">
        <v>463183</v>
      </c>
      <c r="CL36" s="330">
        <v>463183</v>
      </c>
      <c r="CM36" s="326">
        <v>0</v>
      </c>
      <c r="CN36" s="327">
        <v>0</v>
      </c>
      <c r="CO36" s="328">
        <v>0</v>
      </c>
      <c r="CP36" s="332">
        <v>0</v>
      </c>
      <c r="CQ36" s="327">
        <v>56342</v>
      </c>
      <c r="CR36" s="327">
        <v>157945</v>
      </c>
      <c r="CS36" s="327">
        <v>70234</v>
      </c>
      <c r="CT36" s="327">
        <v>71980</v>
      </c>
      <c r="CU36" s="327">
        <v>0</v>
      </c>
      <c r="CV36" s="328">
        <v>356501</v>
      </c>
      <c r="CW36" s="330">
        <v>356501</v>
      </c>
      <c r="CX36" s="326">
        <v>0</v>
      </c>
      <c r="CY36" s="327">
        <v>0</v>
      </c>
      <c r="CZ36" s="328">
        <v>0</v>
      </c>
      <c r="DA36" s="326">
        <v>0</v>
      </c>
      <c r="DB36" s="327">
        <v>0</v>
      </c>
      <c r="DC36" s="327">
        <v>32478</v>
      </c>
      <c r="DD36" s="327">
        <v>74204</v>
      </c>
      <c r="DE36" s="327">
        <v>0</v>
      </c>
      <c r="DF36" s="327">
        <v>0</v>
      </c>
      <c r="DG36" s="328">
        <v>106682</v>
      </c>
      <c r="DH36" s="330">
        <v>106682</v>
      </c>
      <c r="DI36" s="326">
        <v>0</v>
      </c>
      <c r="DJ36" s="327">
        <v>0</v>
      </c>
      <c r="DK36" s="331">
        <v>0</v>
      </c>
      <c r="DL36" s="332">
        <v>0</v>
      </c>
      <c r="DM36" s="327">
        <v>37637</v>
      </c>
      <c r="DN36" s="327">
        <v>0</v>
      </c>
      <c r="DO36" s="327">
        <v>181835</v>
      </c>
      <c r="DP36" s="327">
        <v>118787</v>
      </c>
      <c r="DQ36" s="327">
        <v>0</v>
      </c>
      <c r="DR36" s="328">
        <v>338259</v>
      </c>
      <c r="DS36" s="330">
        <v>338259</v>
      </c>
      <c r="DT36" s="326">
        <v>0</v>
      </c>
      <c r="DU36" s="327">
        <v>0</v>
      </c>
      <c r="DV36" s="328">
        <v>0</v>
      </c>
      <c r="DW36" s="326">
        <v>0</v>
      </c>
      <c r="DX36" s="327">
        <v>37637</v>
      </c>
      <c r="DY36" s="327">
        <v>0</v>
      </c>
      <c r="DZ36" s="327">
        <v>92563</v>
      </c>
      <c r="EA36" s="327">
        <v>118787</v>
      </c>
      <c r="EB36" s="327">
        <v>0</v>
      </c>
      <c r="EC36" s="328">
        <v>248987</v>
      </c>
      <c r="ED36" s="330">
        <v>248987</v>
      </c>
      <c r="EE36" s="326">
        <v>0</v>
      </c>
      <c r="EF36" s="331">
        <v>0</v>
      </c>
      <c r="EG36" s="328">
        <v>0</v>
      </c>
      <c r="EH36" s="326">
        <v>0</v>
      </c>
      <c r="EI36" s="327">
        <v>0</v>
      </c>
      <c r="EJ36" s="327">
        <v>0</v>
      </c>
      <c r="EK36" s="327">
        <v>89272</v>
      </c>
      <c r="EL36" s="327">
        <v>0</v>
      </c>
      <c r="EM36" s="327">
        <v>0</v>
      </c>
      <c r="EN36" s="331">
        <v>89272</v>
      </c>
      <c r="EO36" s="330">
        <v>89272</v>
      </c>
      <c r="EP36" s="326">
        <v>0</v>
      </c>
      <c r="EQ36" s="327">
        <v>0</v>
      </c>
      <c r="ER36" s="331">
        <v>0</v>
      </c>
      <c r="ES36" s="332">
        <v>0</v>
      </c>
      <c r="ET36" s="327">
        <v>0</v>
      </c>
      <c r="EU36" s="327">
        <v>0</v>
      </c>
      <c r="EV36" s="327">
        <v>0</v>
      </c>
      <c r="EW36" s="327">
        <v>0</v>
      </c>
      <c r="EX36" s="327">
        <v>0</v>
      </c>
      <c r="EY36" s="328">
        <v>0</v>
      </c>
      <c r="EZ36" s="330">
        <v>0</v>
      </c>
      <c r="FA36" s="326">
        <v>0</v>
      </c>
      <c r="FB36" s="327">
        <v>0</v>
      </c>
      <c r="FC36" s="331">
        <v>0</v>
      </c>
      <c r="FD36" s="404">
        <v>0</v>
      </c>
      <c r="FE36" s="327">
        <v>0</v>
      </c>
      <c r="FF36" s="327">
        <v>0</v>
      </c>
      <c r="FG36" s="327">
        <v>0</v>
      </c>
      <c r="FH36" s="327">
        <v>0</v>
      </c>
      <c r="FI36" s="327">
        <v>0</v>
      </c>
      <c r="FJ36" s="328">
        <v>0</v>
      </c>
      <c r="FK36" s="330">
        <v>0</v>
      </c>
      <c r="FL36" s="326">
        <v>4480</v>
      </c>
      <c r="FM36" s="327">
        <v>14560</v>
      </c>
      <c r="FN36" s="328">
        <v>19040</v>
      </c>
      <c r="FO36" s="326">
        <v>0</v>
      </c>
      <c r="FP36" s="327">
        <v>11900</v>
      </c>
      <c r="FQ36" s="327">
        <v>47418</v>
      </c>
      <c r="FR36" s="327">
        <v>84175</v>
      </c>
      <c r="FS36" s="327">
        <v>59941</v>
      </c>
      <c r="FT36" s="327">
        <v>31150</v>
      </c>
      <c r="FU36" s="328">
        <v>234584</v>
      </c>
      <c r="FV36" s="330">
        <v>253624</v>
      </c>
      <c r="FW36" s="333">
        <v>4480</v>
      </c>
      <c r="FX36" s="327">
        <v>14560</v>
      </c>
      <c r="FY36" s="331">
        <v>19040</v>
      </c>
      <c r="FZ36" s="332">
        <v>0</v>
      </c>
      <c r="GA36" s="327">
        <v>11900</v>
      </c>
      <c r="GB36" s="327">
        <v>47418</v>
      </c>
      <c r="GC36" s="327">
        <v>84175</v>
      </c>
      <c r="GD36" s="327">
        <v>59941</v>
      </c>
      <c r="GE36" s="327">
        <v>31150</v>
      </c>
      <c r="GF36" s="328">
        <v>234584</v>
      </c>
      <c r="GG36" s="334">
        <v>253624</v>
      </c>
      <c r="GH36" s="333">
        <v>0</v>
      </c>
      <c r="GI36" s="327">
        <v>0</v>
      </c>
      <c r="GJ36" s="331">
        <v>0</v>
      </c>
      <c r="GK36" s="332">
        <v>0</v>
      </c>
      <c r="GL36" s="327">
        <v>0</v>
      </c>
      <c r="GM36" s="327">
        <v>0</v>
      </c>
      <c r="GN36" s="327">
        <v>0</v>
      </c>
      <c r="GO36" s="327">
        <v>0</v>
      </c>
      <c r="GP36" s="327">
        <v>0</v>
      </c>
      <c r="GQ36" s="328">
        <v>0</v>
      </c>
      <c r="GR36" s="330">
        <v>0</v>
      </c>
      <c r="GS36" s="326">
        <v>0</v>
      </c>
      <c r="GT36" s="327">
        <v>0</v>
      </c>
      <c r="GU36" s="328">
        <v>0</v>
      </c>
      <c r="GV36" s="326">
        <v>0</v>
      </c>
      <c r="GW36" s="327">
        <v>0</v>
      </c>
      <c r="GX36" s="327">
        <v>0</v>
      </c>
      <c r="GY36" s="327">
        <v>0</v>
      </c>
      <c r="GZ36" s="327">
        <v>0</v>
      </c>
      <c r="HA36" s="327">
        <v>0</v>
      </c>
      <c r="HB36" s="331">
        <v>0</v>
      </c>
      <c r="HC36" s="330">
        <v>0</v>
      </c>
      <c r="HD36" s="326">
        <v>0</v>
      </c>
      <c r="HE36" s="327">
        <v>0</v>
      </c>
      <c r="HF36" s="331">
        <v>0</v>
      </c>
      <c r="HG36" s="332">
        <v>0</v>
      </c>
      <c r="HH36" s="327">
        <v>0</v>
      </c>
      <c r="HI36" s="327">
        <v>158508</v>
      </c>
      <c r="HJ36" s="327">
        <v>106659</v>
      </c>
      <c r="HK36" s="327">
        <v>0</v>
      </c>
      <c r="HL36" s="327">
        <v>0</v>
      </c>
      <c r="HM36" s="328">
        <v>265167</v>
      </c>
      <c r="HN36" s="329">
        <v>265167</v>
      </c>
      <c r="HO36" s="333">
        <v>0</v>
      </c>
      <c r="HP36" s="327">
        <v>0</v>
      </c>
      <c r="HQ36" s="328">
        <v>0</v>
      </c>
      <c r="HR36" s="326">
        <v>0</v>
      </c>
      <c r="HS36" s="327">
        <v>0</v>
      </c>
      <c r="HT36" s="327">
        <v>0</v>
      </c>
      <c r="HU36" s="327">
        <v>0</v>
      </c>
      <c r="HV36" s="327">
        <v>0</v>
      </c>
      <c r="HW36" s="327">
        <v>0</v>
      </c>
      <c r="HX36" s="331">
        <v>0</v>
      </c>
      <c r="HY36" s="330">
        <v>0</v>
      </c>
      <c r="HZ36" s="358">
        <v>0</v>
      </c>
      <c r="IA36" s="356">
        <v>0</v>
      </c>
      <c r="IB36" s="358">
        <v>0</v>
      </c>
      <c r="IC36" s="355">
        <v>0</v>
      </c>
      <c r="ID36" s="356">
        <v>84818</v>
      </c>
      <c r="IE36" s="357">
        <v>0</v>
      </c>
      <c r="IF36" s="358">
        <v>0</v>
      </c>
      <c r="IG36" s="356">
        <v>0</v>
      </c>
      <c r="IH36" s="358">
        <v>263623</v>
      </c>
      <c r="II36" s="359">
        <v>348441</v>
      </c>
      <c r="IJ36" s="358">
        <v>348441</v>
      </c>
      <c r="IK36" s="342">
        <v>0</v>
      </c>
      <c r="IL36" s="343">
        <v>0</v>
      </c>
      <c r="IM36" s="344">
        <v>0</v>
      </c>
      <c r="IN36" s="404">
        <v>0</v>
      </c>
      <c r="IO36" s="345">
        <v>0</v>
      </c>
      <c r="IP36" s="345">
        <v>0</v>
      </c>
      <c r="IQ36" s="345">
        <v>0</v>
      </c>
      <c r="IR36" s="345">
        <v>0</v>
      </c>
      <c r="IS36" s="345">
        <v>0</v>
      </c>
      <c r="IT36" s="346">
        <v>0</v>
      </c>
      <c r="IU36" s="347">
        <v>0</v>
      </c>
      <c r="IV36" s="348">
        <v>0</v>
      </c>
      <c r="IW36" s="345">
        <v>0</v>
      </c>
      <c r="IX36" s="349">
        <v>0</v>
      </c>
      <c r="IY36" s="404">
        <v>0</v>
      </c>
      <c r="IZ36" s="345">
        <v>0</v>
      </c>
      <c r="JA36" s="345">
        <v>0</v>
      </c>
      <c r="JB36" s="345">
        <v>0</v>
      </c>
      <c r="JC36" s="345">
        <v>0</v>
      </c>
      <c r="JD36" s="345">
        <v>0</v>
      </c>
      <c r="JE36" s="349">
        <v>0</v>
      </c>
      <c r="JF36" s="350">
        <v>0</v>
      </c>
      <c r="JG36" s="348">
        <v>0</v>
      </c>
      <c r="JH36" s="345">
        <v>0</v>
      </c>
      <c r="JI36" s="346">
        <v>0</v>
      </c>
      <c r="JJ36" s="351">
        <v>0</v>
      </c>
      <c r="JK36" s="345">
        <v>84818</v>
      </c>
      <c r="JL36" s="345">
        <v>0</v>
      </c>
      <c r="JM36" s="345">
        <v>0</v>
      </c>
      <c r="JN36" s="345">
        <v>0</v>
      </c>
      <c r="JO36" s="345">
        <v>0</v>
      </c>
      <c r="JP36" s="349">
        <v>84818</v>
      </c>
      <c r="JQ36" s="347">
        <v>84818</v>
      </c>
      <c r="JR36" s="348">
        <v>0</v>
      </c>
      <c r="JS36" s="345">
        <v>0</v>
      </c>
      <c r="JT36" s="346">
        <v>0</v>
      </c>
      <c r="JU36" s="351">
        <v>0</v>
      </c>
      <c r="JV36" s="345">
        <v>0</v>
      </c>
      <c r="JW36" s="345">
        <v>0</v>
      </c>
      <c r="JX36" s="345">
        <v>0</v>
      </c>
      <c r="JY36" s="345">
        <v>0</v>
      </c>
      <c r="JZ36" s="345">
        <v>0</v>
      </c>
      <c r="KA36" s="349">
        <v>0</v>
      </c>
      <c r="KB36" s="347">
        <v>0</v>
      </c>
      <c r="KC36" s="352">
        <v>0</v>
      </c>
      <c r="KD36" s="353">
        <v>0</v>
      </c>
      <c r="KE36" s="349">
        <v>0</v>
      </c>
      <c r="KF36" s="351">
        <v>0</v>
      </c>
      <c r="KG36" s="345">
        <v>0</v>
      </c>
      <c r="KH36" s="345">
        <v>0</v>
      </c>
      <c r="KI36" s="345">
        <v>0</v>
      </c>
      <c r="KJ36" s="345">
        <v>0</v>
      </c>
      <c r="KK36" s="345">
        <v>263623</v>
      </c>
      <c r="KL36" s="349">
        <v>263623</v>
      </c>
      <c r="KM36" s="354">
        <v>263623</v>
      </c>
      <c r="KN36" s="342">
        <v>0</v>
      </c>
      <c r="KO36" s="343">
        <v>0</v>
      </c>
      <c r="KP36" s="344">
        <v>0</v>
      </c>
      <c r="KQ36" s="404">
        <v>0</v>
      </c>
      <c r="KR36" s="345">
        <v>0</v>
      </c>
      <c r="KS36" s="345">
        <v>0</v>
      </c>
      <c r="KT36" s="345">
        <v>0</v>
      </c>
      <c r="KU36" s="345">
        <v>0</v>
      </c>
      <c r="KV36" s="345">
        <v>0</v>
      </c>
      <c r="KW36" s="349">
        <v>0</v>
      </c>
      <c r="KX36" s="347">
        <v>0</v>
      </c>
      <c r="KY36" s="348">
        <v>0</v>
      </c>
      <c r="KZ36" s="345">
        <v>0</v>
      </c>
      <c r="LA36" s="349">
        <v>0</v>
      </c>
      <c r="LB36" s="404">
        <v>0</v>
      </c>
      <c r="LC36" s="345">
        <v>0</v>
      </c>
      <c r="LD36" s="345">
        <v>0</v>
      </c>
      <c r="LE36" s="345">
        <v>0</v>
      </c>
      <c r="LF36" s="345">
        <v>0</v>
      </c>
      <c r="LG36" s="345">
        <v>0</v>
      </c>
      <c r="LH36" s="349">
        <v>0</v>
      </c>
      <c r="LI36" s="350">
        <v>0</v>
      </c>
      <c r="LJ36" s="348">
        <v>0</v>
      </c>
      <c r="LK36" s="345">
        <v>0</v>
      </c>
      <c r="LL36" s="349">
        <v>0</v>
      </c>
      <c r="LM36" s="404">
        <v>0</v>
      </c>
      <c r="LN36" s="345">
        <v>0</v>
      </c>
      <c r="LO36" s="345">
        <v>0</v>
      </c>
      <c r="LP36" s="345">
        <v>0</v>
      </c>
      <c r="LQ36" s="345">
        <v>0</v>
      </c>
      <c r="LR36" s="345">
        <v>0</v>
      </c>
      <c r="LS36" s="349">
        <v>0</v>
      </c>
      <c r="LT36" s="347">
        <v>0</v>
      </c>
      <c r="LU36" s="348">
        <v>0</v>
      </c>
      <c r="LV36" s="345">
        <v>0</v>
      </c>
      <c r="LW36" s="349">
        <v>0</v>
      </c>
      <c r="LX36" s="404">
        <v>0</v>
      </c>
      <c r="LY36" s="345">
        <v>0</v>
      </c>
      <c r="LZ36" s="345">
        <v>0</v>
      </c>
      <c r="MA36" s="345">
        <v>0</v>
      </c>
      <c r="MB36" s="345">
        <v>0</v>
      </c>
      <c r="MC36" s="345">
        <v>0</v>
      </c>
      <c r="MD36" s="349">
        <v>0</v>
      </c>
      <c r="ME36" s="350">
        <v>0</v>
      </c>
      <c r="MF36" s="348">
        <v>0</v>
      </c>
      <c r="MG36" s="345">
        <v>0</v>
      </c>
      <c r="MH36" s="349">
        <v>0</v>
      </c>
      <c r="MI36" s="404">
        <v>0</v>
      </c>
      <c r="MJ36" s="345">
        <v>0</v>
      </c>
      <c r="MK36" s="345">
        <v>0</v>
      </c>
      <c r="ML36" s="345">
        <v>575312</v>
      </c>
      <c r="MM36" s="345">
        <v>0</v>
      </c>
      <c r="MN36" s="345">
        <v>241808</v>
      </c>
      <c r="MO36" s="349">
        <v>817120</v>
      </c>
      <c r="MP36" s="354">
        <v>817120</v>
      </c>
      <c r="MQ36" s="348">
        <v>0</v>
      </c>
      <c r="MR36" s="345">
        <v>0</v>
      </c>
      <c r="MS36" s="349">
        <v>0</v>
      </c>
      <c r="MT36" s="404">
        <v>0</v>
      </c>
      <c r="MU36" s="345">
        <v>0</v>
      </c>
      <c r="MV36" s="345">
        <v>0</v>
      </c>
      <c r="MW36" s="345">
        <v>423636</v>
      </c>
      <c r="MX36" s="345">
        <v>0</v>
      </c>
      <c r="MY36" s="345">
        <v>241808</v>
      </c>
      <c r="MZ36" s="349">
        <v>665444</v>
      </c>
      <c r="NA36" s="354">
        <v>665444</v>
      </c>
      <c r="NB36" s="348">
        <v>0</v>
      </c>
      <c r="NC36" s="345">
        <v>0</v>
      </c>
      <c r="ND36" s="349">
        <v>0</v>
      </c>
      <c r="NE36" s="404">
        <v>0</v>
      </c>
      <c r="NF36" s="345">
        <v>0</v>
      </c>
      <c r="NG36" s="345">
        <v>0</v>
      </c>
      <c r="NH36" s="345">
        <v>151676</v>
      </c>
      <c r="NI36" s="345">
        <v>0</v>
      </c>
      <c r="NJ36" s="345">
        <v>0</v>
      </c>
      <c r="NK36" s="349">
        <v>151676</v>
      </c>
      <c r="NL36" s="347">
        <v>151676</v>
      </c>
      <c r="NM36" s="348">
        <v>0</v>
      </c>
      <c r="NN36" s="345">
        <v>0</v>
      </c>
      <c r="NO36" s="349">
        <v>0</v>
      </c>
      <c r="NP36" s="404">
        <v>0</v>
      </c>
      <c r="NQ36" s="345">
        <v>0</v>
      </c>
      <c r="NR36" s="345">
        <v>0</v>
      </c>
      <c r="NS36" s="345">
        <v>0</v>
      </c>
      <c r="NT36" s="345">
        <v>0</v>
      </c>
      <c r="NU36" s="345">
        <v>0</v>
      </c>
      <c r="NV36" s="349">
        <v>0</v>
      </c>
      <c r="NW36" s="350">
        <v>0</v>
      </c>
      <c r="NX36" s="348">
        <v>0</v>
      </c>
      <c r="NY36" s="345">
        <v>0</v>
      </c>
      <c r="NZ36" s="349">
        <v>0</v>
      </c>
      <c r="OA36" s="404">
        <v>0</v>
      </c>
      <c r="OB36" s="345">
        <v>0</v>
      </c>
      <c r="OC36" s="345">
        <v>0</v>
      </c>
      <c r="OD36" s="345">
        <v>0</v>
      </c>
      <c r="OE36" s="345">
        <v>0</v>
      </c>
      <c r="OF36" s="345">
        <v>0</v>
      </c>
      <c r="OG36" s="349">
        <v>0</v>
      </c>
      <c r="OH36" s="350">
        <v>0</v>
      </c>
      <c r="OI36" s="348">
        <v>4480</v>
      </c>
      <c r="OJ36" s="345">
        <v>32802</v>
      </c>
      <c r="OK36" s="346">
        <v>37282</v>
      </c>
      <c r="OL36" s="351">
        <v>0</v>
      </c>
      <c r="OM36" s="345">
        <v>236524</v>
      </c>
      <c r="ON36" s="345">
        <v>439947</v>
      </c>
      <c r="OO36" s="345">
        <v>1280572</v>
      </c>
      <c r="OP36" s="345">
        <v>548535</v>
      </c>
      <c r="OQ36" s="345">
        <v>696900</v>
      </c>
      <c r="OR36" s="349">
        <v>3202478</v>
      </c>
      <c r="OS36" s="354">
        <v>3239760</v>
      </c>
    </row>
    <row r="37" spans="2:409" s="70" customFormat="1" ht="21" customHeight="1" x14ac:dyDescent="0.2">
      <c r="B37" s="106" t="s">
        <v>32</v>
      </c>
      <c r="C37" s="326">
        <v>72765</v>
      </c>
      <c r="D37" s="327">
        <v>75586</v>
      </c>
      <c r="E37" s="368">
        <v>148351</v>
      </c>
      <c r="F37" s="370">
        <v>0</v>
      </c>
      <c r="G37" s="369">
        <v>301192</v>
      </c>
      <c r="H37" s="369">
        <v>313498</v>
      </c>
      <c r="I37" s="369">
        <v>37331</v>
      </c>
      <c r="J37" s="369">
        <v>434255</v>
      </c>
      <c r="K37" s="369">
        <v>452097</v>
      </c>
      <c r="L37" s="370">
        <v>1538373</v>
      </c>
      <c r="M37" s="330">
        <v>1686724</v>
      </c>
      <c r="N37" s="326">
        <v>55475</v>
      </c>
      <c r="O37" s="327">
        <v>18613</v>
      </c>
      <c r="P37" s="328">
        <v>74088</v>
      </c>
      <c r="Q37" s="326">
        <v>0</v>
      </c>
      <c r="R37" s="327">
        <v>89605</v>
      </c>
      <c r="S37" s="327">
        <v>99785</v>
      </c>
      <c r="T37" s="327">
        <v>23156</v>
      </c>
      <c r="U37" s="327">
        <v>33615</v>
      </c>
      <c r="V37" s="327">
        <v>43708</v>
      </c>
      <c r="W37" s="328">
        <v>289869</v>
      </c>
      <c r="X37" s="330">
        <v>363957</v>
      </c>
      <c r="Y37" s="326">
        <v>0</v>
      </c>
      <c r="Z37" s="327">
        <v>0</v>
      </c>
      <c r="AA37" s="328">
        <v>0</v>
      </c>
      <c r="AB37" s="326">
        <v>0</v>
      </c>
      <c r="AC37" s="327">
        <v>14908</v>
      </c>
      <c r="AD37" s="327">
        <v>63966</v>
      </c>
      <c r="AE37" s="327">
        <v>0</v>
      </c>
      <c r="AF37" s="327">
        <v>0</v>
      </c>
      <c r="AG37" s="327">
        <v>0</v>
      </c>
      <c r="AH37" s="328">
        <v>78874</v>
      </c>
      <c r="AI37" s="330">
        <v>78874</v>
      </c>
      <c r="AJ37" s="326">
        <v>0</v>
      </c>
      <c r="AK37" s="327">
        <v>0</v>
      </c>
      <c r="AL37" s="328">
        <v>0</v>
      </c>
      <c r="AM37" s="326">
        <v>0</v>
      </c>
      <c r="AN37" s="327">
        <v>0</v>
      </c>
      <c r="AO37" s="327">
        <v>0</v>
      </c>
      <c r="AP37" s="327">
        <v>0</v>
      </c>
      <c r="AQ37" s="327">
        <v>0</v>
      </c>
      <c r="AR37" s="327">
        <v>0</v>
      </c>
      <c r="AS37" s="328">
        <v>0</v>
      </c>
      <c r="AT37" s="330">
        <v>0</v>
      </c>
      <c r="AU37" s="326">
        <v>55475</v>
      </c>
      <c r="AV37" s="327">
        <v>18613</v>
      </c>
      <c r="AW37" s="328">
        <v>74088</v>
      </c>
      <c r="AX37" s="326">
        <v>0</v>
      </c>
      <c r="AY37" s="327">
        <v>74697</v>
      </c>
      <c r="AZ37" s="327">
        <v>24927</v>
      </c>
      <c r="BA37" s="327">
        <v>23156</v>
      </c>
      <c r="BB37" s="327">
        <v>0</v>
      </c>
      <c r="BC37" s="327">
        <v>0</v>
      </c>
      <c r="BD37" s="328">
        <v>122780</v>
      </c>
      <c r="BE37" s="330">
        <v>196868</v>
      </c>
      <c r="BF37" s="326">
        <v>0</v>
      </c>
      <c r="BG37" s="327">
        <v>0</v>
      </c>
      <c r="BH37" s="331">
        <v>0</v>
      </c>
      <c r="BI37" s="332">
        <v>0</v>
      </c>
      <c r="BJ37" s="327">
        <v>0</v>
      </c>
      <c r="BK37" s="327">
        <v>0</v>
      </c>
      <c r="BL37" s="327">
        <v>0</v>
      </c>
      <c r="BM37" s="327">
        <v>27308</v>
      </c>
      <c r="BN37" s="327">
        <v>0</v>
      </c>
      <c r="BO37" s="328">
        <v>27308</v>
      </c>
      <c r="BP37" s="330">
        <v>27308</v>
      </c>
      <c r="BQ37" s="326">
        <v>0</v>
      </c>
      <c r="BR37" s="327">
        <v>0</v>
      </c>
      <c r="BS37" s="328">
        <v>0</v>
      </c>
      <c r="BT37" s="326">
        <v>0</v>
      </c>
      <c r="BU37" s="327">
        <v>0</v>
      </c>
      <c r="BV37" s="327">
        <v>10892</v>
      </c>
      <c r="BW37" s="327">
        <v>0</v>
      </c>
      <c r="BX37" s="327">
        <v>6307</v>
      </c>
      <c r="BY37" s="327">
        <v>43708</v>
      </c>
      <c r="BZ37" s="328">
        <v>60907</v>
      </c>
      <c r="CA37" s="330">
        <v>60907</v>
      </c>
      <c r="CB37" s="326">
        <v>0</v>
      </c>
      <c r="CC37" s="327">
        <v>35063</v>
      </c>
      <c r="CD37" s="328">
        <v>35063</v>
      </c>
      <c r="CE37" s="326">
        <v>0</v>
      </c>
      <c r="CF37" s="327">
        <v>169895</v>
      </c>
      <c r="CG37" s="327">
        <v>160842</v>
      </c>
      <c r="CH37" s="327">
        <v>0</v>
      </c>
      <c r="CI37" s="327">
        <v>110343</v>
      </c>
      <c r="CJ37" s="327">
        <v>0</v>
      </c>
      <c r="CK37" s="328">
        <v>441080</v>
      </c>
      <c r="CL37" s="330">
        <v>476143</v>
      </c>
      <c r="CM37" s="326">
        <v>0</v>
      </c>
      <c r="CN37" s="327">
        <v>0</v>
      </c>
      <c r="CO37" s="328">
        <v>0</v>
      </c>
      <c r="CP37" s="332">
        <v>0</v>
      </c>
      <c r="CQ37" s="327">
        <v>169895</v>
      </c>
      <c r="CR37" s="327">
        <v>81410</v>
      </c>
      <c r="CS37" s="327">
        <v>0</v>
      </c>
      <c r="CT37" s="327">
        <v>34787</v>
      </c>
      <c r="CU37" s="327">
        <v>0</v>
      </c>
      <c r="CV37" s="328">
        <v>286092</v>
      </c>
      <c r="CW37" s="330">
        <v>286092</v>
      </c>
      <c r="CX37" s="326">
        <v>0</v>
      </c>
      <c r="CY37" s="327">
        <v>35063</v>
      </c>
      <c r="CZ37" s="328">
        <v>35063</v>
      </c>
      <c r="DA37" s="326">
        <v>0</v>
      </c>
      <c r="DB37" s="327">
        <v>0</v>
      </c>
      <c r="DC37" s="327">
        <v>79432</v>
      </c>
      <c r="DD37" s="327">
        <v>0</v>
      </c>
      <c r="DE37" s="327">
        <v>75556</v>
      </c>
      <c r="DF37" s="327">
        <v>0</v>
      </c>
      <c r="DG37" s="328">
        <v>154988</v>
      </c>
      <c r="DH37" s="330">
        <v>190051</v>
      </c>
      <c r="DI37" s="326">
        <v>0</v>
      </c>
      <c r="DJ37" s="327">
        <v>0</v>
      </c>
      <c r="DK37" s="331">
        <v>0</v>
      </c>
      <c r="DL37" s="332">
        <v>0</v>
      </c>
      <c r="DM37" s="327">
        <v>0</v>
      </c>
      <c r="DN37" s="327">
        <v>0</v>
      </c>
      <c r="DO37" s="327">
        <v>0</v>
      </c>
      <c r="DP37" s="327">
        <v>0</v>
      </c>
      <c r="DQ37" s="327">
        <v>0</v>
      </c>
      <c r="DR37" s="328">
        <v>0</v>
      </c>
      <c r="DS37" s="330">
        <v>0</v>
      </c>
      <c r="DT37" s="326">
        <v>0</v>
      </c>
      <c r="DU37" s="327">
        <v>0</v>
      </c>
      <c r="DV37" s="328">
        <v>0</v>
      </c>
      <c r="DW37" s="326">
        <v>0</v>
      </c>
      <c r="DX37" s="327">
        <v>0</v>
      </c>
      <c r="DY37" s="327">
        <v>0</v>
      </c>
      <c r="DZ37" s="327">
        <v>0</v>
      </c>
      <c r="EA37" s="327">
        <v>0</v>
      </c>
      <c r="EB37" s="327">
        <v>0</v>
      </c>
      <c r="EC37" s="328">
        <v>0</v>
      </c>
      <c r="ED37" s="330">
        <v>0</v>
      </c>
      <c r="EE37" s="326">
        <v>0</v>
      </c>
      <c r="EF37" s="331">
        <v>0</v>
      </c>
      <c r="EG37" s="328">
        <v>0</v>
      </c>
      <c r="EH37" s="326">
        <v>0</v>
      </c>
      <c r="EI37" s="327">
        <v>0</v>
      </c>
      <c r="EJ37" s="327">
        <v>0</v>
      </c>
      <c r="EK37" s="327">
        <v>0</v>
      </c>
      <c r="EL37" s="327">
        <v>0</v>
      </c>
      <c r="EM37" s="327">
        <v>0</v>
      </c>
      <c r="EN37" s="331">
        <v>0</v>
      </c>
      <c r="EO37" s="330">
        <v>0</v>
      </c>
      <c r="EP37" s="326">
        <v>0</v>
      </c>
      <c r="EQ37" s="327">
        <v>0</v>
      </c>
      <c r="ER37" s="331">
        <v>0</v>
      </c>
      <c r="ES37" s="332">
        <v>0</v>
      </c>
      <c r="ET37" s="327">
        <v>0</v>
      </c>
      <c r="EU37" s="327">
        <v>0</v>
      </c>
      <c r="EV37" s="327">
        <v>0</v>
      </c>
      <c r="EW37" s="327">
        <v>0</v>
      </c>
      <c r="EX37" s="327">
        <v>0</v>
      </c>
      <c r="EY37" s="328">
        <v>0</v>
      </c>
      <c r="EZ37" s="330">
        <v>0</v>
      </c>
      <c r="FA37" s="326">
        <v>0</v>
      </c>
      <c r="FB37" s="327">
        <v>0</v>
      </c>
      <c r="FC37" s="331">
        <v>0</v>
      </c>
      <c r="FD37" s="404">
        <v>0</v>
      </c>
      <c r="FE37" s="327">
        <v>0</v>
      </c>
      <c r="FF37" s="327">
        <v>0</v>
      </c>
      <c r="FG37" s="327">
        <v>0</v>
      </c>
      <c r="FH37" s="327">
        <v>0</v>
      </c>
      <c r="FI37" s="327">
        <v>0</v>
      </c>
      <c r="FJ37" s="328">
        <v>0</v>
      </c>
      <c r="FK37" s="330">
        <v>0</v>
      </c>
      <c r="FL37" s="326">
        <v>17290</v>
      </c>
      <c r="FM37" s="327">
        <v>21910</v>
      </c>
      <c r="FN37" s="328">
        <v>39200</v>
      </c>
      <c r="FO37" s="326">
        <v>0</v>
      </c>
      <c r="FP37" s="327">
        <v>41692</v>
      </c>
      <c r="FQ37" s="327">
        <v>52871</v>
      </c>
      <c r="FR37" s="327">
        <v>14175</v>
      </c>
      <c r="FS37" s="327">
        <v>37618</v>
      </c>
      <c r="FT37" s="327">
        <v>0</v>
      </c>
      <c r="FU37" s="328">
        <v>146356</v>
      </c>
      <c r="FV37" s="330">
        <v>185556</v>
      </c>
      <c r="FW37" s="333">
        <v>17290</v>
      </c>
      <c r="FX37" s="327">
        <v>21910</v>
      </c>
      <c r="FY37" s="331">
        <v>39200</v>
      </c>
      <c r="FZ37" s="332">
        <v>0</v>
      </c>
      <c r="GA37" s="327">
        <v>30142</v>
      </c>
      <c r="GB37" s="327">
        <v>52871</v>
      </c>
      <c r="GC37" s="327">
        <v>14175</v>
      </c>
      <c r="GD37" s="327">
        <v>37618</v>
      </c>
      <c r="GE37" s="327">
        <v>0</v>
      </c>
      <c r="GF37" s="328">
        <v>134806</v>
      </c>
      <c r="GG37" s="334">
        <v>174006</v>
      </c>
      <c r="GH37" s="333">
        <v>0</v>
      </c>
      <c r="GI37" s="327">
        <v>0</v>
      </c>
      <c r="GJ37" s="331">
        <v>0</v>
      </c>
      <c r="GK37" s="332">
        <v>0</v>
      </c>
      <c r="GL37" s="327">
        <v>0</v>
      </c>
      <c r="GM37" s="327">
        <v>0</v>
      </c>
      <c r="GN37" s="327">
        <v>0</v>
      </c>
      <c r="GO37" s="327">
        <v>0</v>
      </c>
      <c r="GP37" s="327">
        <v>0</v>
      </c>
      <c r="GQ37" s="328">
        <v>0</v>
      </c>
      <c r="GR37" s="330">
        <v>0</v>
      </c>
      <c r="GS37" s="326">
        <v>0</v>
      </c>
      <c r="GT37" s="327">
        <v>0</v>
      </c>
      <c r="GU37" s="328">
        <v>0</v>
      </c>
      <c r="GV37" s="326">
        <v>0</v>
      </c>
      <c r="GW37" s="327">
        <v>11550</v>
      </c>
      <c r="GX37" s="327">
        <v>0</v>
      </c>
      <c r="GY37" s="327">
        <v>0</v>
      </c>
      <c r="GZ37" s="327">
        <v>0</v>
      </c>
      <c r="HA37" s="327">
        <v>0</v>
      </c>
      <c r="HB37" s="331">
        <v>11550</v>
      </c>
      <c r="HC37" s="330">
        <v>11550</v>
      </c>
      <c r="HD37" s="326">
        <v>0</v>
      </c>
      <c r="HE37" s="327">
        <v>0</v>
      </c>
      <c r="HF37" s="331">
        <v>0</v>
      </c>
      <c r="HG37" s="332">
        <v>0</v>
      </c>
      <c r="HH37" s="327">
        <v>0</v>
      </c>
      <c r="HI37" s="327">
        <v>0</v>
      </c>
      <c r="HJ37" s="327">
        <v>0</v>
      </c>
      <c r="HK37" s="327">
        <v>252679</v>
      </c>
      <c r="HL37" s="327">
        <v>408389</v>
      </c>
      <c r="HM37" s="328">
        <v>661068</v>
      </c>
      <c r="HN37" s="329">
        <v>661068</v>
      </c>
      <c r="HO37" s="333">
        <v>0</v>
      </c>
      <c r="HP37" s="327">
        <v>0</v>
      </c>
      <c r="HQ37" s="328">
        <v>0</v>
      </c>
      <c r="HR37" s="326">
        <v>0</v>
      </c>
      <c r="HS37" s="327">
        <v>0</v>
      </c>
      <c r="HT37" s="327">
        <v>0</v>
      </c>
      <c r="HU37" s="327">
        <v>0</v>
      </c>
      <c r="HV37" s="327">
        <v>0</v>
      </c>
      <c r="HW37" s="327">
        <v>0</v>
      </c>
      <c r="HX37" s="331">
        <v>0</v>
      </c>
      <c r="HY37" s="330">
        <v>0</v>
      </c>
      <c r="HZ37" s="335">
        <v>0</v>
      </c>
      <c r="IA37" s="336">
        <v>0</v>
      </c>
      <c r="IB37" s="337">
        <v>0</v>
      </c>
      <c r="IC37" s="338">
        <v>0</v>
      </c>
      <c r="ID37" s="336">
        <v>354237</v>
      </c>
      <c r="IE37" s="339">
        <v>118384</v>
      </c>
      <c r="IF37" s="337">
        <v>234681</v>
      </c>
      <c r="IG37" s="336">
        <v>205835</v>
      </c>
      <c r="IH37" s="337">
        <v>225463</v>
      </c>
      <c r="II37" s="340">
        <v>1138600</v>
      </c>
      <c r="IJ37" s="341">
        <v>1138600</v>
      </c>
      <c r="IK37" s="342">
        <v>0</v>
      </c>
      <c r="IL37" s="343">
        <v>0</v>
      </c>
      <c r="IM37" s="344">
        <v>0</v>
      </c>
      <c r="IN37" s="404">
        <v>0</v>
      </c>
      <c r="IO37" s="345">
        <v>54488</v>
      </c>
      <c r="IP37" s="345">
        <v>82943</v>
      </c>
      <c r="IQ37" s="345">
        <v>0</v>
      </c>
      <c r="IR37" s="345">
        <v>0</v>
      </c>
      <c r="IS37" s="345">
        <v>0</v>
      </c>
      <c r="IT37" s="346">
        <v>137431</v>
      </c>
      <c r="IU37" s="347">
        <v>137431</v>
      </c>
      <c r="IV37" s="348">
        <v>0</v>
      </c>
      <c r="IW37" s="345">
        <v>0</v>
      </c>
      <c r="IX37" s="349">
        <v>0</v>
      </c>
      <c r="IY37" s="404">
        <v>0</v>
      </c>
      <c r="IZ37" s="345">
        <v>0</v>
      </c>
      <c r="JA37" s="345">
        <v>0</v>
      </c>
      <c r="JB37" s="345">
        <v>0</v>
      </c>
      <c r="JC37" s="345">
        <v>0</v>
      </c>
      <c r="JD37" s="345">
        <v>0</v>
      </c>
      <c r="JE37" s="349">
        <v>0</v>
      </c>
      <c r="JF37" s="350">
        <v>0</v>
      </c>
      <c r="JG37" s="348">
        <v>0</v>
      </c>
      <c r="JH37" s="345">
        <v>0</v>
      </c>
      <c r="JI37" s="346">
        <v>0</v>
      </c>
      <c r="JJ37" s="351">
        <v>0</v>
      </c>
      <c r="JK37" s="345">
        <v>97454</v>
      </c>
      <c r="JL37" s="345">
        <v>35441</v>
      </c>
      <c r="JM37" s="345">
        <v>0</v>
      </c>
      <c r="JN37" s="345">
        <v>0</v>
      </c>
      <c r="JO37" s="345">
        <v>0</v>
      </c>
      <c r="JP37" s="349">
        <v>132895</v>
      </c>
      <c r="JQ37" s="347">
        <v>132895</v>
      </c>
      <c r="JR37" s="348">
        <v>0</v>
      </c>
      <c r="JS37" s="345">
        <v>0</v>
      </c>
      <c r="JT37" s="346">
        <v>0</v>
      </c>
      <c r="JU37" s="351">
        <v>0</v>
      </c>
      <c r="JV37" s="345">
        <v>95615</v>
      </c>
      <c r="JW37" s="345">
        <v>0</v>
      </c>
      <c r="JX37" s="345">
        <v>234681</v>
      </c>
      <c r="JY37" s="345">
        <v>0</v>
      </c>
      <c r="JZ37" s="345">
        <v>0</v>
      </c>
      <c r="KA37" s="349">
        <v>330296</v>
      </c>
      <c r="KB37" s="347">
        <v>330296</v>
      </c>
      <c r="KC37" s="352">
        <v>0</v>
      </c>
      <c r="KD37" s="353">
        <v>0</v>
      </c>
      <c r="KE37" s="349">
        <v>0</v>
      </c>
      <c r="KF37" s="351">
        <v>0</v>
      </c>
      <c r="KG37" s="345">
        <v>106680</v>
      </c>
      <c r="KH37" s="345">
        <v>0</v>
      </c>
      <c r="KI37" s="345">
        <v>0</v>
      </c>
      <c r="KJ37" s="345">
        <v>0</v>
      </c>
      <c r="KK37" s="345">
        <v>0</v>
      </c>
      <c r="KL37" s="349">
        <v>106680</v>
      </c>
      <c r="KM37" s="354">
        <v>106680</v>
      </c>
      <c r="KN37" s="342">
        <v>0</v>
      </c>
      <c r="KO37" s="343">
        <v>0</v>
      </c>
      <c r="KP37" s="344">
        <v>0</v>
      </c>
      <c r="KQ37" s="404">
        <v>0</v>
      </c>
      <c r="KR37" s="345">
        <v>0</v>
      </c>
      <c r="KS37" s="345">
        <v>0</v>
      </c>
      <c r="KT37" s="345">
        <v>0</v>
      </c>
      <c r="KU37" s="345">
        <v>0</v>
      </c>
      <c r="KV37" s="345">
        <v>225463</v>
      </c>
      <c r="KW37" s="349">
        <v>225463</v>
      </c>
      <c r="KX37" s="347">
        <v>225463</v>
      </c>
      <c r="KY37" s="348">
        <v>0</v>
      </c>
      <c r="KZ37" s="345">
        <v>0</v>
      </c>
      <c r="LA37" s="349">
        <v>0</v>
      </c>
      <c r="LB37" s="404">
        <v>0</v>
      </c>
      <c r="LC37" s="345">
        <v>0</v>
      </c>
      <c r="LD37" s="345">
        <v>0</v>
      </c>
      <c r="LE37" s="345">
        <v>0</v>
      </c>
      <c r="LF37" s="345">
        <v>0</v>
      </c>
      <c r="LG37" s="345">
        <v>0</v>
      </c>
      <c r="LH37" s="349">
        <v>0</v>
      </c>
      <c r="LI37" s="350">
        <v>0</v>
      </c>
      <c r="LJ37" s="348">
        <v>0</v>
      </c>
      <c r="LK37" s="345">
        <v>0</v>
      </c>
      <c r="LL37" s="349">
        <v>0</v>
      </c>
      <c r="LM37" s="404">
        <v>0</v>
      </c>
      <c r="LN37" s="345">
        <v>0</v>
      </c>
      <c r="LO37" s="345">
        <v>0</v>
      </c>
      <c r="LP37" s="345">
        <v>0</v>
      </c>
      <c r="LQ37" s="345">
        <v>205835</v>
      </c>
      <c r="LR37" s="345">
        <v>0</v>
      </c>
      <c r="LS37" s="349">
        <v>205835</v>
      </c>
      <c r="LT37" s="347">
        <v>205835</v>
      </c>
      <c r="LU37" s="348">
        <v>0</v>
      </c>
      <c r="LV37" s="345">
        <v>0</v>
      </c>
      <c r="LW37" s="349">
        <v>0</v>
      </c>
      <c r="LX37" s="404">
        <v>0</v>
      </c>
      <c r="LY37" s="345">
        <v>0</v>
      </c>
      <c r="LZ37" s="345">
        <v>0</v>
      </c>
      <c r="MA37" s="345">
        <v>0</v>
      </c>
      <c r="MB37" s="345">
        <v>0</v>
      </c>
      <c r="MC37" s="345">
        <v>0</v>
      </c>
      <c r="MD37" s="349">
        <v>0</v>
      </c>
      <c r="ME37" s="350">
        <v>0</v>
      </c>
      <c r="MF37" s="348">
        <v>0</v>
      </c>
      <c r="MG37" s="345">
        <v>0</v>
      </c>
      <c r="MH37" s="349">
        <v>0</v>
      </c>
      <c r="MI37" s="404">
        <v>0</v>
      </c>
      <c r="MJ37" s="345">
        <v>0</v>
      </c>
      <c r="MK37" s="345">
        <v>0</v>
      </c>
      <c r="ML37" s="345">
        <v>0</v>
      </c>
      <c r="MM37" s="345">
        <v>773328</v>
      </c>
      <c r="MN37" s="345">
        <v>271737</v>
      </c>
      <c r="MO37" s="349">
        <v>1045065</v>
      </c>
      <c r="MP37" s="354">
        <v>1045065</v>
      </c>
      <c r="MQ37" s="348">
        <v>0</v>
      </c>
      <c r="MR37" s="345">
        <v>0</v>
      </c>
      <c r="MS37" s="349">
        <v>0</v>
      </c>
      <c r="MT37" s="404">
        <v>0</v>
      </c>
      <c r="MU37" s="345">
        <v>0</v>
      </c>
      <c r="MV37" s="345">
        <v>0</v>
      </c>
      <c r="MW37" s="345">
        <v>0</v>
      </c>
      <c r="MX37" s="345">
        <v>478350</v>
      </c>
      <c r="MY37" s="345">
        <v>271737</v>
      </c>
      <c r="MZ37" s="349">
        <v>750087</v>
      </c>
      <c r="NA37" s="354">
        <v>750087</v>
      </c>
      <c r="NB37" s="348">
        <v>0</v>
      </c>
      <c r="NC37" s="345">
        <v>0</v>
      </c>
      <c r="ND37" s="349">
        <v>0</v>
      </c>
      <c r="NE37" s="404">
        <v>0</v>
      </c>
      <c r="NF37" s="345">
        <v>0</v>
      </c>
      <c r="NG37" s="345">
        <v>0</v>
      </c>
      <c r="NH37" s="345">
        <v>0</v>
      </c>
      <c r="NI37" s="345">
        <v>294978</v>
      </c>
      <c r="NJ37" s="345">
        <v>0</v>
      </c>
      <c r="NK37" s="349">
        <v>294978</v>
      </c>
      <c r="NL37" s="347">
        <v>294978</v>
      </c>
      <c r="NM37" s="348">
        <v>0</v>
      </c>
      <c r="NN37" s="345">
        <v>0</v>
      </c>
      <c r="NO37" s="349">
        <v>0</v>
      </c>
      <c r="NP37" s="404">
        <v>0</v>
      </c>
      <c r="NQ37" s="345">
        <v>0</v>
      </c>
      <c r="NR37" s="345">
        <v>0</v>
      </c>
      <c r="NS37" s="345">
        <v>0</v>
      </c>
      <c r="NT37" s="345">
        <v>0</v>
      </c>
      <c r="NU37" s="345">
        <v>0</v>
      </c>
      <c r="NV37" s="349">
        <v>0</v>
      </c>
      <c r="NW37" s="350">
        <v>0</v>
      </c>
      <c r="NX37" s="348">
        <v>0</v>
      </c>
      <c r="NY37" s="345">
        <v>0</v>
      </c>
      <c r="NZ37" s="349">
        <v>0</v>
      </c>
      <c r="OA37" s="404">
        <v>0</v>
      </c>
      <c r="OB37" s="345">
        <v>0</v>
      </c>
      <c r="OC37" s="345">
        <v>0</v>
      </c>
      <c r="OD37" s="345">
        <v>0</v>
      </c>
      <c r="OE37" s="345">
        <v>0</v>
      </c>
      <c r="OF37" s="345">
        <v>0</v>
      </c>
      <c r="OG37" s="349">
        <v>0</v>
      </c>
      <c r="OH37" s="350">
        <v>0</v>
      </c>
      <c r="OI37" s="348">
        <v>72765</v>
      </c>
      <c r="OJ37" s="345">
        <v>75586</v>
      </c>
      <c r="OK37" s="346">
        <v>148351</v>
      </c>
      <c r="OL37" s="351">
        <v>0</v>
      </c>
      <c r="OM37" s="345">
        <v>655429</v>
      </c>
      <c r="ON37" s="345">
        <v>431882</v>
      </c>
      <c r="OO37" s="345">
        <v>272012</v>
      </c>
      <c r="OP37" s="345">
        <v>1413418</v>
      </c>
      <c r="OQ37" s="345">
        <v>949297</v>
      </c>
      <c r="OR37" s="349">
        <v>3722038</v>
      </c>
      <c r="OS37" s="354">
        <v>3870389</v>
      </c>
    </row>
    <row r="38" spans="2:409" s="70" customFormat="1" ht="21" customHeight="1" x14ac:dyDescent="0.2">
      <c r="B38" s="106" t="s">
        <v>33</v>
      </c>
      <c r="C38" s="326">
        <v>32458</v>
      </c>
      <c r="D38" s="327">
        <v>15539</v>
      </c>
      <c r="E38" s="328">
        <v>47997</v>
      </c>
      <c r="F38" s="329">
        <v>0</v>
      </c>
      <c r="G38" s="327">
        <v>372444</v>
      </c>
      <c r="H38" s="327">
        <v>283778</v>
      </c>
      <c r="I38" s="327">
        <v>701903</v>
      </c>
      <c r="J38" s="327">
        <v>289269</v>
      </c>
      <c r="K38" s="327">
        <v>308567</v>
      </c>
      <c r="L38" s="367">
        <v>1955961</v>
      </c>
      <c r="M38" s="330">
        <v>2003958</v>
      </c>
      <c r="N38" s="326">
        <v>12306</v>
      </c>
      <c r="O38" s="327">
        <v>11339</v>
      </c>
      <c r="P38" s="328">
        <v>23645</v>
      </c>
      <c r="Q38" s="326">
        <v>0</v>
      </c>
      <c r="R38" s="327">
        <v>307445</v>
      </c>
      <c r="S38" s="327">
        <v>90004</v>
      </c>
      <c r="T38" s="327">
        <v>257470</v>
      </c>
      <c r="U38" s="327">
        <v>80186</v>
      </c>
      <c r="V38" s="327">
        <v>15204</v>
      </c>
      <c r="W38" s="328">
        <v>750309</v>
      </c>
      <c r="X38" s="330">
        <v>773954</v>
      </c>
      <c r="Y38" s="326">
        <v>0</v>
      </c>
      <c r="Z38" s="327">
        <v>0</v>
      </c>
      <c r="AA38" s="328">
        <v>0</v>
      </c>
      <c r="AB38" s="326">
        <v>0</v>
      </c>
      <c r="AC38" s="327">
        <v>138731</v>
      </c>
      <c r="AD38" s="327">
        <v>0</v>
      </c>
      <c r="AE38" s="327">
        <v>63425</v>
      </c>
      <c r="AF38" s="327">
        <v>0</v>
      </c>
      <c r="AG38" s="327">
        <v>0</v>
      </c>
      <c r="AH38" s="328">
        <v>202156</v>
      </c>
      <c r="AI38" s="330">
        <v>202156</v>
      </c>
      <c r="AJ38" s="326">
        <v>0</v>
      </c>
      <c r="AK38" s="327">
        <v>0</v>
      </c>
      <c r="AL38" s="328">
        <v>0</v>
      </c>
      <c r="AM38" s="326">
        <v>0</v>
      </c>
      <c r="AN38" s="327">
        <v>0</v>
      </c>
      <c r="AO38" s="327">
        <v>0</v>
      </c>
      <c r="AP38" s="327">
        <v>0</v>
      </c>
      <c r="AQ38" s="327">
        <v>0</v>
      </c>
      <c r="AR38" s="327">
        <v>0</v>
      </c>
      <c r="AS38" s="328">
        <v>0</v>
      </c>
      <c r="AT38" s="330">
        <v>0</v>
      </c>
      <c r="AU38" s="326">
        <v>0</v>
      </c>
      <c r="AV38" s="327">
        <v>11339</v>
      </c>
      <c r="AW38" s="328">
        <v>11339</v>
      </c>
      <c r="AX38" s="326">
        <v>0</v>
      </c>
      <c r="AY38" s="327">
        <v>57019</v>
      </c>
      <c r="AZ38" s="327">
        <v>27815</v>
      </c>
      <c r="BA38" s="327">
        <v>83790</v>
      </c>
      <c r="BB38" s="327">
        <v>0</v>
      </c>
      <c r="BC38" s="327">
        <v>0</v>
      </c>
      <c r="BD38" s="328">
        <v>168624</v>
      </c>
      <c r="BE38" s="330">
        <v>179963</v>
      </c>
      <c r="BF38" s="326">
        <v>0</v>
      </c>
      <c r="BG38" s="327">
        <v>0</v>
      </c>
      <c r="BH38" s="331">
        <v>0</v>
      </c>
      <c r="BI38" s="332">
        <v>0</v>
      </c>
      <c r="BJ38" s="327">
        <v>84080</v>
      </c>
      <c r="BK38" s="327">
        <v>43674</v>
      </c>
      <c r="BL38" s="327">
        <v>76172</v>
      </c>
      <c r="BM38" s="327">
        <v>43674</v>
      </c>
      <c r="BN38" s="327">
        <v>0</v>
      </c>
      <c r="BO38" s="328">
        <v>247600</v>
      </c>
      <c r="BP38" s="330">
        <v>247600</v>
      </c>
      <c r="BQ38" s="326">
        <v>12306</v>
      </c>
      <c r="BR38" s="327">
        <v>0</v>
      </c>
      <c r="BS38" s="328">
        <v>12306</v>
      </c>
      <c r="BT38" s="326">
        <v>0</v>
      </c>
      <c r="BU38" s="327">
        <v>27615</v>
      </c>
      <c r="BV38" s="327">
        <v>18515</v>
      </c>
      <c r="BW38" s="327">
        <v>34083</v>
      </c>
      <c r="BX38" s="327">
        <v>36512</v>
      </c>
      <c r="BY38" s="327">
        <v>15204</v>
      </c>
      <c r="BZ38" s="328">
        <v>131929</v>
      </c>
      <c r="CA38" s="330">
        <v>144235</v>
      </c>
      <c r="CB38" s="326">
        <v>18402</v>
      </c>
      <c r="CC38" s="327">
        <v>0</v>
      </c>
      <c r="CD38" s="328">
        <v>18402</v>
      </c>
      <c r="CE38" s="326">
        <v>0</v>
      </c>
      <c r="CF38" s="327">
        <v>144102</v>
      </c>
      <c r="CG38" s="327">
        <v>0</v>
      </c>
      <c r="CH38" s="327">
        <v>0</v>
      </c>
      <c r="CI38" s="327">
        <v>0</v>
      </c>
      <c r="CJ38" s="327">
        <v>0</v>
      </c>
      <c r="CK38" s="328">
        <v>144102</v>
      </c>
      <c r="CL38" s="330">
        <v>162504</v>
      </c>
      <c r="CM38" s="326">
        <v>0</v>
      </c>
      <c r="CN38" s="327">
        <v>0</v>
      </c>
      <c r="CO38" s="328">
        <v>0</v>
      </c>
      <c r="CP38" s="332">
        <v>0</v>
      </c>
      <c r="CQ38" s="327">
        <v>85920</v>
      </c>
      <c r="CR38" s="327">
        <v>0</v>
      </c>
      <c r="CS38" s="327">
        <v>0</v>
      </c>
      <c r="CT38" s="327">
        <v>0</v>
      </c>
      <c r="CU38" s="327">
        <v>0</v>
      </c>
      <c r="CV38" s="328">
        <v>85920</v>
      </c>
      <c r="CW38" s="330">
        <v>85920</v>
      </c>
      <c r="CX38" s="326">
        <v>18402</v>
      </c>
      <c r="CY38" s="327">
        <v>0</v>
      </c>
      <c r="CZ38" s="328">
        <v>18402</v>
      </c>
      <c r="DA38" s="326">
        <v>0</v>
      </c>
      <c r="DB38" s="327">
        <v>58182</v>
      </c>
      <c r="DC38" s="327">
        <v>0</v>
      </c>
      <c r="DD38" s="327">
        <v>0</v>
      </c>
      <c r="DE38" s="327">
        <v>0</v>
      </c>
      <c r="DF38" s="327">
        <v>0</v>
      </c>
      <c r="DG38" s="328">
        <v>58182</v>
      </c>
      <c r="DH38" s="330">
        <v>76584</v>
      </c>
      <c r="DI38" s="326">
        <v>0</v>
      </c>
      <c r="DJ38" s="327">
        <v>0</v>
      </c>
      <c r="DK38" s="331">
        <v>0</v>
      </c>
      <c r="DL38" s="332">
        <v>0</v>
      </c>
      <c r="DM38" s="327">
        <v>0</v>
      </c>
      <c r="DN38" s="327">
        <v>0</v>
      </c>
      <c r="DO38" s="327">
        <v>21050</v>
      </c>
      <c r="DP38" s="327">
        <v>0</v>
      </c>
      <c r="DQ38" s="327">
        <v>39022</v>
      </c>
      <c r="DR38" s="328">
        <v>60072</v>
      </c>
      <c r="DS38" s="330">
        <v>60072</v>
      </c>
      <c r="DT38" s="326">
        <v>0</v>
      </c>
      <c r="DU38" s="327">
        <v>0</v>
      </c>
      <c r="DV38" s="328">
        <v>0</v>
      </c>
      <c r="DW38" s="326">
        <v>0</v>
      </c>
      <c r="DX38" s="327">
        <v>0</v>
      </c>
      <c r="DY38" s="327">
        <v>0</v>
      </c>
      <c r="DZ38" s="327">
        <v>21050</v>
      </c>
      <c r="EA38" s="327">
        <v>0</v>
      </c>
      <c r="EB38" s="327">
        <v>39022</v>
      </c>
      <c r="EC38" s="328">
        <v>60072</v>
      </c>
      <c r="ED38" s="330">
        <v>60072</v>
      </c>
      <c r="EE38" s="326">
        <v>0</v>
      </c>
      <c r="EF38" s="331">
        <v>0</v>
      </c>
      <c r="EG38" s="328">
        <v>0</v>
      </c>
      <c r="EH38" s="326">
        <v>0</v>
      </c>
      <c r="EI38" s="327">
        <v>0</v>
      </c>
      <c r="EJ38" s="327">
        <v>0</v>
      </c>
      <c r="EK38" s="327">
        <v>0</v>
      </c>
      <c r="EL38" s="327">
        <v>0</v>
      </c>
      <c r="EM38" s="327">
        <v>0</v>
      </c>
      <c r="EN38" s="331">
        <v>0</v>
      </c>
      <c r="EO38" s="330">
        <v>0</v>
      </c>
      <c r="EP38" s="326">
        <v>0</v>
      </c>
      <c r="EQ38" s="327">
        <v>0</v>
      </c>
      <c r="ER38" s="331">
        <v>0</v>
      </c>
      <c r="ES38" s="332">
        <v>0</v>
      </c>
      <c r="ET38" s="327">
        <v>0</v>
      </c>
      <c r="EU38" s="327">
        <v>0</v>
      </c>
      <c r="EV38" s="327">
        <v>0</v>
      </c>
      <c r="EW38" s="327">
        <v>0</v>
      </c>
      <c r="EX38" s="327">
        <v>0</v>
      </c>
      <c r="EY38" s="328">
        <v>0</v>
      </c>
      <c r="EZ38" s="330">
        <v>0</v>
      </c>
      <c r="FA38" s="326">
        <v>0</v>
      </c>
      <c r="FB38" s="327">
        <v>0</v>
      </c>
      <c r="FC38" s="331">
        <v>0</v>
      </c>
      <c r="FD38" s="404">
        <v>0</v>
      </c>
      <c r="FE38" s="327">
        <v>0</v>
      </c>
      <c r="FF38" s="327">
        <v>0</v>
      </c>
      <c r="FG38" s="327">
        <v>0</v>
      </c>
      <c r="FH38" s="327">
        <v>0</v>
      </c>
      <c r="FI38" s="327">
        <v>0</v>
      </c>
      <c r="FJ38" s="328">
        <v>0</v>
      </c>
      <c r="FK38" s="330">
        <v>0</v>
      </c>
      <c r="FL38" s="326">
        <v>1750</v>
      </c>
      <c r="FM38" s="327">
        <v>4200</v>
      </c>
      <c r="FN38" s="328">
        <v>5950</v>
      </c>
      <c r="FO38" s="326">
        <v>0</v>
      </c>
      <c r="FP38" s="327">
        <v>44289</v>
      </c>
      <c r="FQ38" s="327">
        <v>25186</v>
      </c>
      <c r="FR38" s="327">
        <v>54950</v>
      </c>
      <c r="FS38" s="327">
        <v>14000</v>
      </c>
      <c r="FT38" s="327">
        <v>19404</v>
      </c>
      <c r="FU38" s="328">
        <v>157829</v>
      </c>
      <c r="FV38" s="330">
        <v>163779</v>
      </c>
      <c r="FW38" s="333">
        <v>1750</v>
      </c>
      <c r="FX38" s="327">
        <v>4200</v>
      </c>
      <c r="FY38" s="331">
        <v>5950</v>
      </c>
      <c r="FZ38" s="332">
        <v>0</v>
      </c>
      <c r="GA38" s="327">
        <v>44289</v>
      </c>
      <c r="GB38" s="327">
        <v>25186</v>
      </c>
      <c r="GC38" s="327">
        <v>54950</v>
      </c>
      <c r="GD38" s="327">
        <v>14000</v>
      </c>
      <c r="GE38" s="327">
        <v>19404</v>
      </c>
      <c r="GF38" s="328">
        <v>157829</v>
      </c>
      <c r="GG38" s="334">
        <v>163779</v>
      </c>
      <c r="GH38" s="333">
        <v>0</v>
      </c>
      <c r="GI38" s="327">
        <v>0</v>
      </c>
      <c r="GJ38" s="331">
        <v>0</v>
      </c>
      <c r="GK38" s="332">
        <v>0</v>
      </c>
      <c r="GL38" s="327">
        <v>0</v>
      </c>
      <c r="GM38" s="327">
        <v>0</v>
      </c>
      <c r="GN38" s="327">
        <v>0</v>
      </c>
      <c r="GO38" s="327">
        <v>0</v>
      </c>
      <c r="GP38" s="327">
        <v>0</v>
      </c>
      <c r="GQ38" s="328">
        <v>0</v>
      </c>
      <c r="GR38" s="330">
        <v>0</v>
      </c>
      <c r="GS38" s="326">
        <v>0</v>
      </c>
      <c r="GT38" s="327">
        <v>0</v>
      </c>
      <c r="GU38" s="328">
        <v>0</v>
      </c>
      <c r="GV38" s="326">
        <v>0</v>
      </c>
      <c r="GW38" s="327">
        <v>0</v>
      </c>
      <c r="GX38" s="327">
        <v>0</v>
      </c>
      <c r="GY38" s="327">
        <v>0</v>
      </c>
      <c r="GZ38" s="327">
        <v>0</v>
      </c>
      <c r="HA38" s="327">
        <v>0</v>
      </c>
      <c r="HB38" s="331">
        <v>0</v>
      </c>
      <c r="HC38" s="330">
        <v>0</v>
      </c>
      <c r="HD38" s="326">
        <v>0</v>
      </c>
      <c r="HE38" s="327">
        <v>0</v>
      </c>
      <c r="HF38" s="331">
        <v>0</v>
      </c>
      <c r="HG38" s="332">
        <v>0</v>
      </c>
      <c r="HH38" s="327">
        <v>-123392</v>
      </c>
      <c r="HI38" s="327">
        <v>168588</v>
      </c>
      <c r="HJ38" s="327">
        <v>368433</v>
      </c>
      <c r="HK38" s="327">
        <v>195083</v>
      </c>
      <c r="HL38" s="327">
        <v>234937</v>
      </c>
      <c r="HM38" s="328">
        <v>843649</v>
      </c>
      <c r="HN38" s="329">
        <v>843649</v>
      </c>
      <c r="HO38" s="333">
        <v>0</v>
      </c>
      <c r="HP38" s="327">
        <v>0</v>
      </c>
      <c r="HQ38" s="328">
        <v>0</v>
      </c>
      <c r="HR38" s="326">
        <v>0</v>
      </c>
      <c r="HS38" s="327">
        <v>0</v>
      </c>
      <c r="HT38" s="327">
        <v>0</v>
      </c>
      <c r="HU38" s="327">
        <v>0</v>
      </c>
      <c r="HV38" s="327">
        <v>0</v>
      </c>
      <c r="HW38" s="327">
        <v>0</v>
      </c>
      <c r="HX38" s="331">
        <v>0</v>
      </c>
      <c r="HY38" s="330">
        <v>0</v>
      </c>
      <c r="HZ38" s="358">
        <v>0</v>
      </c>
      <c r="IA38" s="356">
        <v>0</v>
      </c>
      <c r="IB38" s="358">
        <v>0</v>
      </c>
      <c r="IC38" s="338">
        <v>0</v>
      </c>
      <c r="ID38" s="336">
        <v>27398</v>
      </c>
      <c r="IE38" s="339">
        <v>0</v>
      </c>
      <c r="IF38" s="337">
        <v>289149</v>
      </c>
      <c r="IG38" s="336">
        <v>0</v>
      </c>
      <c r="IH38" s="337">
        <v>0</v>
      </c>
      <c r="II38" s="340">
        <v>316547</v>
      </c>
      <c r="IJ38" s="358">
        <v>316547</v>
      </c>
      <c r="IK38" s="342">
        <v>0</v>
      </c>
      <c r="IL38" s="343">
        <v>0</v>
      </c>
      <c r="IM38" s="344">
        <v>0</v>
      </c>
      <c r="IN38" s="404">
        <v>0</v>
      </c>
      <c r="IO38" s="345">
        <v>0</v>
      </c>
      <c r="IP38" s="345">
        <v>0</v>
      </c>
      <c r="IQ38" s="345">
        <v>0</v>
      </c>
      <c r="IR38" s="345">
        <v>0</v>
      </c>
      <c r="IS38" s="345">
        <v>0</v>
      </c>
      <c r="IT38" s="346">
        <v>0</v>
      </c>
      <c r="IU38" s="347">
        <v>0</v>
      </c>
      <c r="IV38" s="348">
        <v>0</v>
      </c>
      <c r="IW38" s="345">
        <v>0</v>
      </c>
      <c r="IX38" s="349">
        <v>0</v>
      </c>
      <c r="IY38" s="404">
        <v>0</v>
      </c>
      <c r="IZ38" s="345">
        <v>0</v>
      </c>
      <c r="JA38" s="345">
        <v>0</v>
      </c>
      <c r="JB38" s="345">
        <v>0</v>
      </c>
      <c r="JC38" s="345">
        <v>0</v>
      </c>
      <c r="JD38" s="345">
        <v>0</v>
      </c>
      <c r="JE38" s="349">
        <v>0</v>
      </c>
      <c r="JF38" s="350">
        <v>0</v>
      </c>
      <c r="JG38" s="348">
        <v>0</v>
      </c>
      <c r="JH38" s="345">
        <v>0</v>
      </c>
      <c r="JI38" s="346">
        <v>0</v>
      </c>
      <c r="JJ38" s="351">
        <v>0</v>
      </c>
      <c r="JK38" s="345">
        <v>27398</v>
      </c>
      <c r="JL38" s="345">
        <v>0</v>
      </c>
      <c r="JM38" s="345">
        <v>67834</v>
      </c>
      <c r="JN38" s="345">
        <v>0</v>
      </c>
      <c r="JO38" s="345">
        <v>0</v>
      </c>
      <c r="JP38" s="349">
        <v>95232</v>
      </c>
      <c r="JQ38" s="347">
        <v>95232</v>
      </c>
      <c r="JR38" s="348">
        <v>0</v>
      </c>
      <c r="JS38" s="345">
        <v>0</v>
      </c>
      <c r="JT38" s="346">
        <v>0</v>
      </c>
      <c r="JU38" s="351">
        <v>0</v>
      </c>
      <c r="JV38" s="345">
        <v>0</v>
      </c>
      <c r="JW38" s="345">
        <v>0</v>
      </c>
      <c r="JX38" s="345">
        <v>0</v>
      </c>
      <c r="JY38" s="345">
        <v>0</v>
      </c>
      <c r="JZ38" s="345">
        <v>0</v>
      </c>
      <c r="KA38" s="349">
        <v>0</v>
      </c>
      <c r="KB38" s="347">
        <v>0</v>
      </c>
      <c r="KC38" s="352">
        <v>0</v>
      </c>
      <c r="KD38" s="353">
        <v>0</v>
      </c>
      <c r="KE38" s="349">
        <v>0</v>
      </c>
      <c r="KF38" s="351">
        <v>0</v>
      </c>
      <c r="KG38" s="345">
        <v>0</v>
      </c>
      <c r="KH38" s="345">
        <v>0</v>
      </c>
      <c r="KI38" s="345">
        <v>0</v>
      </c>
      <c r="KJ38" s="345">
        <v>0</v>
      </c>
      <c r="KK38" s="345">
        <v>0</v>
      </c>
      <c r="KL38" s="349">
        <v>0</v>
      </c>
      <c r="KM38" s="354">
        <v>0</v>
      </c>
      <c r="KN38" s="342">
        <v>0</v>
      </c>
      <c r="KO38" s="343">
        <v>0</v>
      </c>
      <c r="KP38" s="344">
        <v>0</v>
      </c>
      <c r="KQ38" s="404">
        <v>0</v>
      </c>
      <c r="KR38" s="345">
        <v>0</v>
      </c>
      <c r="KS38" s="345">
        <v>0</v>
      </c>
      <c r="KT38" s="345">
        <v>221315</v>
      </c>
      <c r="KU38" s="345">
        <v>0</v>
      </c>
      <c r="KV38" s="345">
        <v>0</v>
      </c>
      <c r="KW38" s="349">
        <v>221315</v>
      </c>
      <c r="KX38" s="347">
        <v>221315</v>
      </c>
      <c r="KY38" s="348">
        <v>0</v>
      </c>
      <c r="KZ38" s="345">
        <v>0</v>
      </c>
      <c r="LA38" s="349">
        <v>0</v>
      </c>
      <c r="LB38" s="404">
        <v>0</v>
      </c>
      <c r="LC38" s="345">
        <v>0</v>
      </c>
      <c r="LD38" s="345">
        <v>0</v>
      </c>
      <c r="LE38" s="345">
        <v>0</v>
      </c>
      <c r="LF38" s="345">
        <v>0</v>
      </c>
      <c r="LG38" s="345">
        <v>0</v>
      </c>
      <c r="LH38" s="349">
        <v>0</v>
      </c>
      <c r="LI38" s="350">
        <v>0</v>
      </c>
      <c r="LJ38" s="348">
        <v>0</v>
      </c>
      <c r="LK38" s="345">
        <v>0</v>
      </c>
      <c r="LL38" s="349">
        <v>0</v>
      </c>
      <c r="LM38" s="404">
        <v>0</v>
      </c>
      <c r="LN38" s="345">
        <v>0</v>
      </c>
      <c r="LO38" s="345">
        <v>0</v>
      </c>
      <c r="LP38" s="345">
        <v>0</v>
      </c>
      <c r="LQ38" s="345">
        <v>0</v>
      </c>
      <c r="LR38" s="345">
        <v>0</v>
      </c>
      <c r="LS38" s="349">
        <v>0</v>
      </c>
      <c r="LT38" s="347">
        <v>0</v>
      </c>
      <c r="LU38" s="348">
        <v>0</v>
      </c>
      <c r="LV38" s="345">
        <v>0</v>
      </c>
      <c r="LW38" s="349">
        <v>0</v>
      </c>
      <c r="LX38" s="404">
        <v>0</v>
      </c>
      <c r="LY38" s="345">
        <v>0</v>
      </c>
      <c r="LZ38" s="345">
        <v>0</v>
      </c>
      <c r="MA38" s="345">
        <v>0</v>
      </c>
      <c r="MB38" s="345">
        <v>0</v>
      </c>
      <c r="MC38" s="345">
        <v>0</v>
      </c>
      <c r="MD38" s="349">
        <v>0</v>
      </c>
      <c r="ME38" s="350">
        <v>0</v>
      </c>
      <c r="MF38" s="348">
        <v>0</v>
      </c>
      <c r="MG38" s="345">
        <v>0</v>
      </c>
      <c r="MH38" s="349">
        <v>0</v>
      </c>
      <c r="MI38" s="404">
        <v>0</v>
      </c>
      <c r="MJ38" s="345">
        <v>0</v>
      </c>
      <c r="MK38" s="345">
        <v>212890</v>
      </c>
      <c r="ML38" s="345">
        <v>0</v>
      </c>
      <c r="MM38" s="345">
        <v>429317</v>
      </c>
      <c r="MN38" s="345">
        <v>120073</v>
      </c>
      <c r="MO38" s="349">
        <v>762280</v>
      </c>
      <c r="MP38" s="354">
        <v>762280</v>
      </c>
      <c r="MQ38" s="348">
        <v>0</v>
      </c>
      <c r="MR38" s="345">
        <v>0</v>
      </c>
      <c r="MS38" s="349">
        <v>0</v>
      </c>
      <c r="MT38" s="404">
        <v>0</v>
      </c>
      <c r="MU38" s="345">
        <v>0</v>
      </c>
      <c r="MV38" s="345">
        <v>0</v>
      </c>
      <c r="MW38" s="345">
        <v>0</v>
      </c>
      <c r="MX38" s="345">
        <v>0</v>
      </c>
      <c r="MY38" s="345">
        <v>0</v>
      </c>
      <c r="MZ38" s="349">
        <v>0</v>
      </c>
      <c r="NA38" s="354">
        <v>0</v>
      </c>
      <c r="NB38" s="348">
        <v>0</v>
      </c>
      <c r="NC38" s="345">
        <v>0</v>
      </c>
      <c r="ND38" s="349">
        <v>0</v>
      </c>
      <c r="NE38" s="404">
        <v>0</v>
      </c>
      <c r="NF38" s="345">
        <v>0</v>
      </c>
      <c r="NG38" s="345">
        <v>0</v>
      </c>
      <c r="NH38" s="345">
        <v>0</v>
      </c>
      <c r="NI38" s="345">
        <v>0</v>
      </c>
      <c r="NJ38" s="345">
        <v>0</v>
      </c>
      <c r="NK38" s="349">
        <v>0</v>
      </c>
      <c r="NL38" s="347">
        <v>0</v>
      </c>
      <c r="NM38" s="348">
        <v>0</v>
      </c>
      <c r="NN38" s="345">
        <v>0</v>
      </c>
      <c r="NO38" s="349">
        <v>0</v>
      </c>
      <c r="NP38" s="404">
        <v>0</v>
      </c>
      <c r="NQ38" s="345">
        <v>0</v>
      </c>
      <c r="NR38" s="345">
        <v>0</v>
      </c>
      <c r="NS38" s="345">
        <v>0</v>
      </c>
      <c r="NT38" s="345">
        <v>0</v>
      </c>
      <c r="NU38" s="345">
        <v>0</v>
      </c>
      <c r="NV38" s="349">
        <v>0</v>
      </c>
      <c r="NW38" s="350">
        <v>0</v>
      </c>
      <c r="NX38" s="348">
        <v>0</v>
      </c>
      <c r="NY38" s="345">
        <v>0</v>
      </c>
      <c r="NZ38" s="349">
        <v>0</v>
      </c>
      <c r="OA38" s="404">
        <v>0</v>
      </c>
      <c r="OB38" s="345">
        <v>0</v>
      </c>
      <c r="OC38" s="345">
        <v>212890</v>
      </c>
      <c r="OD38" s="345">
        <v>0</v>
      </c>
      <c r="OE38" s="345">
        <v>429317</v>
      </c>
      <c r="OF38" s="345">
        <v>120073</v>
      </c>
      <c r="OG38" s="349">
        <v>762280</v>
      </c>
      <c r="OH38" s="350">
        <v>762280</v>
      </c>
      <c r="OI38" s="348">
        <v>32458</v>
      </c>
      <c r="OJ38" s="345">
        <v>15539</v>
      </c>
      <c r="OK38" s="346">
        <v>47997</v>
      </c>
      <c r="OL38" s="351">
        <v>0</v>
      </c>
      <c r="OM38" s="345">
        <v>399842</v>
      </c>
      <c r="ON38" s="345">
        <v>496668</v>
      </c>
      <c r="OO38" s="345">
        <v>991052</v>
      </c>
      <c r="OP38" s="345">
        <v>718586</v>
      </c>
      <c r="OQ38" s="345">
        <v>428640</v>
      </c>
      <c r="OR38" s="349">
        <v>3034788</v>
      </c>
      <c r="OS38" s="354">
        <v>3082785</v>
      </c>
    </row>
    <row r="39" spans="2:409" s="70" customFormat="1" ht="21" customHeight="1" x14ac:dyDescent="0.2">
      <c r="B39" s="106" t="s">
        <v>34</v>
      </c>
      <c r="C39" s="326">
        <v>22085</v>
      </c>
      <c r="D39" s="327">
        <v>0</v>
      </c>
      <c r="E39" s="368">
        <v>22085</v>
      </c>
      <c r="F39" s="370">
        <v>0</v>
      </c>
      <c r="G39" s="369">
        <v>68376</v>
      </c>
      <c r="H39" s="369">
        <v>554607</v>
      </c>
      <c r="I39" s="369">
        <v>370244</v>
      </c>
      <c r="J39" s="369">
        <v>712085</v>
      </c>
      <c r="K39" s="369">
        <v>0</v>
      </c>
      <c r="L39" s="370">
        <v>1705312</v>
      </c>
      <c r="M39" s="330">
        <v>1727397</v>
      </c>
      <c r="N39" s="326">
        <v>19285</v>
      </c>
      <c r="O39" s="327">
        <v>0</v>
      </c>
      <c r="P39" s="328">
        <v>19285</v>
      </c>
      <c r="Q39" s="326">
        <v>0</v>
      </c>
      <c r="R39" s="327">
        <v>64176</v>
      </c>
      <c r="S39" s="327">
        <v>135345</v>
      </c>
      <c r="T39" s="327">
        <v>13580</v>
      </c>
      <c r="U39" s="327">
        <v>0</v>
      </c>
      <c r="V39" s="327">
        <v>0</v>
      </c>
      <c r="W39" s="328">
        <v>213101</v>
      </c>
      <c r="X39" s="330">
        <v>232386</v>
      </c>
      <c r="Y39" s="326">
        <v>0</v>
      </c>
      <c r="Z39" s="327">
        <v>0</v>
      </c>
      <c r="AA39" s="328">
        <v>0</v>
      </c>
      <c r="AB39" s="326">
        <v>0</v>
      </c>
      <c r="AC39" s="327">
        <v>23219</v>
      </c>
      <c r="AD39" s="327">
        <v>32592</v>
      </c>
      <c r="AE39" s="327">
        <v>0</v>
      </c>
      <c r="AF39" s="327">
        <v>0</v>
      </c>
      <c r="AG39" s="327">
        <v>0</v>
      </c>
      <c r="AH39" s="328">
        <v>55811</v>
      </c>
      <c r="AI39" s="330">
        <v>55811</v>
      </c>
      <c r="AJ39" s="326">
        <v>0</v>
      </c>
      <c r="AK39" s="327">
        <v>0</v>
      </c>
      <c r="AL39" s="328">
        <v>0</v>
      </c>
      <c r="AM39" s="326">
        <v>0</v>
      </c>
      <c r="AN39" s="327">
        <v>0</v>
      </c>
      <c r="AO39" s="327">
        <v>0</v>
      </c>
      <c r="AP39" s="327">
        <v>0</v>
      </c>
      <c r="AQ39" s="327">
        <v>0</v>
      </c>
      <c r="AR39" s="327">
        <v>0</v>
      </c>
      <c r="AS39" s="328">
        <v>0</v>
      </c>
      <c r="AT39" s="330">
        <v>0</v>
      </c>
      <c r="AU39" s="326">
        <v>19285</v>
      </c>
      <c r="AV39" s="327">
        <v>0</v>
      </c>
      <c r="AW39" s="328">
        <v>19285</v>
      </c>
      <c r="AX39" s="326">
        <v>0</v>
      </c>
      <c r="AY39" s="327">
        <v>29575</v>
      </c>
      <c r="AZ39" s="327">
        <v>20713</v>
      </c>
      <c r="BA39" s="327">
        <v>0</v>
      </c>
      <c r="BB39" s="327">
        <v>0</v>
      </c>
      <c r="BC39" s="327">
        <v>0</v>
      </c>
      <c r="BD39" s="328">
        <v>50288</v>
      </c>
      <c r="BE39" s="330">
        <v>69573</v>
      </c>
      <c r="BF39" s="326">
        <v>0</v>
      </c>
      <c r="BG39" s="327">
        <v>0</v>
      </c>
      <c r="BH39" s="331">
        <v>0</v>
      </c>
      <c r="BI39" s="332">
        <v>0</v>
      </c>
      <c r="BJ39" s="327">
        <v>0</v>
      </c>
      <c r="BK39" s="327">
        <v>48356</v>
      </c>
      <c r="BL39" s="327">
        <v>0</v>
      </c>
      <c r="BM39" s="327">
        <v>0</v>
      </c>
      <c r="BN39" s="327">
        <v>0</v>
      </c>
      <c r="BO39" s="328">
        <v>48356</v>
      </c>
      <c r="BP39" s="330">
        <v>48356</v>
      </c>
      <c r="BQ39" s="326">
        <v>0</v>
      </c>
      <c r="BR39" s="327">
        <v>0</v>
      </c>
      <c r="BS39" s="328">
        <v>0</v>
      </c>
      <c r="BT39" s="326">
        <v>0</v>
      </c>
      <c r="BU39" s="327">
        <v>11382</v>
      </c>
      <c r="BV39" s="327">
        <v>33684</v>
      </c>
      <c r="BW39" s="327">
        <v>13580</v>
      </c>
      <c r="BX39" s="327">
        <v>0</v>
      </c>
      <c r="BY39" s="327">
        <v>0</v>
      </c>
      <c r="BZ39" s="328">
        <v>58646</v>
      </c>
      <c r="CA39" s="330">
        <v>58646</v>
      </c>
      <c r="CB39" s="326">
        <v>0</v>
      </c>
      <c r="CC39" s="327">
        <v>0</v>
      </c>
      <c r="CD39" s="328">
        <v>0</v>
      </c>
      <c r="CE39" s="326">
        <v>0</v>
      </c>
      <c r="CF39" s="327">
        <v>0</v>
      </c>
      <c r="CG39" s="327">
        <v>65632</v>
      </c>
      <c r="CH39" s="327">
        <v>170835</v>
      </c>
      <c r="CI39" s="327">
        <v>105728</v>
      </c>
      <c r="CJ39" s="327">
        <v>0</v>
      </c>
      <c r="CK39" s="328">
        <v>342195</v>
      </c>
      <c r="CL39" s="330">
        <v>342195</v>
      </c>
      <c r="CM39" s="326">
        <v>0</v>
      </c>
      <c r="CN39" s="327">
        <v>0</v>
      </c>
      <c r="CO39" s="328">
        <v>0</v>
      </c>
      <c r="CP39" s="332">
        <v>0</v>
      </c>
      <c r="CQ39" s="327">
        <v>0</v>
      </c>
      <c r="CR39" s="327">
        <v>65632</v>
      </c>
      <c r="CS39" s="327">
        <v>170835</v>
      </c>
      <c r="CT39" s="327">
        <v>105728</v>
      </c>
      <c r="CU39" s="327">
        <v>0</v>
      </c>
      <c r="CV39" s="328">
        <v>342195</v>
      </c>
      <c r="CW39" s="330">
        <v>342195</v>
      </c>
      <c r="CX39" s="326">
        <v>0</v>
      </c>
      <c r="CY39" s="327">
        <v>0</v>
      </c>
      <c r="CZ39" s="328">
        <v>0</v>
      </c>
      <c r="DA39" s="326">
        <v>0</v>
      </c>
      <c r="DB39" s="327">
        <v>0</v>
      </c>
      <c r="DC39" s="327">
        <v>0</v>
      </c>
      <c r="DD39" s="327">
        <v>0</v>
      </c>
      <c r="DE39" s="327">
        <v>0</v>
      </c>
      <c r="DF39" s="327">
        <v>0</v>
      </c>
      <c r="DG39" s="328">
        <v>0</v>
      </c>
      <c r="DH39" s="330">
        <v>0</v>
      </c>
      <c r="DI39" s="326">
        <v>0</v>
      </c>
      <c r="DJ39" s="327">
        <v>0</v>
      </c>
      <c r="DK39" s="331">
        <v>0</v>
      </c>
      <c r="DL39" s="332">
        <v>0</v>
      </c>
      <c r="DM39" s="327">
        <v>0</v>
      </c>
      <c r="DN39" s="327">
        <v>22568</v>
      </c>
      <c r="DO39" s="327">
        <v>17220</v>
      </c>
      <c r="DP39" s="327">
        <v>0</v>
      </c>
      <c r="DQ39" s="327">
        <v>0</v>
      </c>
      <c r="DR39" s="328">
        <v>39788</v>
      </c>
      <c r="DS39" s="330">
        <v>39788</v>
      </c>
      <c r="DT39" s="326">
        <v>0</v>
      </c>
      <c r="DU39" s="327">
        <v>0</v>
      </c>
      <c r="DV39" s="328">
        <v>0</v>
      </c>
      <c r="DW39" s="326">
        <v>0</v>
      </c>
      <c r="DX39" s="327">
        <v>0</v>
      </c>
      <c r="DY39" s="327">
        <v>22568</v>
      </c>
      <c r="DZ39" s="327">
        <v>17220</v>
      </c>
      <c r="EA39" s="327">
        <v>0</v>
      </c>
      <c r="EB39" s="327">
        <v>0</v>
      </c>
      <c r="EC39" s="328">
        <v>39788</v>
      </c>
      <c r="ED39" s="330">
        <v>39788</v>
      </c>
      <c r="EE39" s="326">
        <v>0</v>
      </c>
      <c r="EF39" s="331">
        <v>0</v>
      </c>
      <c r="EG39" s="328">
        <v>0</v>
      </c>
      <c r="EH39" s="326">
        <v>0</v>
      </c>
      <c r="EI39" s="327">
        <v>0</v>
      </c>
      <c r="EJ39" s="327">
        <v>0</v>
      </c>
      <c r="EK39" s="327">
        <v>0</v>
      </c>
      <c r="EL39" s="327">
        <v>0</v>
      </c>
      <c r="EM39" s="327">
        <v>0</v>
      </c>
      <c r="EN39" s="331">
        <v>0</v>
      </c>
      <c r="EO39" s="330">
        <v>0</v>
      </c>
      <c r="EP39" s="326">
        <v>0</v>
      </c>
      <c r="EQ39" s="327">
        <v>0</v>
      </c>
      <c r="ER39" s="331">
        <v>0</v>
      </c>
      <c r="ES39" s="332">
        <v>0</v>
      </c>
      <c r="ET39" s="327">
        <v>0</v>
      </c>
      <c r="EU39" s="327">
        <v>0</v>
      </c>
      <c r="EV39" s="327">
        <v>0</v>
      </c>
      <c r="EW39" s="327">
        <v>0</v>
      </c>
      <c r="EX39" s="327">
        <v>0</v>
      </c>
      <c r="EY39" s="328">
        <v>0</v>
      </c>
      <c r="EZ39" s="330">
        <v>0</v>
      </c>
      <c r="FA39" s="326">
        <v>0</v>
      </c>
      <c r="FB39" s="327">
        <v>0</v>
      </c>
      <c r="FC39" s="331">
        <v>0</v>
      </c>
      <c r="FD39" s="404">
        <v>0</v>
      </c>
      <c r="FE39" s="327">
        <v>0</v>
      </c>
      <c r="FF39" s="327">
        <v>0</v>
      </c>
      <c r="FG39" s="327">
        <v>0</v>
      </c>
      <c r="FH39" s="327">
        <v>0</v>
      </c>
      <c r="FI39" s="327">
        <v>0</v>
      </c>
      <c r="FJ39" s="328">
        <v>0</v>
      </c>
      <c r="FK39" s="330">
        <v>0</v>
      </c>
      <c r="FL39" s="326">
        <v>2800</v>
      </c>
      <c r="FM39" s="327">
        <v>0</v>
      </c>
      <c r="FN39" s="328">
        <v>2800</v>
      </c>
      <c r="FO39" s="326">
        <v>0</v>
      </c>
      <c r="FP39" s="327">
        <v>4200</v>
      </c>
      <c r="FQ39" s="327">
        <v>23030</v>
      </c>
      <c r="FR39" s="327">
        <v>0</v>
      </c>
      <c r="FS39" s="327">
        <v>3822</v>
      </c>
      <c r="FT39" s="327">
        <v>0</v>
      </c>
      <c r="FU39" s="328">
        <v>31052</v>
      </c>
      <c r="FV39" s="330">
        <v>33852</v>
      </c>
      <c r="FW39" s="333">
        <v>2800</v>
      </c>
      <c r="FX39" s="327">
        <v>0</v>
      </c>
      <c r="FY39" s="331">
        <v>2800</v>
      </c>
      <c r="FZ39" s="332">
        <v>0</v>
      </c>
      <c r="GA39" s="327">
        <v>4200</v>
      </c>
      <c r="GB39" s="327">
        <v>23030</v>
      </c>
      <c r="GC39" s="327">
        <v>0</v>
      </c>
      <c r="GD39" s="327">
        <v>3822</v>
      </c>
      <c r="GE39" s="327">
        <v>0</v>
      </c>
      <c r="GF39" s="328">
        <v>31052</v>
      </c>
      <c r="GG39" s="334">
        <v>33852</v>
      </c>
      <c r="GH39" s="333">
        <v>0</v>
      </c>
      <c r="GI39" s="327">
        <v>0</v>
      </c>
      <c r="GJ39" s="331">
        <v>0</v>
      </c>
      <c r="GK39" s="332">
        <v>0</v>
      </c>
      <c r="GL39" s="327">
        <v>0</v>
      </c>
      <c r="GM39" s="327">
        <v>0</v>
      </c>
      <c r="GN39" s="327">
        <v>0</v>
      </c>
      <c r="GO39" s="327">
        <v>0</v>
      </c>
      <c r="GP39" s="327">
        <v>0</v>
      </c>
      <c r="GQ39" s="328">
        <v>0</v>
      </c>
      <c r="GR39" s="330">
        <v>0</v>
      </c>
      <c r="GS39" s="326">
        <v>0</v>
      </c>
      <c r="GT39" s="327">
        <v>0</v>
      </c>
      <c r="GU39" s="328">
        <v>0</v>
      </c>
      <c r="GV39" s="326">
        <v>0</v>
      </c>
      <c r="GW39" s="327">
        <v>0</v>
      </c>
      <c r="GX39" s="327">
        <v>0</v>
      </c>
      <c r="GY39" s="327">
        <v>0</v>
      </c>
      <c r="GZ39" s="327">
        <v>0</v>
      </c>
      <c r="HA39" s="327">
        <v>0</v>
      </c>
      <c r="HB39" s="331">
        <v>0</v>
      </c>
      <c r="HC39" s="330">
        <v>0</v>
      </c>
      <c r="HD39" s="326">
        <v>0</v>
      </c>
      <c r="HE39" s="327">
        <v>0</v>
      </c>
      <c r="HF39" s="331">
        <v>0</v>
      </c>
      <c r="HG39" s="332">
        <v>0</v>
      </c>
      <c r="HH39" s="327">
        <v>0</v>
      </c>
      <c r="HI39" s="327">
        <v>308032</v>
      </c>
      <c r="HJ39" s="327">
        <v>168609</v>
      </c>
      <c r="HK39" s="327">
        <v>602535</v>
      </c>
      <c r="HL39" s="327">
        <v>0</v>
      </c>
      <c r="HM39" s="328">
        <v>1079176</v>
      </c>
      <c r="HN39" s="329">
        <v>1079176</v>
      </c>
      <c r="HO39" s="333">
        <v>0</v>
      </c>
      <c r="HP39" s="327">
        <v>0</v>
      </c>
      <c r="HQ39" s="328">
        <v>0</v>
      </c>
      <c r="HR39" s="326">
        <v>0</v>
      </c>
      <c r="HS39" s="327">
        <v>0</v>
      </c>
      <c r="HT39" s="327">
        <v>0</v>
      </c>
      <c r="HU39" s="327">
        <v>0</v>
      </c>
      <c r="HV39" s="327">
        <v>0</v>
      </c>
      <c r="HW39" s="327">
        <v>0</v>
      </c>
      <c r="HX39" s="331">
        <v>0</v>
      </c>
      <c r="HY39" s="330">
        <v>0</v>
      </c>
      <c r="HZ39" s="335">
        <v>0</v>
      </c>
      <c r="IA39" s="336">
        <v>0</v>
      </c>
      <c r="IB39" s="337">
        <v>0</v>
      </c>
      <c r="IC39" s="338">
        <v>0</v>
      </c>
      <c r="ID39" s="336">
        <v>101542</v>
      </c>
      <c r="IE39" s="339">
        <v>0</v>
      </c>
      <c r="IF39" s="337">
        <v>0</v>
      </c>
      <c r="IG39" s="336">
        <v>0</v>
      </c>
      <c r="IH39" s="337">
        <v>0</v>
      </c>
      <c r="II39" s="340">
        <v>101542</v>
      </c>
      <c r="IJ39" s="341">
        <v>101542</v>
      </c>
      <c r="IK39" s="342">
        <v>0</v>
      </c>
      <c r="IL39" s="343">
        <v>0</v>
      </c>
      <c r="IM39" s="344">
        <v>0</v>
      </c>
      <c r="IN39" s="404">
        <v>0</v>
      </c>
      <c r="IO39" s="345">
        <v>0</v>
      </c>
      <c r="IP39" s="345">
        <v>0</v>
      </c>
      <c r="IQ39" s="345">
        <v>0</v>
      </c>
      <c r="IR39" s="345">
        <v>0</v>
      </c>
      <c r="IS39" s="345">
        <v>0</v>
      </c>
      <c r="IT39" s="346">
        <v>0</v>
      </c>
      <c r="IU39" s="347">
        <v>0</v>
      </c>
      <c r="IV39" s="348">
        <v>0</v>
      </c>
      <c r="IW39" s="345">
        <v>0</v>
      </c>
      <c r="IX39" s="349">
        <v>0</v>
      </c>
      <c r="IY39" s="404">
        <v>0</v>
      </c>
      <c r="IZ39" s="345">
        <v>0</v>
      </c>
      <c r="JA39" s="345">
        <v>0</v>
      </c>
      <c r="JB39" s="345">
        <v>0</v>
      </c>
      <c r="JC39" s="345">
        <v>0</v>
      </c>
      <c r="JD39" s="345">
        <v>0</v>
      </c>
      <c r="JE39" s="349">
        <v>0</v>
      </c>
      <c r="JF39" s="350">
        <v>0</v>
      </c>
      <c r="JG39" s="348">
        <v>0</v>
      </c>
      <c r="JH39" s="345">
        <v>0</v>
      </c>
      <c r="JI39" s="346">
        <v>0</v>
      </c>
      <c r="JJ39" s="351">
        <v>0</v>
      </c>
      <c r="JK39" s="345">
        <v>0</v>
      </c>
      <c r="JL39" s="345">
        <v>0</v>
      </c>
      <c r="JM39" s="345">
        <v>0</v>
      </c>
      <c r="JN39" s="345">
        <v>0</v>
      </c>
      <c r="JO39" s="345">
        <v>0</v>
      </c>
      <c r="JP39" s="349">
        <v>0</v>
      </c>
      <c r="JQ39" s="347">
        <v>0</v>
      </c>
      <c r="JR39" s="348">
        <v>0</v>
      </c>
      <c r="JS39" s="345">
        <v>0</v>
      </c>
      <c r="JT39" s="346">
        <v>0</v>
      </c>
      <c r="JU39" s="351">
        <v>0</v>
      </c>
      <c r="JV39" s="345">
        <v>0</v>
      </c>
      <c r="JW39" s="345">
        <v>0</v>
      </c>
      <c r="JX39" s="345">
        <v>0</v>
      </c>
      <c r="JY39" s="345">
        <v>0</v>
      </c>
      <c r="JZ39" s="345">
        <v>0</v>
      </c>
      <c r="KA39" s="349">
        <v>0</v>
      </c>
      <c r="KB39" s="347">
        <v>0</v>
      </c>
      <c r="KC39" s="352">
        <v>0</v>
      </c>
      <c r="KD39" s="353">
        <v>0</v>
      </c>
      <c r="KE39" s="349">
        <v>0</v>
      </c>
      <c r="KF39" s="351">
        <v>0</v>
      </c>
      <c r="KG39" s="345">
        <v>101542</v>
      </c>
      <c r="KH39" s="345">
        <v>0</v>
      </c>
      <c r="KI39" s="345">
        <v>0</v>
      </c>
      <c r="KJ39" s="345">
        <v>0</v>
      </c>
      <c r="KK39" s="345">
        <v>0</v>
      </c>
      <c r="KL39" s="349">
        <v>101542</v>
      </c>
      <c r="KM39" s="354">
        <v>101542</v>
      </c>
      <c r="KN39" s="342">
        <v>0</v>
      </c>
      <c r="KO39" s="343">
        <v>0</v>
      </c>
      <c r="KP39" s="344">
        <v>0</v>
      </c>
      <c r="KQ39" s="404">
        <v>0</v>
      </c>
      <c r="KR39" s="345">
        <v>0</v>
      </c>
      <c r="KS39" s="345">
        <v>0</v>
      </c>
      <c r="KT39" s="345">
        <v>0</v>
      </c>
      <c r="KU39" s="345">
        <v>0</v>
      </c>
      <c r="KV39" s="345">
        <v>0</v>
      </c>
      <c r="KW39" s="349">
        <v>0</v>
      </c>
      <c r="KX39" s="347">
        <v>0</v>
      </c>
      <c r="KY39" s="348">
        <v>0</v>
      </c>
      <c r="KZ39" s="345">
        <v>0</v>
      </c>
      <c r="LA39" s="349">
        <v>0</v>
      </c>
      <c r="LB39" s="404">
        <v>0</v>
      </c>
      <c r="LC39" s="345">
        <v>0</v>
      </c>
      <c r="LD39" s="345">
        <v>0</v>
      </c>
      <c r="LE39" s="345">
        <v>0</v>
      </c>
      <c r="LF39" s="345">
        <v>0</v>
      </c>
      <c r="LG39" s="345">
        <v>0</v>
      </c>
      <c r="LH39" s="349">
        <v>0</v>
      </c>
      <c r="LI39" s="350">
        <v>0</v>
      </c>
      <c r="LJ39" s="348">
        <v>0</v>
      </c>
      <c r="LK39" s="345">
        <v>0</v>
      </c>
      <c r="LL39" s="349">
        <v>0</v>
      </c>
      <c r="LM39" s="404">
        <v>0</v>
      </c>
      <c r="LN39" s="345">
        <v>0</v>
      </c>
      <c r="LO39" s="345">
        <v>0</v>
      </c>
      <c r="LP39" s="345">
        <v>0</v>
      </c>
      <c r="LQ39" s="345">
        <v>0</v>
      </c>
      <c r="LR39" s="345">
        <v>0</v>
      </c>
      <c r="LS39" s="349">
        <v>0</v>
      </c>
      <c r="LT39" s="347">
        <v>0</v>
      </c>
      <c r="LU39" s="348">
        <v>0</v>
      </c>
      <c r="LV39" s="345">
        <v>0</v>
      </c>
      <c r="LW39" s="349">
        <v>0</v>
      </c>
      <c r="LX39" s="404">
        <v>0</v>
      </c>
      <c r="LY39" s="345">
        <v>0</v>
      </c>
      <c r="LZ39" s="345">
        <v>0</v>
      </c>
      <c r="MA39" s="345">
        <v>0</v>
      </c>
      <c r="MB39" s="345">
        <v>0</v>
      </c>
      <c r="MC39" s="345">
        <v>0</v>
      </c>
      <c r="MD39" s="349">
        <v>0</v>
      </c>
      <c r="ME39" s="350">
        <v>0</v>
      </c>
      <c r="MF39" s="348">
        <v>0</v>
      </c>
      <c r="MG39" s="345">
        <v>0</v>
      </c>
      <c r="MH39" s="349">
        <v>0</v>
      </c>
      <c r="MI39" s="404">
        <v>0</v>
      </c>
      <c r="MJ39" s="345">
        <v>0</v>
      </c>
      <c r="MK39" s="345">
        <v>0</v>
      </c>
      <c r="ML39" s="345">
        <v>0</v>
      </c>
      <c r="MM39" s="345">
        <v>203123</v>
      </c>
      <c r="MN39" s="345">
        <v>0</v>
      </c>
      <c r="MO39" s="349">
        <v>203123</v>
      </c>
      <c r="MP39" s="354">
        <v>203123</v>
      </c>
      <c r="MQ39" s="348">
        <v>0</v>
      </c>
      <c r="MR39" s="345">
        <v>0</v>
      </c>
      <c r="MS39" s="349">
        <v>0</v>
      </c>
      <c r="MT39" s="404">
        <v>0</v>
      </c>
      <c r="MU39" s="345">
        <v>0</v>
      </c>
      <c r="MV39" s="345">
        <v>0</v>
      </c>
      <c r="MW39" s="345">
        <v>0</v>
      </c>
      <c r="MX39" s="345">
        <v>203123</v>
      </c>
      <c r="MY39" s="345">
        <v>0</v>
      </c>
      <c r="MZ39" s="349">
        <v>203123</v>
      </c>
      <c r="NA39" s="354">
        <v>203123</v>
      </c>
      <c r="NB39" s="348">
        <v>0</v>
      </c>
      <c r="NC39" s="345">
        <v>0</v>
      </c>
      <c r="ND39" s="349">
        <v>0</v>
      </c>
      <c r="NE39" s="404">
        <v>0</v>
      </c>
      <c r="NF39" s="345">
        <v>0</v>
      </c>
      <c r="NG39" s="345">
        <v>0</v>
      </c>
      <c r="NH39" s="345">
        <v>0</v>
      </c>
      <c r="NI39" s="345">
        <v>0</v>
      </c>
      <c r="NJ39" s="345">
        <v>0</v>
      </c>
      <c r="NK39" s="349">
        <v>0</v>
      </c>
      <c r="NL39" s="347">
        <v>0</v>
      </c>
      <c r="NM39" s="348">
        <v>0</v>
      </c>
      <c r="NN39" s="345">
        <v>0</v>
      </c>
      <c r="NO39" s="349">
        <v>0</v>
      </c>
      <c r="NP39" s="404">
        <v>0</v>
      </c>
      <c r="NQ39" s="345">
        <v>0</v>
      </c>
      <c r="NR39" s="345">
        <v>0</v>
      </c>
      <c r="NS39" s="345">
        <v>0</v>
      </c>
      <c r="NT39" s="345">
        <v>0</v>
      </c>
      <c r="NU39" s="345">
        <v>0</v>
      </c>
      <c r="NV39" s="349">
        <v>0</v>
      </c>
      <c r="NW39" s="350">
        <v>0</v>
      </c>
      <c r="NX39" s="348">
        <v>0</v>
      </c>
      <c r="NY39" s="345">
        <v>0</v>
      </c>
      <c r="NZ39" s="349">
        <v>0</v>
      </c>
      <c r="OA39" s="404">
        <v>0</v>
      </c>
      <c r="OB39" s="345">
        <v>0</v>
      </c>
      <c r="OC39" s="345">
        <v>0</v>
      </c>
      <c r="OD39" s="345">
        <v>0</v>
      </c>
      <c r="OE39" s="345">
        <v>0</v>
      </c>
      <c r="OF39" s="345">
        <v>0</v>
      </c>
      <c r="OG39" s="349">
        <v>0</v>
      </c>
      <c r="OH39" s="350">
        <v>0</v>
      </c>
      <c r="OI39" s="348">
        <v>22085</v>
      </c>
      <c r="OJ39" s="345">
        <v>0</v>
      </c>
      <c r="OK39" s="346">
        <v>22085</v>
      </c>
      <c r="OL39" s="351">
        <v>0</v>
      </c>
      <c r="OM39" s="345">
        <v>169918</v>
      </c>
      <c r="ON39" s="345">
        <v>554607</v>
      </c>
      <c r="OO39" s="345">
        <v>370244</v>
      </c>
      <c r="OP39" s="345">
        <v>915208</v>
      </c>
      <c r="OQ39" s="345">
        <v>0</v>
      </c>
      <c r="OR39" s="349">
        <v>2009977</v>
      </c>
      <c r="OS39" s="354">
        <v>2032062</v>
      </c>
    </row>
    <row r="40" spans="2:409" s="70" customFormat="1" ht="21" customHeight="1" x14ac:dyDescent="0.2">
      <c r="B40" s="106" t="s">
        <v>35</v>
      </c>
      <c r="C40" s="326">
        <v>226877</v>
      </c>
      <c r="D40" s="327">
        <v>283080</v>
      </c>
      <c r="E40" s="328">
        <v>509957</v>
      </c>
      <c r="F40" s="329">
        <v>0</v>
      </c>
      <c r="G40" s="327">
        <v>1038444</v>
      </c>
      <c r="H40" s="327">
        <v>898518</v>
      </c>
      <c r="I40" s="327">
        <v>964382</v>
      </c>
      <c r="J40" s="327">
        <v>409115</v>
      </c>
      <c r="K40" s="327">
        <v>456408</v>
      </c>
      <c r="L40" s="367">
        <v>3766867</v>
      </c>
      <c r="M40" s="330">
        <v>4276824</v>
      </c>
      <c r="N40" s="326">
        <v>40376</v>
      </c>
      <c r="O40" s="327">
        <v>118769</v>
      </c>
      <c r="P40" s="328">
        <v>159145</v>
      </c>
      <c r="Q40" s="326">
        <v>0</v>
      </c>
      <c r="R40" s="327">
        <v>182597</v>
      </c>
      <c r="S40" s="327">
        <v>316251</v>
      </c>
      <c r="T40" s="327">
        <v>262493</v>
      </c>
      <c r="U40" s="327">
        <v>18004</v>
      </c>
      <c r="V40" s="327">
        <v>44289</v>
      </c>
      <c r="W40" s="328">
        <v>823634</v>
      </c>
      <c r="X40" s="330">
        <v>982779</v>
      </c>
      <c r="Y40" s="326">
        <v>0</v>
      </c>
      <c r="Z40" s="327">
        <v>0</v>
      </c>
      <c r="AA40" s="328">
        <v>0</v>
      </c>
      <c r="AB40" s="326">
        <v>0</v>
      </c>
      <c r="AC40" s="327">
        <v>13041</v>
      </c>
      <c r="AD40" s="327">
        <v>190013</v>
      </c>
      <c r="AE40" s="327">
        <v>70147</v>
      </c>
      <c r="AF40" s="327">
        <v>0</v>
      </c>
      <c r="AG40" s="327">
        <v>0</v>
      </c>
      <c r="AH40" s="328">
        <v>273201</v>
      </c>
      <c r="AI40" s="330">
        <v>273201</v>
      </c>
      <c r="AJ40" s="326">
        <v>0</v>
      </c>
      <c r="AK40" s="327">
        <v>0</v>
      </c>
      <c r="AL40" s="328">
        <v>0</v>
      </c>
      <c r="AM40" s="326">
        <v>0</v>
      </c>
      <c r="AN40" s="327">
        <v>0</v>
      </c>
      <c r="AO40" s="327">
        <v>0</v>
      </c>
      <c r="AP40" s="327">
        <v>0</v>
      </c>
      <c r="AQ40" s="327">
        <v>0</v>
      </c>
      <c r="AR40" s="327">
        <v>0</v>
      </c>
      <c r="AS40" s="328">
        <v>0</v>
      </c>
      <c r="AT40" s="330">
        <v>0</v>
      </c>
      <c r="AU40" s="326">
        <v>0</v>
      </c>
      <c r="AV40" s="327">
        <v>70686</v>
      </c>
      <c r="AW40" s="328">
        <v>70686</v>
      </c>
      <c r="AX40" s="326">
        <v>0</v>
      </c>
      <c r="AY40" s="327">
        <v>56135</v>
      </c>
      <c r="AZ40" s="327">
        <v>101773</v>
      </c>
      <c r="BA40" s="327">
        <v>89544</v>
      </c>
      <c r="BB40" s="327">
        <v>0</v>
      </c>
      <c r="BC40" s="327">
        <v>17206</v>
      </c>
      <c r="BD40" s="328">
        <v>264658</v>
      </c>
      <c r="BE40" s="330">
        <v>335344</v>
      </c>
      <c r="BF40" s="326">
        <v>0</v>
      </c>
      <c r="BG40" s="327">
        <v>25536</v>
      </c>
      <c r="BH40" s="331">
        <v>25536</v>
      </c>
      <c r="BI40" s="332">
        <v>0</v>
      </c>
      <c r="BJ40" s="327">
        <v>46158</v>
      </c>
      <c r="BK40" s="327">
        <v>0</v>
      </c>
      <c r="BL40" s="327">
        <v>52752</v>
      </c>
      <c r="BM40" s="327">
        <v>0</v>
      </c>
      <c r="BN40" s="327">
        <v>0</v>
      </c>
      <c r="BO40" s="328">
        <v>98910</v>
      </c>
      <c r="BP40" s="330">
        <v>124446</v>
      </c>
      <c r="BQ40" s="326">
        <v>40376</v>
      </c>
      <c r="BR40" s="327">
        <v>22547</v>
      </c>
      <c r="BS40" s="328">
        <v>62923</v>
      </c>
      <c r="BT40" s="326">
        <v>0</v>
      </c>
      <c r="BU40" s="327">
        <v>67263</v>
      </c>
      <c r="BV40" s="327">
        <v>24465</v>
      </c>
      <c r="BW40" s="327">
        <v>50050</v>
      </c>
      <c r="BX40" s="327">
        <v>18004</v>
      </c>
      <c r="BY40" s="327">
        <v>27083</v>
      </c>
      <c r="BZ40" s="328">
        <v>186865</v>
      </c>
      <c r="CA40" s="330">
        <v>249788</v>
      </c>
      <c r="CB40" s="326">
        <v>17682</v>
      </c>
      <c r="CC40" s="327">
        <v>66500</v>
      </c>
      <c r="CD40" s="328">
        <v>84182</v>
      </c>
      <c r="CE40" s="326">
        <v>0</v>
      </c>
      <c r="CF40" s="327">
        <v>216860</v>
      </c>
      <c r="CG40" s="327">
        <v>255038</v>
      </c>
      <c r="CH40" s="327">
        <v>200997</v>
      </c>
      <c r="CI40" s="327">
        <v>0</v>
      </c>
      <c r="CJ40" s="327">
        <v>32291</v>
      </c>
      <c r="CK40" s="328">
        <v>705186</v>
      </c>
      <c r="CL40" s="330">
        <v>789368</v>
      </c>
      <c r="CM40" s="326">
        <v>0</v>
      </c>
      <c r="CN40" s="327">
        <v>0</v>
      </c>
      <c r="CO40" s="328">
        <v>0</v>
      </c>
      <c r="CP40" s="332">
        <v>0</v>
      </c>
      <c r="CQ40" s="327">
        <v>132720</v>
      </c>
      <c r="CR40" s="327">
        <v>91294</v>
      </c>
      <c r="CS40" s="327">
        <v>58548</v>
      </c>
      <c r="CT40" s="327">
        <v>0</v>
      </c>
      <c r="CU40" s="327">
        <v>32291</v>
      </c>
      <c r="CV40" s="328">
        <v>314853</v>
      </c>
      <c r="CW40" s="330">
        <v>314853</v>
      </c>
      <c r="CX40" s="326">
        <v>17682</v>
      </c>
      <c r="CY40" s="327">
        <v>66500</v>
      </c>
      <c r="CZ40" s="328">
        <v>84182</v>
      </c>
      <c r="DA40" s="326">
        <v>0</v>
      </c>
      <c r="DB40" s="327">
        <v>84140</v>
      </c>
      <c r="DC40" s="327">
        <v>163744</v>
      </c>
      <c r="DD40" s="327">
        <v>142449</v>
      </c>
      <c r="DE40" s="327">
        <v>0</v>
      </c>
      <c r="DF40" s="327">
        <v>0</v>
      </c>
      <c r="DG40" s="328">
        <v>390333</v>
      </c>
      <c r="DH40" s="330">
        <v>474515</v>
      </c>
      <c r="DI40" s="326">
        <v>0</v>
      </c>
      <c r="DJ40" s="327">
        <v>0</v>
      </c>
      <c r="DK40" s="331">
        <v>0</v>
      </c>
      <c r="DL40" s="332">
        <v>0</v>
      </c>
      <c r="DM40" s="327">
        <v>0</v>
      </c>
      <c r="DN40" s="327">
        <v>35007</v>
      </c>
      <c r="DO40" s="327">
        <v>32970</v>
      </c>
      <c r="DP40" s="327">
        <v>0</v>
      </c>
      <c r="DQ40" s="327">
        <v>139748</v>
      </c>
      <c r="DR40" s="328">
        <v>207725</v>
      </c>
      <c r="DS40" s="330">
        <v>207725</v>
      </c>
      <c r="DT40" s="326">
        <v>0</v>
      </c>
      <c r="DU40" s="327">
        <v>0</v>
      </c>
      <c r="DV40" s="328">
        <v>0</v>
      </c>
      <c r="DW40" s="326">
        <v>0</v>
      </c>
      <c r="DX40" s="327">
        <v>0</v>
      </c>
      <c r="DY40" s="327">
        <v>35007</v>
      </c>
      <c r="DZ40" s="327">
        <v>32970</v>
      </c>
      <c r="EA40" s="327">
        <v>0</v>
      </c>
      <c r="EB40" s="327">
        <v>139748</v>
      </c>
      <c r="EC40" s="328">
        <v>207725</v>
      </c>
      <c r="ED40" s="330">
        <v>207725</v>
      </c>
      <c r="EE40" s="326">
        <v>0</v>
      </c>
      <c r="EF40" s="331">
        <v>0</v>
      </c>
      <c r="EG40" s="328">
        <v>0</v>
      </c>
      <c r="EH40" s="326">
        <v>0</v>
      </c>
      <c r="EI40" s="327">
        <v>0</v>
      </c>
      <c r="EJ40" s="327">
        <v>0</v>
      </c>
      <c r="EK40" s="327">
        <v>0</v>
      </c>
      <c r="EL40" s="327">
        <v>0</v>
      </c>
      <c r="EM40" s="327">
        <v>0</v>
      </c>
      <c r="EN40" s="331">
        <v>0</v>
      </c>
      <c r="EO40" s="330">
        <v>0</v>
      </c>
      <c r="EP40" s="326">
        <v>0</v>
      </c>
      <c r="EQ40" s="327">
        <v>0</v>
      </c>
      <c r="ER40" s="331">
        <v>0</v>
      </c>
      <c r="ES40" s="332">
        <v>0</v>
      </c>
      <c r="ET40" s="327">
        <v>0</v>
      </c>
      <c r="EU40" s="327">
        <v>0</v>
      </c>
      <c r="EV40" s="327">
        <v>0</v>
      </c>
      <c r="EW40" s="327">
        <v>0</v>
      </c>
      <c r="EX40" s="327">
        <v>0</v>
      </c>
      <c r="EY40" s="328">
        <v>0</v>
      </c>
      <c r="EZ40" s="330">
        <v>0</v>
      </c>
      <c r="FA40" s="326">
        <v>0</v>
      </c>
      <c r="FB40" s="327">
        <v>0</v>
      </c>
      <c r="FC40" s="331">
        <v>0</v>
      </c>
      <c r="FD40" s="404">
        <v>0</v>
      </c>
      <c r="FE40" s="327">
        <v>0</v>
      </c>
      <c r="FF40" s="327">
        <v>0</v>
      </c>
      <c r="FG40" s="327">
        <v>0</v>
      </c>
      <c r="FH40" s="327">
        <v>0</v>
      </c>
      <c r="FI40" s="327">
        <v>0</v>
      </c>
      <c r="FJ40" s="328">
        <v>0</v>
      </c>
      <c r="FK40" s="330">
        <v>0</v>
      </c>
      <c r="FL40" s="326">
        <v>20398</v>
      </c>
      <c r="FM40" s="327">
        <v>14630</v>
      </c>
      <c r="FN40" s="328">
        <v>35028</v>
      </c>
      <c r="FO40" s="326">
        <v>0</v>
      </c>
      <c r="FP40" s="327">
        <v>72104</v>
      </c>
      <c r="FQ40" s="327">
        <v>140658</v>
      </c>
      <c r="FR40" s="327">
        <v>133210</v>
      </c>
      <c r="FS40" s="327">
        <v>0</v>
      </c>
      <c r="FT40" s="327">
        <v>22120</v>
      </c>
      <c r="FU40" s="328">
        <v>368092</v>
      </c>
      <c r="FV40" s="330">
        <v>403120</v>
      </c>
      <c r="FW40" s="333">
        <v>20398</v>
      </c>
      <c r="FX40" s="327">
        <v>14630</v>
      </c>
      <c r="FY40" s="331">
        <v>35028</v>
      </c>
      <c r="FZ40" s="332">
        <v>0</v>
      </c>
      <c r="GA40" s="327">
        <v>16380</v>
      </c>
      <c r="GB40" s="327">
        <v>140658</v>
      </c>
      <c r="GC40" s="327">
        <v>133210</v>
      </c>
      <c r="GD40" s="327">
        <v>0</v>
      </c>
      <c r="GE40" s="327">
        <v>22120</v>
      </c>
      <c r="GF40" s="328">
        <v>312368</v>
      </c>
      <c r="GG40" s="334">
        <v>347396</v>
      </c>
      <c r="GH40" s="333">
        <v>0</v>
      </c>
      <c r="GI40" s="327">
        <v>0</v>
      </c>
      <c r="GJ40" s="331">
        <v>0</v>
      </c>
      <c r="GK40" s="332">
        <v>0</v>
      </c>
      <c r="GL40" s="327">
        <v>20304</v>
      </c>
      <c r="GM40" s="327">
        <v>0</v>
      </c>
      <c r="GN40" s="327">
        <v>0</v>
      </c>
      <c r="GO40" s="327">
        <v>0</v>
      </c>
      <c r="GP40" s="327">
        <v>0</v>
      </c>
      <c r="GQ40" s="328">
        <v>20304</v>
      </c>
      <c r="GR40" s="330">
        <v>20304</v>
      </c>
      <c r="GS40" s="326">
        <v>0</v>
      </c>
      <c r="GT40" s="327">
        <v>0</v>
      </c>
      <c r="GU40" s="328">
        <v>0</v>
      </c>
      <c r="GV40" s="326">
        <v>0</v>
      </c>
      <c r="GW40" s="327">
        <v>35420</v>
      </c>
      <c r="GX40" s="327">
        <v>0</v>
      </c>
      <c r="GY40" s="327">
        <v>0</v>
      </c>
      <c r="GZ40" s="327">
        <v>0</v>
      </c>
      <c r="HA40" s="327">
        <v>0</v>
      </c>
      <c r="HB40" s="331">
        <v>35420</v>
      </c>
      <c r="HC40" s="330">
        <v>35420</v>
      </c>
      <c r="HD40" s="326">
        <v>148421</v>
      </c>
      <c r="HE40" s="327">
        <v>83181</v>
      </c>
      <c r="HF40" s="331">
        <v>231602</v>
      </c>
      <c r="HG40" s="332">
        <v>0</v>
      </c>
      <c r="HH40" s="327">
        <v>566883</v>
      </c>
      <c r="HI40" s="327">
        <v>151564</v>
      </c>
      <c r="HJ40" s="327">
        <v>334712</v>
      </c>
      <c r="HK40" s="327">
        <v>391111</v>
      </c>
      <c r="HL40" s="327">
        <v>217960</v>
      </c>
      <c r="HM40" s="328">
        <v>1662230</v>
      </c>
      <c r="HN40" s="329">
        <v>1893832</v>
      </c>
      <c r="HO40" s="333">
        <v>0</v>
      </c>
      <c r="HP40" s="327">
        <v>0</v>
      </c>
      <c r="HQ40" s="328">
        <v>0</v>
      </c>
      <c r="HR40" s="326">
        <v>0</v>
      </c>
      <c r="HS40" s="327">
        <v>0</v>
      </c>
      <c r="HT40" s="327">
        <v>0</v>
      </c>
      <c r="HU40" s="327">
        <v>0</v>
      </c>
      <c r="HV40" s="327">
        <v>0</v>
      </c>
      <c r="HW40" s="327">
        <v>0</v>
      </c>
      <c r="HX40" s="331">
        <v>0</v>
      </c>
      <c r="HY40" s="330">
        <v>0</v>
      </c>
      <c r="HZ40" s="358">
        <v>0</v>
      </c>
      <c r="IA40" s="356">
        <v>56252</v>
      </c>
      <c r="IB40" s="358">
        <v>56252</v>
      </c>
      <c r="IC40" s="338">
        <v>0</v>
      </c>
      <c r="ID40" s="336">
        <v>220319</v>
      </c>
      <c r="IE40" s="339">
        <v>0</v>
      </c>
      <c r="IF40" s="337">
        <v>0</v>
      </c>
      <c r="IG40" s="336">
        <v>0</v>
      </c>
      <c r="IH40" s="337">
        <v>33810</v>
      </c>
      <c r="II40" s="340">
        <v>254129</v>
      </c>
      <c r="IJ40" s="358">
        <v>310381</v>
      </c>
      <c r="IK40" s="342">
        <v>0</v>
      </c>
      <c r="IL40" s="343">
        <v>0</v>
      </c>
      <c r="IM40" s="344">
        <v>0</v>
      </c>
      <c r="IN40" s="404">
        <v>0</v>
      </c>
      <c r="IO40" s="345">
        <v>0</v>
      </c>
      <c r="IP40" s="345">
        <v>0</v>
      </c>
      <c r="IQ40" s="345">
        <v>0</v>
      </c>
      <c r="IR40" s="345">
        <v>0</v>
      </c>
      <c r="IS40" s="345">
        <v>0</v>
      </c>
      <c r="IT40" s="346">
        <v>0</v>
      </c>
      <c r="IU40" s="347">
        <v>0</v>
      </c>
      <c r="IV40" s="348">
        <v>0</v>
      </c>
      <c r="IW40" s="345">
        <v>0</v>
      </c>
      <c r="IX40" s="349">
        <v>0</v>
      </c>
      <c r="IY40" s="404">
        <v>0</v>
      </c>
      <c r="IZ40" s="345">
        <v>0</v>
      </c>
      <c r="JA40" s="345">
        <v>0</v>
      </c>
      <c r="JB40" s="345">
        <v>0</v>
      </c>
      <c r="JC40" s="345">
        <v>0</v>
      </c>
      <c r="JD40" s="345">
        <v>0</v>
      </c>
      <c r="JE40" s="349">
        <v>0</v>
      </c>
      <c r="JF40" s="350">
        <v>0</v>
      </c>
      <c r="JG40" s="348">
        <v>0</v>
      </c>
      <c r="JH40" s="345">
        <v>0</v>
      </c>
      <c r="JI40" s="346">
        <v>0</v>
      </c>
      <c r="JJ40" s="351">
        <v>0</v>
      </c>
      <c r="JK40" s="345">
        <v>16843</v>
      </c>
      <c r="JL40" s="345">
        <v>0</v>
      </c>
      <c r="JM40" s="345">
        <v>0</v>
      </c>
      <c r="JN40" s="345">
        <v>0</v>
      </c>
      <c r="JO40" s="345">
        <v>0</v>
      </c>
      <c r="JP40" s="349">
        <v>16843</v>
      </c>
      <c r="JQ40" s="347">
        <v>16843</v>
      </c>
      <c r="JR40" s="348">
        <v>0</v>
      </c>
      <c r="JS40" s="345">
        <v>0</v>
      </c>
      <c r="JT40" s="346">
        <v>0</v>
      </c>
      <c r="JU40" s="351">
        <v>0</v>
      </c>
      <c r="JV40" s="345">
        <v>0</v>
      </c>
      <c r="JW40" s="345">
        <v>0</v>
      </c>
      <c r="JX40" s="345">
        <v>0</v>
      </c>
      <c r="JY40" s="345">
        <v>0</v>
      </c>
      <c r="JZ40" s="345">
        <v>0</v>
      </c>
      <c r="KA40" s="349">
        <v>0</v>
      </c>
      <c r="KB40" s="347">
        <v>0</v>
      </c>
      <c r="KC40" s="352">
        <v>0</v>
      </c>
      <c r="KD40" s="353">
        <v>56252</v>
      </c>
      <c r="KE40" s="349">
        <v>56252</v>
      </c>
      <c r="KF40" s="351">
        <v>0</v>
      </c>
      <c r="KG40" s="345">
        <v>0</v>
      </c>
      <c r="KH40" s="345">
        <v>0</v>
      </c>
      <c r="KI40" s="345">
        <v>0</v>
      </c>
      <c r="KJ40" s="345">
        <v>0</v>
      </c>
      <c r="KK40" s="345">
        <v>33810</v>
      </c>
      <c r="KL40" s="349">
        <v>33810</v>
      </c>
      <c r="KM40" s="354">
        <v>90062</v>
      </c>
      <c r="KN40" s="342">
        <v>0</v>
      </c>
      <c r="KO40" s="343">
        <v>0</v>
      </c>
      <c r="KP40" s="344">
        <v>0</v>
      </c>
      <c r="KQ40" s="404">
        <v>0</v>
      </c>
      <c r="KR40" s="345">
        <v>203476</v>
      </c>
      <c r="KS40" s="345">
        <v>0</v>
      </c>
      <c r="KT40" s="345">
        <v>0</v>
      </c>
      <c r="KU40" s="345">
        <v>0</v>
      </c>
      <c r="KV40" s="345">
        <v>0</v>
      </c>
      <c r="KW40" s="349">
        <v>203476</v>
      </c>
      <c r="KX40" s="347">
        <v>203476</v>
      </c>
      <c r="KY40" s="348">
        <v>0</v>
      </c>
      <c r="KZ40" s="345">
        <v>0</v>
      </c>
      <c r="LA40" s="349">
        <v>0</v>
      </c>
      <c r="LB40" s="404">
        <v>0</v>
      </c>
      <c r="LC40" s="345">
        <v>0</v>
      </c>
      <c r="LD40" s="345">
        <v>0</v>
      </c>
      <c r="LE40" s="345">
        <v>0</v>
      </c>
      <c r="LF40" s="345">
        <v>0</v>
      </c>
      <c r="LG40" s="345">
        <v>0</v>
      </c>
      <c r="LH40" s="349">
        <v>0</v>
      </c>
      <c r="LI40" s="350">
        <v>0</v>
      </c>
      <c r="LJ40" s="348">
        <v>0</v>
      </c>
      <c r="LK40" s="345">
        <v>0</v>
      </c>
      <c r="LL40" s="349">
        <v>0</v>
      </c>
      <c r="LM40" s="404">
        <v>0</v>
      </c>
      <c r="LN40" s="345">
        <v>0</v>
      </c>
      <c r="LO40" s="345">
        <v>0</v>
      </c>
      <c r="LP40" s="345">
        <v>0</v>
      </c>
      <c r="LQ40" s="345">
        <v>0</v>
      </c>
      <c r="LR40" s="345">
        <v>0</v>
      </c>
      <c r="LS40" s="349">
        <v>0</v>
      </c>
      <c r="LT40" s="347">
        <v>0</v>
      </c>
      <c r="LU40" s="348">
        <v>0</v>
      </c>
      <c r="LV40" s="345">
        <v>0</v>
      </c>
      <c r="LW40" s="349">
        <v>0</v>
      </c>
      <c r="LX40" s="404">
        <v>0</v>
      </c>
      <c r="LY40" s="345">
        <v>0</v>
      </c>
      <c r="LZ40" s="345">
        <v>0</v>
      </c>
      <c r="MA40" s="345">
        <v>0</v>
      </c>
      <c r="MB40" s="345">
        <v>0</v>
      </c>
      <c r="MC40" s="345">
        <v>0</v>
      </c>
      <c r="MD40" s="349">
        <v>0</v>
      </c>
      <c r="ME40" s="350">
        <v>0</v>
      </c>
      <c r="MF40" s="348">
        <v>0</v>
      </c>
      <c r="MG40" s="345">
        <v>0</v>
      </c>
      <c r="MH40" s="349">
        <v>0</v>
      </c>
      <c r="MI40" s="404">
        <v>0</v>
      </c>
      <c r="MJ40" s="345">
        <v>174734</v>
      </c>
      <c r="MK40" s="345">
        <v>297843</v>
      </c>
      <c r="ML40" s="345">
        <v>0</v>
      </c>
      <c r="MM40" s="345">
        <v>322115</v>
      </c>
      <c r="MN40" s="345">
        <v>0</v>
      </c>
      <c r="MO40" s="349">
        <v>794692</v>
      </c>
      <c r="MP40" s="354">
        <v>794692</v>
      </c>
      <c r="MQ40" s="348">
        <v>0</v>
      </c>
      <c r="MR40" s="345">
        <v>0</v>
      </c>
      <c r="MS40" s="349">
        <v>0</v>
      </c>
      <c r="MT40" s="404">
        <v>0</v>
      </c>
      <c r="MU40" s="345">
        <v>0</v>
      </c>
      <c r="MV40" s="345">
        <v>0</v>
      </c>
      <c r="MW40" s="345">
        <v>0</v>
      </c>
      <c r="MX40" s="345">
        <v>240765</v>
      </c>
      <c r="MY40" s="345">
        <v>0</v>
      </c>
      <c r="MZ40" s="349">
        <v>240765</v>
      </c>
      <c r="NA40" s="354">
        <v>240765</v>
      </c>
      <c r="NB40" s="348">
        <v>0</v>
      </c>
      <c r="NC40" s="345">
        <v>0</v>
      </c>
      <c r="ND40" s="349">
        <v>0</v>
      </c>
      <c r="NE40" s="404">
        <v>0</v>
      </c>
      <c r="NF40" s="345">
        <v>174734</v>
      </c>
      <c r="NG40" s="345">
        <v>297843</v>
      </c>
      <c r="NH40" s="345">
        <v>0</v>
      </c>
      <c r="NI40" s="345">
        <v>81350</v>
      </c>
      <c r="NJ40" s="345">
        <v>0</v>
      </c>
      <c r="NK40" s="349">
        <v>553927</v>
      </c>
      <c r="NL40" s="347">
        <v>553927</v>
      </c>
      <c r="NM40" s="348">
        <v>0</v>
      </c>
      <c r="NN40" s="345">
        <v>0</v>
      </c>
      <c r="NO40" s="349">
        <v>0</v>
      </c>
      <c r="NP40" s="404">
        <v>0</v>
      </c>
      <c r="NQ40" s="345">
        <v>0</v>
      </c>
      <c r="NR40" s="345">
        <v>0</v>
      </c>
      <c r="NS40" s="345">
        <v>0</v>
      </c>
      <c r="NT40" s="345">
        <v>0</v>
      </c>
      <c r="NU40" s="345">
        <v>0</v>
      </c>
      <c r="NV40" s="349">
        <v>0</v>
      </c>
      <c r="NW40" s="350">
        <v>0</v>
      </c>
      <c r="NX40" s="348">
        <v>0</v>
      </c>
      <c r="NY40" s="345">
        <v>0</v>
      </c>
      <c r="NZ40" s="349">
        <v>0</v>
      </c>
      <c r="OA40" s="404">
        <v>0</v>
      </c>
      <c r="OB40" s="345">
        <v>0</v>
      </c>
      <c r="OC40" s="345">
        <v>0</v>
      </c>
      <c r="OD40" s="345">
        <v>0</v>
      </c>
      <c r="OE40" s="345">
        <v>0</v>
      </c>
      <c r="OF40" s="345">
        <v>0</v>
      </c>
      <c r="OG40" s="349">
        <v>0</v>
      </c>
      <c r="OH40" s="350">
        <v>0</v>
      </c>
      <c r="OI40" s="348">
        <v>226877</v>
      </c>
      <c r="OJ40" s="345">
        <v>339332</v>
      </c>
      <c r="OK40" s="346">
        <v>566209</v>
      </c>
      <c r="OL40" s="351">
        <v>0</v>
      </c>
      <c r="OM40" s="345">
        <v>1433497</v>
      </c>
      <c r="ON40" s="345">
        <v>1196361</v>
      </c>
      <c r="OO40" s="345">
        <v>964382</v>
      </c>
      <c r="OP40" s="345">
        <v>731230</v>
      </c>
      <c r="OQ40" s="345">
        <v>490218</v>
      </c>
      <c r="OR40" s="349">
        <v>4815688</v>
      </c>
      <c r="OS40" s="354">
        <v>5381897</v>
      </c>
    </row>
    <row r="41" spans="2:409" s="70" customFormat="1" ht="21" customHeight="1" x14ac:dyDescent="0.2">
      <c r="B41" s="106" t="s">
        <v>36</v>
      </c>
      <c r="C41" s="326">
        <v>0</v>
      </c>
      <c r="D41" s="327">
        <v>30867</v>
      </c>
      <c r="E41" s="328">
        <v>30867</v>
      </c>
      <c r="F41" s="329">
        <v>0</v>
      </c>
      <c r="G41" s="327">
        <v>620377</v>
      </c>
      <c r="H41" s="327">
        <v>1322275</v>
      </c>
      <c r="I41" s="327">
        <v>209813</v>
      </c>
      <c r="J41" s="327">
        <v>861037</v>
      </c>
      <c r="K41" s="327">
        <v>0</v>
      </c>
      <c r="L41" s="367">
        <v>3013502</v>
      </c>
      <c r="M41" s="330">
        <v>3044369</v>
      </c>
      <c r="N41" s="326">
        <v>0</v>
      </c>
      <c r="O41" s="327">
        <v>11617</v>
      </c>
      <c r="P41" s="328">
        <v>11617</v>
      </c>
      <c r="Q41" s="326">
        <v>0</v>
      </c>
      <c r="R41" s="327">
        <v>225479</v>
      </c>
      <c r="S41" s="327">
        <v>521403</v>
      </c>
      <c r="T41" s="327">
        <v>56920</v>
      </c>
      <c r="U41" s="327">
        <v>145161</v>
      </c>
      <c r="V41" s="327">
        <v>0</v>
      </c>
      <c r="W41" s="328">
        <v>948963</v>
      </c>
      <c r="X41" s="330">
        <v>960580</v>
      </c>
      <c r="Y41" s="326">
        <v>0</v>
      </c>
      <c r="Z41" s="327">
        <v>0</v>
      </c>
      <c r="AA41" s="328">
        <v>0</v>
      </c>
      <c r="AB41" s="326">
        <v>0</v>
      </c>
      <c r="AC41" s="327">
        <v>123492</v>
      </c>
      <c r="AD41" s="327">
        <v>349479</v>
      </c>
      <c r="AE41" s="327">
        <v>0</v>
      </c>
      <c r="AF41" s="327">
        <v>31780</v>
      </c>
      <c r="AG41" s="327">
        <v>0</v>
      </c>
      <c r="AH41" s="328">
        <v>504751</v>
      </c>
      <c r="AI41" s="330">
        <v>504751</v>
      </c>
      <c r="AJ41" s="326">
        <v>0</v>
      </c>
      <c r="AK41" s="327">
        <v>0</v>
      </c>
      <c r="AL41" s="328">
        <v>0</v>
      </c>
      <c r="AM41" s="326">
        <v>0</v>
      </c>
      <c r="AN41" s="327">
        <v>0</v>
      </c>
      <c r="AO41" s="327">
        <v>0</v>
      </c>
      <c r="AP41" s="327">
        <v>22802</v>
      </c>
      <c r="AQ41" s="327">
        <v>12236</v>
      </c>
      <c r="AR41" s="327">
        <v>0</v>
      </c>
      <c r="AS41" s="328">
        <v>35038</v>
      </c>
      <c r="AT41" s="330">
        <v>35038</v>
      </c>
      <c r="AU41" s="326">
        <v>0</v>
      </c>
      <c r="AV41" s="327">
        <v>11617</v>
      </c>
      <c r="AW41" s="328">
        <v>11617</v>
      </c>
      <c r="AX41" s="326">
        <v>0</v>
      </c>
      <c r="AY41" s="327">
        <v>37998</v>
      </c>
      <c r="AZ41" s="327">
        <v>73525</v>
      </c>
      <c r="BA41" s="327">
        <v>0</v>
      </c>
      <c r="BB41" s="327">
        <v>31173</v>
      </c>
      <c r="BC41" s="327">
        <v>0</v>
      </c>
      <c r="BD41" s="328">
        <v>142696</v>
      </c>
      <c r="BE41" s="330">
        <v>154313</v>
      </c>
      <c r="BF41" s="326">
        <v>0</v>
      </c>
      <c r="BG41" s="327">
        <v>0</v>
      </c>
      <c r="BH41" s="331">
        <v>0</v>
      </c>
      <c r="BI41" s="332">
        <v>0</v>
      </c>
      <c r="BJ41" s="327">
        <v>37102</v>
      </c>
      <c r="BK41" s="327">
        <v>0</v>
      </c>
      <c r="BL41" s="327">
        <v>0</v>
      </c>
      <c r="BM41" s="327">
        <v>0</v>
      </c>
      <c r="BN41" s="327">
        <v>0</v>
      </c>
      <c r="BO41" s="328">
        <v>37102</v>
      </c>
      <c r="BP41" s="330">
        <v>37102</v>
      </c>
      <c r="BQ41" s="326">
        <v>0</v>
      </c>
      <c r="BR41" s="327">
        <v>0</v>
      </c>
      <c r="BS41" s="328">
        <v>0</v>
      </c>
      <c r="BT41" s="326">
        <v>0</v>
      </c>
      <c r="BU41" s="327">
        <v>26887</v>
      </c>
      <c r="BV41" s="327">
        <v>98399</v>
      </c>
      <c r="BW41" s="327">
        <v>34118</v>
      </c>
      <c r="BX41" s="327">
        <v>69972</v>
      </c>
      <c r="BY41" s="327">
        <v>0</v>
      </c>
      <c r="BZ41" s="328">
        <v>229376</v>
      </c>
      <c r="CA41" s="330">
        <v>229376</v>
      </c>
      <c r="CB41" s="326">
        <v>0</v>
      </c>
      <c r="CC41" s="327">
        <v>0</v>
      </c>
      <c r="CD41" s="328">
        <v>0</v>
      </c>
      <c r="CE41" s="326">
        <v>0</v>
      </c>
      <c r="CF41" s="327">
        <v>149177</v>
      </c>
      <c r="CG41" s="327">
        <v>245581</v>
      </c>
      <c r="CH41" s="327">
        <v>33328</v>
      </c>
      <c r="CI41" s="327">
        <v>180796</v>
      </c>
      <c r="CJ41" s="327">
        <v>0</v>
      </c>
      <c r="CK41" s="328">
        <v>608882</v>
      </c>
      <c r="CL41" s="330">
        <v>608882</v>
      </c>
      <c r="CM41" s="326">
        <v>0</v>
      </c>
      <c r="CN41" s="327">
        <v>0</v>
      </c>
      <c r="CO41" s="328">
        <v>0</v>
      </c>
      <c r="CP41" s="332">
        <v>0</v>
      </c>
      <c r="CQ41" s="327">
        <v>149177</v>
      </c>
      <c r="CR41" s="327">
        <v>245581</v>
      </c>
      <c r="CS41" s="327">
        <v>0</v>
      </c>
      <c r="CT41" s="327">
        <v>180796</v>
      </c>
      <c r="CU41" s="327">
        <v>0</v>
      </c>
      <c r="CV41" s="328">
        <v>575554</v>
      </c>
      <c r="CW41" s="330">
        <v>575554</v>
      </c>
      <c r="CX41" s="326">
        <v>0</v>
      </c>
      <c r="CY41" s="327">
        <v>0</v>
      </c>
      <c r="CZ41" s="328">
        <v>0</v>
      </c>
      <c r="DA41" s="326">
        <v>0</v>
      </c>
      <c r="DB41" s="327">
        <v>0</v>
      </c>
      <c r="DC41" s="327">
        <v>0</v>
      </c>
      <c r="DD41" s="327">
        <v>33328</v>
      </c>
      <c r="DE41" s="327">
        <v>0</v>
      </c>
      <c r="DF41" s="327">
        <v>0</v>
      </c>
      <c r="DG41" s="328">
        <v>33328</v>
      </c>
      <c r="DH41" s="330">
        <v>33328</v>
      </c>
      <c r="DI41" s="326">
        <v>0</v>
      </c>
      <c r="DJ41" s="327">
        <v>0</v>
      </c>
      <c r="DK41" s="331">
        <v>0</v>
      </c>
      <c r="DL41" s="332">
        <v>0</v>
      </c>
      <c r="DM41" s="327">
        <v>0</v>
      </c>
      <c r="DN41" s="327">
        <v>107628</v>
      </c>
      <c r="DO41" s="327">
        <v>0</v>
      </c>
      <c r="DP41" s="327">
        <v>97188</v>
      </c>
      <c r="DQ41" s="327">
        <v>0</v>
      </c>
      <c r="DR41" s="328">
        <v>204816</v>
      </c>
      <c r="DS41" s="330">
        <v>204816</v>
      </c>
      <c r="DT41" s="326">
        <v>0</v>
      </c>
      <c r="DU41" s="327">
        <v>0</v>
      </c>
      <c r="DV41" s="328">
        <v>0</v>
      </c>
      <c r="DW41" s="326">
        <v>0</v>
      </c>
      <c r="DX41" s="327">
        <v>0</v>
      </c>
      <c r="DY41" s="327">
        <v>107628</v>
      </c>
      <c r="DZ41" s="327">
        <v>0</v>
      </c>
      <c r="EA41" s="327">
        <v>97188</v>
      </c>
      <c r="EB41" s="327">
        <v>0</v>
      </c>
      <c r="EC41" s="328">
        <v>204816</v>
      </c>
      <c r="ED41" s="330">
        <v>204816</v>
      </c>
      <c r="EE41" s="326">
        <v>0</v>
      </c>
      <c r="EF41" s="331">
        <v>0</v>
      </c>
      <c r="EG41" s="328">
        <v>0</v>
      </c>
      <c r="EH41" s="326">
        <v>0</v>
      </c>
      <c r="EI41" s="327">
        <v>0</v>
      </c>
      <c r="EJ41" s="327">
        <v>0</v>
      </c>
      <c r="EK41" s="327">
        <v>0</v>
      </c>
      <c r="EL41" s="327">
        <v>0</v>
      </c>
      <c r="EM41" s="327">
        <v>0</v>
      </c>
      <c r="EN41" s="331">
        <v>0</v>
      </c>
      <c r="EO41" s="330">
        <v>0</v>
      </c>
      <c r="EP41" s="326">
        <v>0</v>
      </c>
      <c r="EQ41" s="327">
        <v>0</v>
      </c>
      <c r="ER41" s="331">
        <v>0</v>
      </c>
      <c r="ES41" s="332">
        <v>0</v>
      </c>
      <c r="ET41" s="327">
        <v>0</v>
      </c>
      <c r="EU41" s="327">
        <v>0</v>
      </c>
      <c r="EV41" s="327">
        <v>0</v>
      </c>
      <c r="EW41" s="327">
        <v>0</v>
      </c>
      <c r="EX41" s="327">
        <v>0</v>
      </c>
      <c r="EY41" s="328">
        <v>0</v>
      </c>
      <c r="EZ41" s="330">
        <v>0</v>
      </c>
      <c r="FA41" s="326">
        <v>0</v>
      </c>
      <c r="FB41" s="327">
        <v>0</v>
      </c>
      <c r="FC41" s="331">
        <v>0</v>
      </c>
      <c r="FD41" s="404">
        <v>0</v>
      </c>
      <c r="FE41" s="327">
        <v>0</v>
      </c>
      <c r="FF41" s="327">
        <v>0</v>
      </c>
      <c r="FG41" s="327">
        <v>0</v>
      </c>
      <c r="FH41" s="327">
        <v>0</v>
      </c>
      <c r="FI41" s="327">
        <v>0</v>
      </c>
      <c r="FJ41" s="328">
        <v>0</v>
      </c>
      <c r="FK41" s="330">
        <v>0</v>
      </c>
      <c r="FL41" s="326">
        <v>0</v>
      </c>
      <c r="FM41" s="327">
        <v>19250</v>
      </c>
      <c r="FN41" s="328">
        <v>19250</v>
      </c>
      <c r="FO41" s="326">
        <v>0</v>
      </c>
      <c r="FP41" s="327">
        <v>40670</v>
      </c>
      <c r="FQ41" s="327">
        <v>118447</v>
      </c>
      <c r="FR41" s="327">
        <v>6720</v>
      </c>
      <c r="FS41" s="327">
        <v>57078</v>
      </c>
      <c r="FT41" s="327">
        <v>0</v>
      </c>
      <c r="FU41" s="328">
        <v>222915</v>
      </c>
      <c r="FV41" s="330">
        <v>242165</v>
      </c>
      <c r="FW41" s="333">
        <v>0</v>
      </c>
      <c r="FX41" s="327">
        <v>19250</v>
      </c>
      <c r="FY41" s="331">
        <v>19250</v>
      </c>
      <c r="FZ41" s="332">
        <v>0</v>
      </c>
      <c r="GA41" s="327">
        <v>40670</v>
      </c>
      <c r="GB41" s="327">
        <v>118447</v>
      </c>
      <c r="GC41" s="327">
        <v>6720</v>
      </c>
      <c r="GD41" s="327">
        <v>57078</v>
      </c>
      <c r="GE41" s="327">
        <v>0</v>
      </c>
      <c r="GF41" s="328">
        <v>222915</v>
      </c>
      <c r="GG41" s="334">
        <v>242165</v>
      </c>
      <c r="GH41" s="333">
        <v>0</v>
      </c>
      <c r="GI41" s="327">
        <v>0</v>
      </c>
      <c r="GJ41" s="331">
        <v>0</v>
      </c>
      <c r="GK41" s="332">
        <v>0</v>
      </c>
      <c r="GL41" s="327">
        <v>0</v>
      </c>
      <c r="GM41" s="327">
        <v>0</v>
      </c>
      <c r="GN41" s="327">
        <v>0</v>
      </c>
      <c r="GO41" s="327">
        <v>0</v>
      </c>
      <c r="GP41" s="327">
        <v>0</v>
      </c>
      <c r="GQ41" s="328">
        <v>0</v>
      </c>
      <c r="GR41" s="330">
        <v>0</v>
      </c>
      <c r="GS41" s="326">
        <v>0</v>
      </c>
      <c r="GT41" s="327">
        <v>0</v>
      </c>
      <c r="GU41" s="328">
        <v>0</v>
      </c>
      <c r="GV41" s="326">
        <v>0</v>
      </c>
      <c r="GW41" s="327">
        <v>0</v>
      </c>
      <c r="GX41" s="327">
        <v>0</v>
      </c>
      <c r="GY41" s="327">
        <v>0</v>
      </c>
      <c r="GZ41" s="327">
        <v>0</v>
      </c>
      <c r="HA41" s="327">
        <v>0</v>
      </c>
      <c r="HB41" s="331">
        <v>0</v>
      </c>
      <c r="HC41" s="330">
        <v>0</v>
      </c>
      <c r="HD41" s="326">
        <v>0</v>
      </c>
      <c r="HE41" s="327">
        <v>0</v>
      </c>
      <c r="HF41" s="331">
        <v>0</v>
      </c>
      <c r="HG41" s="332">
        <v>0</v>
      </c>
      <c r="HH41" s="327">
        <v>205051</v>
      </c>
      <c r="HI41" s="327">
        <v>329216</v>
      </c>
      <c r="HJ41" s="327">
        <v>112845</v>
      </c>
      <c r="HK41" s="327">
        <v>380814</v>
      </c>
      <c r="HL41" s="327">
        <v>0</v>
      </c>
      <c r="HM41" s="328">
        <v>1027926</v>
      </c>
      <c r="HN41" s="329">
        <v>1027926</v>
      </c>
      <c r="HO41" s="333">
        <v>0</v>
      </c>
      <c r="HP41" s="327">
        <v>0</v>
      </c>
      <c r="HQ41" s="328">
        <v>0</v>
      </c>
      <c r="HR41" s="326">
        <v>0</v>
      </c>
      <c r="HS41" s="327">
        <v>0</v>
      </c>
      <c r="HT41" s="327">
        <v>0</v>
      </c>
      <c r="HU41" s="327">
        <v>0</v>
      </c>
      <c r="HV41" s="327">
        <v>0</v>
      </c>
      <c r="HW41" s="327">
        <v>0</v>
      </c>
      <c r="HX41" s="331">
        <v>0</v>
      </c>
      <c r="HY41" s="330">
        <v>0</v>
      </c>
      <c r="HZ41" s="335">
        <v>0</v>
      </c>
      <c r="IA41" s="336">
        <v>0</v>
      </c>
      <c r="IB41" s="337">
        <v>0</v>
      </c>
      <c r="IC41" s="338">
        <v>0</v>
      </c>
      <c r="ID41" s="336">
        <v>101227</v>
      </c>
      <c r="IE41" s="339">
        <v>227796</v>
      </c>
      <c r="IF41" s="337">
        <v>234248</v>
      </c>
      <c r="IG41" s="336">
        <v>0</v>
      </c>
      <c r="IH41" s="337">
        <v>0</v>
      </c>
      <c r="II41" s="340">
        <v>563271</v>
      </c>
      <c r="IJ41" s="341">
        <v>563271</v>
      </c>
      <c r="IK41" s="342">
        <v>0</v>
      </c>
      <c r="IL41" s="343">
        <v>0</v>
      </c>
      <c r="IM41" s="344">
        <v>0</v>
      </c>
      <c r="IN41" s="404">
        <v>0</v>
      </c>
      <c r="IO41" s="345">
        <v>0</v>
      </c>
      <c r="IP41" s="345">
        <v>0</v>
      </c>
      <c r="IQ41" s="345">
        <v>0</v>
      </c>
      <c r="IR41" s="345">
        <v>0</v>
      </c>
      <c r="IS41" s="345">
        <v>0</v>
      </c>
      <c r="IT41" s="346">
        <v>0</v>
      </c>
      <c r="IU41" s="347">
        <v>0</v>
      </c>
      <c r="IV41" s="348">
        <v>0</v>
      </c>
      <c r="IW41" s="345">
        <v>0</v>
      </c>
      <c r="IX41" s="349">
        <v>0</v>
      </c>
      <c r="IY41" s="404">
        <v>0</v>
      </c>
      <c r="IZ41" s="345">
        <v>0</v>
      </c>
      <c r="JA41" s="345">
        <v>0</v>
      </c>
      <c r="JB41" s="345">
        <v>0</v>
      </c>
      <c r="JC41" s="345">
        <v>0</v>
      </c>
      <c r="JD41" s="345">
        <v>0</v>
      </c>
      <c r="JE41" s="349">
        <v>0</v>
      </c>
      <c r="JF41" s="350">
        <v>0</v>
      </c>
      <c r="JG41" s="348">
        <v>0</v>
      </c>
      <c r="JH41" s="345">
        <v>0</v>
      </c>
      <c r="JI41" s="346">
        <v>0</v>
      </c>
      <c r="JJ41" s="351">
        <v>0</v>
      </c>
      <c r="JK41" s="345">
        <v>29830</v>
      </c>
      <c r="JL41" s="345">
        <v>0</v>
      </c>
      <c r="JM41" s="345">
        <v>0</v>
      </c>
      <c r="JN41" s="345">
        <v>0</v>
      </c>
      <c r="JO41" s="345">
        <v>0</v>
      </c>
      <c r="JP41" s="349">
        <v>29830</v>
      </c>
      <c r="JQ41" s="347">
        <v>29830</v>
      </c>
      <c r="JR41" s="348">
        <v>0</v>
      </c>
      <c r="JS41" s="345">
        <v>0</v>
      </c>
      <c r="JT41" s="346">
        <v>0</v>
      </c>
      <c r="JU41" s="351">
        <v>0</v>
      </c>
      <c r="JV41" s="345">
        <v>0</v>
      </c>
      <c r="JW41" s="345">
        <v>0</v>
      </c>
      <c r="JX41" s="345">
        <v>0</v>
      </c>
      <c r="JY41" s="345">
        <v>0</v>
      </c>
      <c r="JZ41" s="345">
        <v>0</v>
      </c>
      <c r="KA41" s="349">
        <v>0</v>
      </c>
      <c r="KB41" s="347">
        <v>0</v>
      </c>
      <c r="KC41" s="352">
        <v>0</v>
      </c>
      <c r="KD41" s="353">
        <v>0</v>
      </c>
      <c r="KE41" s="349">
        <v>0</v>
      </c>
      <c r="KF41" s="351">
        <v>0</v>
      </c>
      <c r="KG41" s="345">
        <v>71397</v>
      </c>
      <c r="KH41" s="345">
        <v>0</v>
      </c>
      <c r="KI41" s="345">
        <v>0</v>
      </c>
      <c r="KJ41" s="345">
        <v>0</v>
      </c>
      <c r="KK41" s="345">
        <v>0</v>
      </c>
      <c r="KL41" s="349">
        <v>71397</v>
      </c>
      <c r="KM41" s="354">
        <v>71397</v>
      </c>
      <c r="KN41" s="342">
        <v>0</v>
      </c>
      <c r="KO41" s="343">
        <v>0</v>
      </c>
      <c r="KP41" s="344">
        <v>0</v>
      </c>
      <c r="KQ41" s="404">
        <v>0</v>
      </c>
      <c r="KR41" s="345">
        <v>0</v>
      </c>
      <c r="KS41" s="345">
        <v>227796</v>
      </c>
      <c r="KT41" s="345">
        <v>234248</v>
      </c>
      <c r="KU41" s="345">
        <v>0</v>
      </c>
      <c r="KV41" s="345">
        <v>0</v>
      </c>
      <c r="KW41" s="349">
        <v>462044</v>
      </c>
      <c r="KX41" s="347">
        <v>462044</v>
      </c>
      <c r="KY41" s="348">
        <v>0</v>
      </c>
      <c r="KZ41" s="345">
        <v>0</v>
      </c>
      <c r="LA41" s="349">
        <v>0</v>
      </c>
      <c r="LB41" s="404">
        <v>0</v>
      </c>
      <c r="LC41" s="345">
        <v>0</v>
      </c>
      <c r="LD41" s="345">
        <v>0</v>
      </c>
      <c r="LE41" s="345">
        <v>0</v>
      </c>
      <c r="LF41" s="345">
        <v>0</v>
      </c>
      <c r="LG41" s="345">
        <v>0</v>
      </c>
      <c r="LH41" s="349">
        <v>0</v>
      </c>
      <c r="LI41" s="350">
        <v>0</v>
      </c>
      <c r="LJ41" s="348">
        <v>0</v>
      </c>
      <c r="LK41" s="345">
        <v>0</v>
      </c>
      <c r="LL41" s="349">
        <v>0</v>
      </c>
      <c r="LM41" s="404">
        <v>0</v>
      </c>
      <c r="LN41" s="345">
        <v>0</v>
      </c>
      <c r="LO41" s="345">
        <v>0</v>
      </c>
      <c r="LP41" s="345">
        <v>0</v>
      </c>
      <c r="LQ41" s="345">
        <v>0</v>
      </c>
      <c r="LR41" s="345">
        <v>0</v>
      </c>
      <c r="LS41" s="349">
        <v>0</v>
      </c>
      <c r="LT41" s="347">
        <v>0</v>
      </c>
      <c r="LU41" s="348">
        <v>0</v>
      </c>
      <c r="LV41" s="345">
        <v>0</v>
      </c>
      <c r="LW41" s="349">
        <v>0</v>
      </c>
      <c r="LX41" s="404">
        <v>0</v>
      </c>
      <c r="LY41" s="345">
        <v>0</v>
      </c>
      <c r="LZ41" s="345">
        <v>0</v>
      </c>
      <c r="MA41" s="345">
        <v>0</v>
      </c>
      <c r="MB41" s="345">
        <v>0</v>
      </c>
      <c r="MC41" s="345">
        <v>0</v>
      </c>
      <c r="MD41" s="349">
        <v>0</v>
      </c>
      <c r="ME41" s="350">
        <v>0</v>
      </c>
      <c r="MF41" s="348">
        <v>0</v>
      </c>
      <c r="MG41" s="345">
        <v>0</v>
      </c>
      <c r="MH41" s="349">
        <v>0</v>
      </c>
      <c r="MI41" s="404">
        <v>0</v>
      </c>
      <c r="MJ41" s="345">
        <v>0</v>
      </c>
      <c r="MK41" s="345">
        <v>0</v>
      </c>
      <c r="ML41" s="345">
        <v>294931</v>
      </c>
      <c r="MM41" s="345">
        <v>0</v>
      </c>
      <c r="MN41" s="345">
        <v>248504</v>
      </c>
      <c r="MO41" s="349">
        <v>543435</v>
      </c>
      <c r="MP41" s="354">
        <v>543435</v>
      </c>
      <c r="MQ41" s="348">
        <v>0</v>
      </c>
      <c r="MR41" s="345">
        <v>0</v>
      </c>
      <c r="MS41" s="349">
        <v>0</v>
      </c>
      <c r="MT41" s="404">
        <v>0</v>
      </c>
      <c r="MU41" s="345">
        <v>0</v>
      </c>
      <c r="MV41" s="345">
        <v>0</v>
      </c>
      <c r="MW41" s="345">
        <v>157082</v>
      </c>
      <c r="MX41" s="345">
        <v>0</v>
      </c>
      <c r="MY41" s="345">
        <v>248504</v>
      </c>
      <c r="MZ41" s="349">
        <v>405586</v>
      </c>
      <c r="NA41" s="354">
        <v>405586</v>
      </c>
      <c r="NB41" s="348">
        <v>0</v>
      </c>
      <c r="NC41" s="345">
        <v>0</v>
      </c>
      <c r="ND41" s="349">
        <v>0</v>
      </c>
      <c r="NE41" s="404">
        <v>0</v>
      </c>
      <c r="NF41" s="345">
        <v>0</v>
      </c>
      <c r="NG41" s="345">
        <v>0</v>
      </c>
      <c r="NH41" s="345">
        <v>137849</v>
      </c>
      <c r="NI41" s="345">
        <v>0</v>
      </c>
      <c r="NJ41" s="345">
        <v>0</v>
      </c>
      <c r="NK41" s="349">
        <v>137849</v>
      </c>
      <c r="NL41" s="347">
        <v>137849</v>
      </c>
      <c r="NM41" s="348">
        <v>0</v>
      </c>
      <c r="NN41" s="345">
        <v>0</v>
      </c>
      <c r="NO41" s="349">
        <v>0</v>
      </c>
      <c r="NP41" s="404">
        <v>0</v>
      </c>
      <c r="NQ41" s="345">
        <v>0</v>
      </c>
      <c r="NR41" s="345">
        <v>0</v>
      </c>
      <c r="NS41" s="345">
        <v>0</v>
      </c>
      <c r="NT41" s="345">
        <v>0</v>
      </c>
      <c r="NU41" s="345">
        <v>0</v>
      </c>
      <c r="NV41" s="349">
        <v>0</v>
      </c>
      <c r="NW41" s="350">
        <v>0</v>
      </c>
      <c r="NX41" s="348">
        <v>0</v>
      </c>
      <c r="NY41" s="345">
        <v>0</v>
      </c>
      <c r="NZ41" s="349">
        <v>0</v>
      </c>
      <c r="OA41" s="404">
        <v>0</v>
      </c>
      <c r="OB41" s="345">
        <v>0</v>
      </c>
      <c r="OC41" s="345">
        <v>0</v>
      </c>
      <c r="OD41" s="345">
        <v>0</v>
      </c>
      <c r="OE41" s="345">
        <v>0</v>
      </c>
      <c r="OF41" s="345">
        <v>0</v>
      </c>
      <c r="OG41" s="349">
        <v>0</v>
      </c>
      <c r="OH41" s="350">
        <v>0</v>
      </c>
      <c r="OI41" s="348">
        <v>0</v>
      </c>
      <c r="OJ41" s="345">
        <v>30867</v>
      </c>
      <c r="OK41" s="346">
        <v>30867</v>
      </c>
      <c r="OL41" s="351">
        <v>0</v>
      </c>
      <c r="OM41" s="345">
        <v>721604</v>
      </c>
      <c r="ON41" s="345">
        <v>1550071</v>
      </c>
      <c r="OO41" s="345">
        <v>738992</v>
      </c>
      <c r="OP41" s="345">
        <v>861037</v>
      </c>
      <c r="OQ41" s="345">
        <v>248504</v>
      </c>
      <c r="OR41" s="349">
        <v>4120208</v>
      </c>
      <c r="OS41" s="354">
        <v>4151075</v>
      </c>
    </row>
    <row r="42" spans="2:409" s="70" customFormat="1" ht="21" customHeight="1" thickBot="1" x14ac:dyDescent="0.25">
      <c r="B42" s="108" t="s">
        <v>37</v>
      </c>
      <c r="C42" s="371">
        <v>0</v>
      </c>
      <c r="D42" s="372">
        <v>0</v>
      </c>
      <c r="E42" s="373">
        <v>0</v>
      </c>
      <c r="F42" s="374">
        <v>0</v>
      </c>
      <c r="G42" s="372">
        <v>0</v>
      </c>
      <c r="H42" s="372">
        <v>69413</v>
      </c>
      <c r="I42" s="372">
        <v>0</v>
      </c>
      <c r="J42" s="372">
        <v>0</v>
      </c>
      <c r="K42" s="372">
        <v>0</v>
      </c>
      <c r="L42" s="374">
        <v>69413</v>
      </c>
      <c r="M42" s="375">
        <v>69413</v>
      </c>
      <c r="N42" s="371">
        <v>0</v>
      </c>
      <c r="O42" s="372">
        <v>0</v>
      </c>
      <c r="P42" s="373">
        <v>0</v>
      </c>
      <c r="Q42" s="371">
        <v>0</v>
      </c>
      <c r="R42" s="372">
        <v>0</v>
      </c>
      <c r="S42" s="372">
        <v>43317</v>
      </c>
      <c r="T42" s="372">
        <v>0</v>
      </c>
      <c r="U42" s="372">
        <v>0</v>
      </c>
      <c r="V42" s="372">
        <v>0</v>
      </c>
      <c r="W42" s="373">
        <v>43317</v>
      </c>
      <c r="X42" s="375">
        <v>43317</v>
      </c>
      <c r="Y42" s="371">
        <v>0</v>
      </c>
      <c r="Z42" s="372">
        <v>0</v>
      </c>
      <c r="AA42" s="373">
        <v>0</v>
      </c>
      <c r="AB42" s="371">
        <v>0</v>
      </c>
      <c r="AC42" s="372">
        <v>0</v>
      </c>
      <c r="AD42" s="372">
        <v>0</v>
      </c>
      <c r="AE42" s="372">
        <v>0</v>
      </c>
      <c r="AF42" s="372">
        <v>0</v>
      </c>
      <c r="AG42" s="372">
        <v>0</v>
      </c>
      <c r="AH42" s="373">
        <v>0</v>
      </c>
      <c r="AI42" s="375">
        <v>0</v>
      </c>
      <c r="AJ42" s="371">
        <v>0</v>
      </c>
      <c r="AK42" s="372">
        <v>0</v>
      </c>
      <c r="AL42" s="373">
        <v>0</v>
      </c>
      <c r="AM42" s="371">
        <v>0</v>
      </c>
      <c r="AN42" s="372">
        <v>0</v>
      </c>
      <c r="AO42" s="372">
        <v>0</v>
      </c>
      <c r="AP42" s="372">
        <v>0</v>
      </c>
      <c r="AQ42" s="372">
        <v>0</v>
      </c>
      <c r="AR42" s="372">
        <v>0</v>
      </c>
      <c r="AS42" s="373">
        <v>0</v>
      </c>
      <c r="AT42" s="375">
        <v>0</v>
      </c>
      <c r="AU42" s="371">
        <v>0</v>
      </c>
      <c r="AV42" s="372">
        <v>0</v>
      </c>
      <c r="AW42" s="373">
        <v>0</v>
      </c>
      <c r="AX42" s="371">
        <v>0</v>
      </c>
      <c r="AY42" s="372">
        <v>0</v>
      </c>
      <c r="AZ42" s="372">
        <v>43317</v>
      </c>
      <c r="BA42" s="372">
        <v>0</v>
      </c>
      <c r="BB42" s="372">
        <v>0</v>
      </c>
      <c r="BC42" s="372">
        <v>0</v>
      </c>
      <c r="BD42" s="373">
        <v>43317</v>
      </c>
      <c r="BE42" s="375">
        <v>43317</v>
      </c>
      <c r="BF42" s="371">
        <v>0</v>
      </c>
      <c r="BG42" s="372">
        <v>0</v>
      </c>
      <c r="BH42" s="376">
        <v>0</v>
      </c>
      <c r="BI42" s="377">
        <v>0</v>
      </c>
      <c r="BJ42" s="372">
        <v>0</v>
      </c>
      <c r="BK42" s="372">
        <v>0</v>
      </c>
      <c r="BL42" s="372">
        <v>0</v>
      </c>
      <c r="BM42" s="372">
        <v>0</v>
      </c>
      <c r="BN42" s="372">
        <v>0</v>
      </c>
      <c r="BO42" s="373">
        <v>0</v>
      </c>
      <c r="BP42" s="375">
        <v>0</v>
      </c>
      <c r="BQ42" s="371">
        <v>0</v>
      </c>
      <c r="BR42" s="372">
        <v>0</v>
      </c>
      <c r="BS42" s="373">
        <v>0</v>
      </c>
      <c r="BT42" s="371">
        <v>0</v>
      </c>
      <c r="BU42" s="372">
        <v>0</v>
      </c>
      <c r="BV42" s="372">
        <v>0</v>
      </c>
      <c r="BW42" s="372">
        <v>0</v>
      </c>
      <c r="BX42" s="372">
        <v>0</v>
      </c>
      <c r="BY42" s="372">
        <v>0</v>
      </c>
      <c r="BZ42" s="373">
        <v>0</v>
      </c>
      <c r="CA42" s="375">
        <v>0</v>
      </c>
      <c r="CB42" s="371">
        <v>0</v>
      </c>
      <c r="CC42" s="372">
        <v>0</v>
      </c>
      <c r="CD42" s="373">
        <v>0</v>
      </c>
      <c r="CE42" s="371">
        <v>0</v>
      </c>
      <c r="CF42" s="372">
        <v>0</v>
      </c>
      <c r="CG42" s="372">
        <v>14504</v>
      </c>
      <c r="CH42" s="372">
        <v>0</v>
      </c>
      <c r="CI42" s="372">
        <v>0</v>
      </c>
      <c r="CJ42" s="372">
        <v>0</v>
      </c>
      <c r="CK42" s="373">
        <v>14504</v>
      </c>
      <c r="CL42" s="375">
        <v>14504</v>
      </c>
      <c r="CM42" s="371">
        <v>0</v>
      </c>
      <c r="CN42" s="372">
        <v>0</v>
      </c>
      <c r="CO42" s="373">
        <v>0</v>
      </c>
      <c r="CP42" s="377">
        <v>0</v>
      </c>
      <c r="CQ42" s="372">
        <v>0</v>
      </c>
      <c r="CR42" s="372">
        <v>14504</v>
      </c>
      <c r="CS42" s="372">
        <v>0</v>
      </c>
      <c r="CT42" s="372">
        <v>0</v>
      </c>
      <c r="CU42" s="372">
        <v>0</v>
      </c>
      <c r="CV42" s="373">
        <v>14504</v>
      </c>
      <c r="CW42" s="375">
        <v>14504</v>
      </c>
      <c r="CX42" s="371">
        <v>0</v>
      </c>
      <c r="CY42" s="372">
        <v>0</v>
      </c>
      <c r="CZ42" s="373">
        <v>0</v>
      </c>
      <c r="DA42" s="371">
        <v>0</v>
      </c>
      <c r="DB42" s="372">
        <v>0</v>
      </c>
      <c r="DC42" s="372">
        <v>0</v>
      </c>
      <c r="DD42" s="372">
        <v>0</v>
      </c>
      <c r="DE42" s="372">
        <v>0</v>
      </c>
      <c r="DF42" s="372">
        <v>0</v>
      </c>
      <c r="DG42" s="373">
        <v>0</v>
      </c>
      <c r="DH42" s="375">
        <v>0</v>
      </c>
      <c r="DI42" s="371">
        <v>0</v>
      </c>
      <c r="DJ42" s="372">
        <v>0</v>
      </c>
      <c r="DK42" s="376">
        <v>0</v>
      </c>
      <c r="DL42" s="377">
        <v>0</v>
      </c>
      <c r="DM42" s="372">
        <v>0</v>
      </c>
      <c r="DN42" s="372">
        <v>0</v>
      </c>
      <c r="DO42" s="372">
        <v>0</v>
      </c>
      <c r="DP42" s="372">
        <v>0</v>
      </c>
      <c r="DQ42" s="372">
        <v>0</v>
      </c>
      <c r="DR42" s="373">
        <v>0</v>
      </c>
      <c r="DS42" s="375">
        <v>0</v>
      </c>
      <c r="DT42" s="371">
        <v>0</v>
      </c>
      <c r="DU42" s="372">
        <v>0</v>
      </c>
      <c r="DV42" s="373">
        <v>0</v>
      </c>
      <c r="DW42" s="371">
        <v>0</v>
      </c>
      <c r="DX42" s="372">
        <v>0</v>
      </c>
      <c r="DY42" s="372">
        <v>0</v>
      </c>
      <c r="DZ42" s="372">
        <v>0</v>
      </c>
      <c r="EA42" s="372">
        <v>0</v>
      </c>
      <c r="EB42" s="372">
        <v>0</v>
      </c>
      <c r="EC42" s="373">
        <v>0</v>
      </c>
      <c r="ED42" s="375">
        <v>0</v>
      </c>
      <c r="EE42" s="371">
        <v>0</v>
      </c>
      <c r="EF42" s="376">
        <v>0</v>
      </c>
      <c r="EG42" s="373">
        <v>0</v>
      </c>
      <c r="EH42" s="371">
        <v>0</v>
      </c>
      <c r="EI42" s="372">
        <v>0</v>
      </c>
      <c r="EJ42" s="372">
        <v>0</v>
      </c>
      <c r="EK42" s="372">
        <v>0</v>
      </c>
      <c r="EL42" s="372">
        <v>0</v>
      </c>
      <c r="EM42" s="372">
        <v>0</v>
      </c>
      <c r="EN42" s="376">
        <v>0</v>
      </c>
      <c r="EO42" s="375">
        <v>0</v>
      </c>
      <c r="EP42" s="371">
        <v>0</v>
      </c>
      <c r="EQ42" s="372">
        <v>0</v>
      </c>
      <c r="ER42" s="376">
        <v>0</v>
      </c>
      <c r="ES42" s="377">
        <v>0</v>
      </c>
      <c r="ET42" s="372">
        <v>0</v>
      </c>
      <c r="EU42" s="372">
        <v>0</v>
      </c>
      <c r="EV42" s="372">
        <v>0</v>
      </c>
      <c r="EW42" s="372">
        <v>0</v>
      </c>
      <c r="EX42" s="372">
        <v>0</v>
      </c>
      <c r="EY42" s="373">
        <v>0</v>
      </c>
      <c r="EZ42" s="375">
        <v>0</v>
      </c>
      <c r="FA42" s="371">
        <v>0</v>
      </c>
      <c r="FB42" s="372">
        <v>0</v>
      </c>
      <c r="FC42" s="376">
        <v>0</v>
      </c>
      <c r="FD42" s="405">
        <v>0</v>
      </c>
      <c r="FE42" s="372">
        <v>0</v>
      </c>
      <c r="FF42" s="372">
        <v>0</v>
      </c>
      <c r="FG42" s="372">
        <v>0</v>
      </c>
      <c r="FH42" s="372">
        <v>0</v>
      </c>
      <c r="FI42" s="372">
        <v>0</v>
      </c>
      <c r="FJ42" s="373">
        <v>0</v>
      </c>
      <c r="FK42" s="375">
        <v>0</v>
      </c>
      <c r="FL42" s="371">
        <v>0</v>
      </c>
      <c r="FM42" s="372">
        <v>0</v>
      </c>
      <c r="FN42" s="373">
        <v>0</v>
      </c>
      <c r="FO42" s="371">
        <v>0</v>
      </c>
      <c r="FP42" s="372">
        <v>0</v>
      </c>
      <c r="FQ42" s="372">
        <v>11592</v>
      </c>
      <c r="FR42" s="372">
        <v>0</v>
      </c>
      <c r="FS42" s="372">
        <v>0</v>
      </c>
      <c r="FT42" s="372">
        <v>0</v>
      </c>
      <c r="FU42" s="373">
        <v>11592</v>
      </c>
      <c r="FV42" s="375">
        <v>11592</v>
      </c>
      <c r="FW42" s="378">
        <v>0</v>
      </c>
      <c r="FX42" s="372">
        <v>0</v>
      </c>
      <c r="FY42" s="376">
        <v>0</v>
      </c>
      <c r="FZ42" s="377">
        <v>0</v>
      </c>
      <c r="GA42" s="372">
        <v>0</v>
      </c>
      <c r="GB42" s="372">
        <v>11592</v>
      </c>
      <c r="GC42" s="372">
        <v>0</v>
      </c>
      <c r="GD42" s="372">
        <v>0</v>
      </c>
      <c r="GE42" s="372">
        <v>0</v>
      </c>
      <c r="GF42" s="373">
        <v>11592</v>
      </c>
      <c r="GG42" s="379">
        <v>11592</v>
      </c>
      <c r="GH42" s="378">
        <v>0</v>
      </c>
      <c r="GI42" s="372">
        <v>0</v>
      </c>
      <c r="GJ42" s="376">
        <v>0</v>
      </c>
      <c r="GK42" s="377">
        <v>0</v>
      </c>
      <c r="GL42" s="372">
        <v>0</v>
      </c>
      <c r="GM42" s="372">
        <v>0</v>
      </c>
      <c r="GN42" s="372">
        <v>0</v>
      </c>
      <c r="GO42" s="372">
        <v>0</v>
      </c>
      <c r="GP42" s="372">
        <v>0</v>
      </c>
      <c r="GQ42" s="373">
        <v>0</v>
      </c>
      <c r="GR42" s="375">
        <v>0</v>
      </c>
      <c r="GS42" s="371">
        <v>0</v>
      </c>
      <c r="GT42" s="372">
        <v>0</v>
      </c>
      <c r="GU42" s="373">
        <v>0</v>
      </c>
      <c r="GV42" s="371">
        <v>0</v>
      </c>
      <c r="GW42" s="372">
        <v>0</v>
      </c>
      <c r="GX42" s="372">
        <v>0</v>
      </c>
      <c r="GY42" s="372">
        <v>0</v>
      </c>
      <c r="GZ42" s="372">
        <v>0</v>
      </c>
      <c r="HA42" s="372">
        <v>0</v>
      </c>
      <c r="HB42" s="376">
        <v>0</v>
      </c>
      <c r="HC42" s="375">
        <v>0</v>
      </c>
      <c r="HD42" s="371">
        <v>0</v>
      </c>
      <c r="HE42" s="372">
        <v>0</v>
      </c>
      <c r="HF42" s="376">
        <v>0</v>
      </c>
      <c r="HG42" s="377">
        <v>0</v>
      </c>
      <c r="HH42" s="372">
        <v>0</v>
      </c>
      <c r="HI42" s="372">
        <v>0</v>
      </c>
      <c r="HJ42" s="372">
        <v>0</v>
      </c>
      <c r="HK42" s="372">
        <v>0</v>
      </c>
      <c r="HL42" s="372">
        <v>0</v>
      </c>
      <c r="HM42" s="373">
        <v>0</v>
      </c>
      <c r="HN42" s="374">
        <v>0</v>
      </c>
      <c r="HO42" s="378">
        <v>0</v>
      </c>
      <c r="HP42" s="372">
        <v>0</v>
      </c>
      <c r="HQ42" s="373">
        <v>0</v>
      </c>
      <c r="HR42" s="371">
        <v>0</v>
      </c>
      <c r="HS42" s="372">
        <v>0</v>
      </c>
      <c r="HT42" s="372">
        <v>0</v>
      </c>
      <c r="HU42" s="372">
        <v>0</v>
      </c>
      <c r="HV42" s="372">
        <v>0</v>
      </c>
      <c r="HW42" s="372">
        <v>0</v>
      </c>
      <c r="HX42" s="376">
        <v>0</v>
      </c>
      <c r="HY42" s="375">
        <v>0</v>
      </c>
      <c r="HZ42" s="380">
        <v>0</v>
      </c>
      <c r="IA42" s="381">
        <v>0</v>
      </c>
      <c r="IB42" s="382">
        <v>0</v>
      </c>
      <c r="IC42" s="383">
        <v>0</v>
      </c>
      <c r="ID42" s="384">
        <v>0</v>
      </c>
      <c r="IE42" s="385">
        <v>28396</v>
      </c>
      <c r="IF42" s="386">
        <v>0</v>
      </c>
      <c r="IG42" s="384">
        <v>0</v>
      </c>
      <c r="IH42" s="386">
        <v>0</v>
      </c>
      <c r="II42" s="387">
        <v>28396</v>
      </c>
      <c r="IJ42" s="388">
        <v>28396</v>
      </c>
      <c r="IK42" s="389">
        <v>0</v>
      </c>
      <c r="IL42" s="390">
        <v>0</v>
      </c>
      <c r="IM42" s="391">
        <v>0</v>
      </c>
      <c r="IN42" s="405">
        <v>0</v>
      </c>
      <c r="IO42" s="392">
        <v>0</v>
      </c>
      <c r="IP42" s="392">
        <v>0</v>
      </c>
      <c r="IQ42" s="392">
        <v>0</v>
      </c>
      <c r="IR42" s="392">
        <v>0</v>
      </c>
      <c r="IS42" s="392">
        <v>0</v>
      </c>
      <c r="IT42" s="393">
        <v>0</v>
      </c>
      <c r="IU42" s="394">
        <v>0</v>
      </c>
      <c r="IV42" s="395">
        <v>0</v>
      </c>
      <c r="IW42" s="392">
        <v>0</v>
      </c>
      <c r="IX42" s="396">
        <v>0</v>
      </c>
      <c r="IY42" s="405">
        <v>0</v>
      </c>
      <c r="IZ42" s="392">
        <v>0</v>
      </c>
      <c r="JA42" s="392">
        <v>0</v>
      </c>
      <c r="JB42" s="392">
        <v>0</v>
      </c>
      <c r="JC42" s="392">
        <v>0</v>
      </c>
      <c r="JD42" s="392">
        <v>0</v>
      </c>
      <c r="JE42" s="396">
        <v>0</v>
      </c>
      <c r="JF42" s="397">
        <v>0</v>
      </c>
      <c r="JG42" s="395">
        <v>0</v>
      </c>
      <c r="JH42" s="392">
        <v>0</v>
      </c>
      <c r="JI42" s="393">
        <v>0</v>
      </c>
      <c r="JJ42" s="398">
        <v>0</v>
      </c>
      <c r="JK42" s="392">
        <v>0</v>
      </c>
      <c r="JL42" s="392">
        <v>28396</v>
      </c>
      <c r="JM42" s="392">
        <v>0</v>
      </c>
      <c r="JN42" s="392">
        <v>0</v>
      </c>
      <c r="JO42" s="392">
        <v>0</v>
      </c>
      <c r="JP42" s="396">
        <v>28396</v>
      </c>
      <c r="JQ42" s="394">
        <v>28396</v>
      </c>
      <c r="JR42" s="395">
        <v>0</v>
      </c>
      <c r="JS42" s="392">
        <v>0</v>
      </c>
      <c r="JT42" s="393">
        <v>0</v>
      </c>
      <c r="JU42" s="398">
        <v>0</v>
      </c>
      <c r="JV42" s="392">
        <v>0</v>
      </c>
      <c r="JW42" s="392">
        <v>0</v>
      </c>
      <c r="JX42" s="392">
        <v>0</v>
      </c>
      <c r="JY42" s="392">
        <v>0</v>
      </c>
      <c r="JZ42" s="392">
        <v>0</v>
      </c>
      <c r="KA42" s="396">
        <v>0</v>
      </c>
      <c r="KB42" s="394">
        <v>0</v>
      </c>
      <c r="KC42" s="399">
        <v>0</v>
      </c>
      <c r="KD42" s="400">
        <v>0</v>
      </c>
      <c r="KE42" s="396">
        <v>0</v>
      </c>
      <c r="KF42" s="398">
        <v>0</v>
      </c>
      <c r="KG42" s="392">
        <v>0</v>
      </c>
      <c r="KH42" s="392">
        <v>0</v>
      </c>
      <c r="KI42" s="392">
        <v>0</v>
      </c>
      <c r="KJ42" s="392">
        <v>0</v>
      </c>
      <c r="KK42" s="392">
        <v>0</v>
      </c>
      <c r="KL42" s="396">
        <v>0</v>
      </c>
      <c r="KM42" s="401">
        <v>0</v>
      </c>
      <c r="KN42" s="389">
        <v>0</v>
      </c>
      <c r="KO42" s="390">
        <v>0</v>
      </c>
      <c r="KP42" s="391">
        <v>0</v>
      </c>
      <c r="KQ42" s="405">
        <v>0</v>
      </c>
      <c r="KR42" s="392">
        <v>0</v>
      </c>
      <c r="KS42" s="392">
        <v>0</v>
      </c>
      <c r="KT42" s="392">
        <v>0</v>
      </c>
      <c r="KU42" s="392">
        <v>0</v>
      </c>
      <c r="KV42" s="392">
        <v>0</v>
      </c>
      <c r="KW42" s="396">
        <v>0</v>
      </c>
      <c r="KX42" s="394">
        <v>0</v>
      </c>
      <c r="KY42" s="395">
        <v>0</v>
      </c>
      <c r="KZ42" s="392">
        <v>0</v>
      </c>
      <c r="LA42" s="396">
        <v>0</v>
      </c>
      <c r="LB42" s="405">
        <v>0</v>
      </c>
      <c r="LC42" s="392">
        <v>0</v>
      </c>
      <c r="LD42" s="392">
        <v>0</v>
      </c>
      <c r="LE42" s="392">
        <v>0</v>
      </c>
      <c r="LF42" s="392">
        <v>0</v>
      </c>
      <c r="LG42" s="392">
        <v>0</v>
      </c>
      <c r="LH42" s="396">
        <v>0</v>
      </c>
      <c r="LI42" s="397">
        <v>0</v>
      </c>
      <c r="LJ42" s="395">
        <v>0</v>
      </c>
      <c r="LK42" s="392">
        <v>0</v>
      </c>
      <c r="LL42" s="396">
        <v>0</v>
      </c>
      <c r="LM42" s="405">
        <v>0</v>
      </c>
      <c r="LN42" s="392">
        <v>0</v>
      </c>
      <c r="LO42" s="392">
        <v>0</v>
      </c>
      <c r="LP42" s="392">
        <v>0</v>
      </c>
      <c r="LQ42" s="392">
        <v>0</v>
      </c>
      <c r="LR42" s="392">
        <v>0</v>
      </c>
      <c r="LS42" s="396">
        <v>0</v>
      </c>
      <c r="LT42" s="394">
        <v>0</v>
      </c>
      <c r="LU42" s="395">
        <v>0</v>
      </c>
      <c r="LV42" s="392">
        <v>0</v>
      </c>
      <c r="LW42" s="396">
        <v>0</v>
      </c>
      <c r="LX42" s="405">
        <v>0</v>
      </c>
      <c r="LY42" s="392">
        <v>0</v>
      </c>
      <c r="LZ42" s="392">
        <v>0</v>
      </c>
      <c r="MA42" s="392">
        <v>0</v>
      </c>
      <c r="MB42" s="392">
        <v>0</v>
      </c>
      <c r="MC42" s="392">
        <v>0</v>
      </c>
      <c r="MD42" s="396">
        <v>0</v>
      </c>
      <c r="ME42" s="397">
        <v>0</v>
      </c>
      <c r="MF42" s="395">
        <v>0</v>
      </c>
      <c r="MG42" s="392">
        <v>0</v>
      </c>
      <c r="MH42" s="396">
        <v>0</v>
      </c>
      <c r="MI42" s="405">
        <v>0</v>
      </c>
      <c r="MJ42" s="392">
        <v>0</v>
      </c>
      <c r="MK42" s="392">
        <v>0</v>
      </c>
      <c r="ML42" s="392">
        <v>0</v>
      </c>
      <c r="MM42" s="392">
        <v>0</v>
      </c>
      <c r="MN42" s="392">
        <v>0</v>
      </c>
      <c r="MO42" s="396">
        <v>0</v>
      </c>
      <c r="MP42" s="401">
        <v>0</v>
      </c>
      <c r="MQ42" s="395">
        <v>0</v>
      </c>
      <c r="MR42" s="392">
        <v>0</v>
      </c>
      <c r="MS42" s="396">
        <v>0</v>
      </c>
      <c r="MT42" s="405">
        <v>0</v>
      </c>
      <c r="MU42" s="392">
        <v>0</v>
      </c>
      <c r="MV42" s="392">
        <v>0</v>
      </c>
      <c r="MW42" s="392">
        <v>0</v>
      </c>
      <c r="MX42" s="392">
        <v>0</v>
      </c>
      <c r="MY42" s="392">
        <v>0</v>
      </c>
      <c r="MZ42" s="396">
        <v>0</v>
      </c>
      <c r="NA42" s="401">
        <v>0</v>
      </c>
      <c r="NB42" s="395">
        <v>0</v>
      </c>
      <c r="NC42" s="392">
        <v>0</v>
      </c>
      <c r="ND42" s="396">
        <v>0</v>
      </c>
      <c r="NE42" s="405">
        <v>0</v>
      </c>
      <c r="NF42" s="392">
        <v>0</v>
      </c>
      <c r="NG42" s="392">
        <v>0</v>
      </c>
      <c r="NH42" s="392">
        <v>0</v>
      </c>
      <c r="NI42" s="392">
        <v>0</v>
      </c>
      <c r="NJ42" s="392">
        <v>0</v>
      </c>
      <c r="NK42" s="396">
        <v>0</v>
      </c>
      <c r="NL42" s="394">
        <v>0</v>
      </c>
      <c r="NM42" s="395">
        <v>0</v>
      </c>
      <c r="NN42" s="392">
        <v>0</v>
      </c>
      <c r="NO42" s="396">
        <v>0</v>
      </c>
      <c r="NP42" s="405">
        <v>0</v>
      </c>
      <c r="NQ42" s="392">
        <v>0</v>
      </c>
      <c r="NR42" s="392">
        <v>0</v>
      </c>
      <c r="NS42" s="392">
        <v>0</v>
      </c>
      <c r="NT42" s="392">
        <v>0</v>
      </c>
      <c r="NU42" s="392">
        <v>0</v>
      </c>
      <c r="NV42" s="396">
        <v>0</v>
      </c>
      <c r="NW42" s="397">
        <v>0</v>
      </c>
      <c r="NX42" s="395">
        <v>0</v>
      </c>
      <c r="NY42" s="392">
        <v>0</v>
      </c>
      <c r="NZ42" s="396">
        <v>0</v>
      </c>
      <c r="OA42" s="405">
        <v>0</v>
      </c>
      <c r="OB42" s="392">
        <v>0</v>
      </c>
      <c r="OC42" s="392">
        <v>0</v>
      </c>
      <c r="OD42" s="392">
        <v>0</v>
      </c>
      <c r="OE42" s="392">
        <v>0</v>
      </c>
      <c r="OF42" s="392">
        <v>0</v>
      </c>
      <c r="OG42" s="396">
        <v>0</v>
      </c>
      <c r="OH42" s="397">
        <v>0</v>
      </c>
      <c r="OI42" s="395">
        <v>0</v>
      </c>
      <c r="OJ42" s="392">
        <v>0</v>
      </c>
      <c r="OK42" s="393">
        <v>0</v>
      </c>
      <c r="OL42" s="398">
        <v>0</v>
      </c>
      <c r="OM42" s="392">
        <v>0</v>
      </c>
      <c r="ON42" s="392">
        <v>97809</v>
      </c>
      <c r="OO42" s="392">
        <v>0</v>
      </c>
      <c r="OP42" s="392">
        <v>0</v>
      </c>
      <c r="OQ42" s="392">
        <v>0</v>
      </c>
      <c r="OR42" s="396">
        <v>97809</v>
      </c>
      <c r="OS42" s="401">
        <v>97809</v>
      </c>
    </row>
    <row r="43" spans="2:409" x14ac:dyDescent="0.2">
      <c r="B43" s="71" t="s">
        <v>84</v>
      </c>
    </row>
  </sheetData>
  <mergeCells count="158">
    <mergeCell ref="OH7:OH8"/>
    <mergeCell ref="OI7:OK7"/>
    <mergeCell ref="OL7:OR7"/>
    <mergeCell ref="OS7:OS8"/>
    <mergeCell ref="NL7:NL8"/>
    <mergeCell ref="NM7:NO7"/>
    <mergeCell ref="NP7:NV7"/>
    <mergeCell ref="NW7:NW8"/>
    <mergeCell ref="NX7:NZ7"/>
    <mergeCell ref="NA7:NA8"/>
    <mergeCell ref="NB7:ND7"/>
    <mergeCell ref="NE7:NK7"/>
    <mergeCell ref="LX7:MD7"/>
    <mergeCell ref="ME7:ME8"/>
    <mergeCell ref="MF7:MH7"/>
    <mergeCell ref="MI7:MO7"/>
    <mergeCell ref="MP7:MP8"/>
    <mergeCell ref="OA7:OG7"/>
    <mergeCell ref="LT7:LT8"/>
    <mergeCell ref="LU7:LW7"/>
    <mergeCell ref="KN7:KP7"/>
    <mergeCell ref="KQ7:KW7"/>
    <mergeCell ref="KX7:KX8"/>
    <mergeCell ref="KY7:LA7"/>
    <mergeCell ref="LB7:LH7"/>
    <mergeCell ref="MQ7:MS7"/>
    <mergeCell ref="MT7:MZ7"/>
    <mergeCell ref="JU7:KA7"/>
    <mergeCell ref="KB7:KB8"/>
    <mergeCell ref="KC7:KE7"/>
    <mergeCell ref="KF7:KL7"/>
    <mergeCell ref="KM7:KM8"/>
    <mergeCell ref="NB5:NL6"/>
    <mergeCell ref="NM5:NW6"/>
    <mergeCell ref="NX5:OH6"/>
    <mergeCell ref="HZ7:IB7"/>
    <mergeCell ref="IC7:II7"/>
    <mergeCell ref="IJ7:IJ8"/>
    <mergeCell ref="IK7:IM7"/>
    <mergeCell ref="IN7:IT7"/>
    <mergeCell ref="IU7:IU8"/>
    <mergeCell ref="IV7:IX7"/>
    <mergeCell ref="IY7:JE7"/>
    <mergeCell ref="JF7:JF8"/>
    <mergeCell ref="JG7:JI7"/>
    <mergeCell ref="JJ7:JP7"/>
    <mergeCell ref="JQ7:JQ8"/>
    <mergeCell ref="JR7:JT7"/>
    <mergeCell ref="LI7:LI8"/>
    <mergeCell ref="LJ7:LL7"/>
    <mergeCell ref="LM7:LS7"/>
    <mergeCell ref="ID1:IE1"/>
    <mergeCell ref="HZ4:ME4"/>
    <mergeCell ref="MF4:OH4"/>
    <mergeCell ref="OI4:OS6"/>
    <mergeCell ref="HZ5:IJ6"/>
    <mergeCell ref="IK5:IU6"/>
    <mergeCell ref="IV5:JF6"/>
    <mergeCell ref="JG5:JQ6"/>
    <mergeCell ref="JR5:KB6"/>
    <mergeCell ref="KC5:KM6"/>
    <mergeCell ref="KN5:KX6"/>
    <mergeCell ref="KY5:LI6"/>
    <mergeCell ref="LJ5:LT6"/>
    <mergeCell ref="LU5:ME6"/>
    <mergeCell ref="MF5:MP6"/>
    <mergeCell ref="MQ5:NA6"/>
    <mergeCell ref="HO7:HQ7"/>
    <mergeCell ref="HR7:HX7"/>
    <mergeCell ref="HY7:HY8"/>
    <mergeCell ref="GS7:GU7"/>
    <mergeCell ref="GV7:HB7"/>
    <mergeCell ref="HC7:HC8"/>
    <mergeCell ref="HD7:HF7"/>
    <mergeCell ref="HG7:HM7"/>
    <mergeCell ref="HN7:HN8"/>
    <mergeCell ref="GR7:GR8"/>
    <mergeCell ref="FA7:FC7"/>
    <mergeCell ref="FD7:FJ7"/>
    <mergeCell ref="FK7:FK8"/>
    <mergeCell ref="FL7:FN7"/>
    <mergeCell ref="FO7:FU7"/>
    <mergeCell ref="FV7:FV8"/>
    <mergeCell ref="FW7:FY7"/>
    <mergeCell ref="FZ7:GF7"/>
    <mergeCell ref="GG7:GG8"/>
    <mergeCell ref="GH7:GJ7"/>
    <mergeCell ref="GK7:GQ7"/>
    <mergeCell ref="DA7:DG7"/>
    <mergeCell ref="EZ7:EZ8"/>
    <mergeCell ref="DI7:DK7"/>
    <mergeCell ref="DL7:DR7"/>
    <mergeCell ref="DS7:DS8"/>
    <mergeCell ref="DT7:DV7"/>
    <mergeCell ref="DW7:EC7"/>
    <mergeCell ref="ED7:ED8"/>
    <mergeCell ref="EE7:EG7"/>
    <mergeCell ref="EH7:EN7"/>
    <mergeCell ref="EO7:EO8"/>
    <mergeCell ref="EP7:ER7"/>
    <mergeCell ref="ES7:EY7"/>
    <mergeCell ref="CM7:CO7"/>
    <mergeCell ref="CP7:CV7"/>
    <mergeCell ref="CW7:CW8"/>
    <mergeCell ref="CX7:CZ7"/>
    <mergeCell ref="BQ7:BS7"/>
    <mergeCell ref="BT7:BZ7"/>
    <mergeCell ref="CA7:CA8"/>
    <mergeCell ref="CB7:CD7"/>
    <mergeCell ref="CE7:CK7"/>
    <mergeCell ref="F7:L7"/>
    <mergeCell ref="M7:M8"/>
    <mergeCell ref="N7:P7"/>
    <mergeCell ref="Q7:W7"/>
    <mergeCell ref="FL6:FV6"/>
    <mergeCell ref="FW6:GG6"/>
    <mergeCell ref="N6:X6"/>
    <mergeCell ref="Y6:AI6"/>
    <mergeCell ref="AJ6:AT6"/>
    <mergeCell ref="AU6:BE6"/>
    <mergeCell ref="BF6:BP6"/>
    <mergeCell ref="BQ6:CA6"/>
    <mergeCell ref="DT6:ED6"/>
    <mergeCell ref="EE6:EO6"/>
    <mergeCell ref="X7:X8"/>
    <mergeCell ref="EP6:EZ6"/>
    <mergeCell ref="FA6:FK6"/>
    <mergeCell ref="BP7:BP8"/>
    <mergeCell ref="Y7:AA7"/>
    <mergeCell ref="AB7:AH7"/>
    <mergeCell ref="AI7:AI8"/>
    <mergeCell ref="AJ7:AL7"/>
    <mergeCell ref="AM7:AS7"/>
    <mergeCell ref="CL7:CL8"/>
    <mergeCell ref="G1:H1"/>
    <mergeCell ref="AT7:AT8"/>
    <mergeCell ref="AU7:AW7"/>
    <mergeCell ref="AX7:BD7"/>
    <mergeCell ref="BE7:BE8"/>
    <mergeCell ref="BF7:BH7"/>
    <mergeCell ref="BI7:BO7"/>
    <mergeCell ref="DH7:DH8"/>
    <mergeCell ref="B4:B8"/>
    <mergeCell ref="C4:M6"/>
    <mergeCell ref="N4:HY4"/>
    <mergeCell ref="N5:CA5"/>
    <mergeCell ref="CB5:DH5"/>
    <mergeCell ref="DI5:FK5"/>
    <mergeCell ref="FL5:HC5"/>
    <mergeCell ref="HD5:HN6"/>
    <mergeCell ref="HO5:HY6"/>
    <mergeCell ref="GH6:GR6"/>
    <mergeCell ref="GS6:HC6"/>
    <mergeCell ref="CB6:CL6"/>
    <mergeCell ref="CM6:CW6"/>
    <mergeCell ref="CX6:DH6"/>
    <mergeCell ref="DI6:DS6"/>
    <mergeCell ref="C7:E7"/>
  </mergeCells>
  <phoneticPr fontId="4"/>
  <pageMargins left="0.59055118110236227" right="0.39370078740157483" top="0.39370078740157483" bottom="0.43307086614173229" header="0.19685039370078741" footer="0.19685039370078741"/>
  <pageSetup paperSize="9" scale="40" orientation="landscape" r:id="rId1"/>
  <headerFooter alignWithMargins="0">
    <oddFooter>&amp;L&amp;20&amp;A&amp;C&amp;P/&amp;N</oddFooter>
  </headerFooter>
  <colBreaks count="9" manualBreakCount="9">
    <brk id="35" max="1048575" man="1"/>
    <brk id="68" max="1048575" man="1"/>
    <brk id="101" max="1048575" man="1"/>
    <brk id="134" max="1048575" man="1"/>
    <brk id="167" max="1048575" man="1"/>
    <brk id="200" max="1048575" man="1"/>
    <brk id="233" max="1048575" man="1"/>
    <brk id="266" max="42" man="1"/>
    <brk id="299" max="1048575" man="1"/>
  </col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HY41"/>
  <sheetViews>
    <sheetView zoomScaleNormal="100" workbookViewId="0">
      <pane xSplit="2" ySplit="7" topLeftCell="C8" activePane="bottomRight" state="frozen"/>
      <selection pane="topRight" activeCell="B1" sqref="B1"/>
      <selection pane="bottomLeft" activeCell="A8" sqref="A8"/>
      <selection pane="bottomRight" activeCell="C7" sqref="C7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4" width="9.21875" style="71" bestFit="1" customWidth="1"/>
    <col min="5" max="5" width="10.77734375" style="71" bestFit="1" customWidth="1"/>
    <col min="6" max="6" width="7.88671875" style="71" customWidth="1"/>
    <col min="7" max="11" width="10.44140625" style="71" bestFit="1" customWidth="1"/>
    <col min="12" max="13" width="11.6640625" style="71" bestFit="1" customWidth="1"/>
    <col min="14" max="16" width="9.21875" style="71" bestFit="1" customWidth="1"/>
    <col min="17" max="17" width="7.44140625" style="71" customWidth="1"/>
    <col min="18" max="18" width="9.21875" style="71" bestFit="1" customWidth="1"/>
    <col min="19" max="22" width="10.44140625" style="71" bestFit="1" customWidth="1"/>
    <col min="23" max="24" width="11.6640625" style="71" bestFit="1" customWidth="1"/>
    <col min="25" max="27" width="9.109375" style="71" bestFit="1" customWidth="1"/>
    <col min="28" max="28" width="7" style="71" customWidth="1"/>
    <col min="29" max="30" width="9.109375" style="71" bestFit="1" customWidth="1"/>
    <col min="31" max="32" width="9.6640625" style="71" bestFit="1" customWidth="1"/>
    <col min="33" max="33" width="9.109375" style="71" bestFit="1" customWidth="1"/>
    <col min="34" max="35" width="9.6640625" style="71" bestFit="1" customWidth="1"/>
    <col min="36" max="38" width="9.109375" style="71" bestFit="1" customWidth="1"/>
    <col min="39" max="39" width="7.33203125" style="71" customWidth="1"/>
    <col min="40" max="49" width="9.109375" style="71" bestFit="1" customWidth="1"/>
    <col min="50" max="50" width="7.33203125" style="71" customWidth="1"/>
    <col min="51" max="60" width="9.109375" style="71" bestFit="1" customWidth="1"/>
    <col min="61" max="61" width="7.77734375" style="71" customWidth="1"/>
    <col min="62" max="71" width="9.109375" style="71" bestFit="1" customWidth="1"/>
    <col min="72" max="72" width="7.77734375" style="71" customWidth="1"/>
    <col min="73" max="77" width="9.109375" style="71" bestFit="1" customWidth="1"/>
    <col min="78" max="79" width="9.6640625" style="71" bestFit="1" customWidth="1"/>
    <col min="80" max="82" width="9.109375" style="71" bestFit="1" customWidth="1"/>
    <col min="83" max="83" width="7.88671875" style="71" customWidth="1"/>
    <col min="84" max="93" width="9.109375" style="71" bestFit="1" customWidth="1"/>
    <col min="94" max="94" width="8" style="71" customWidth="1"/>
    <col min="95" max="104" width="9.109375" style="71" bestFit="1" customWidth="1"/>
    <col min="105" max="105" width="8" style="71" customWidth="1"/>
    <col min="106" max="115" width="9.109375" style="71" bestFit="1" customWidth="1"/>
    <col min="116" max="116" width="7.6640625" style="71" customWidth="1"/>
    <col min="117" max="117" width="9.109375" style="71" bestFit="1" customWidth="1"/>
    <col min="118" max="121" width="9.6640625" style="71" bestFit="1" customWidth="1"/>
    <col min="122" max="123" width="10.6640625" style="71" bestFit="1" customWidth="1"/>
    <col min="124" max="126" width="9.109375" style="71" bestFit="1" customWidth="1"/>
    <col min="127" max="127" width="7.44140625" style="71" customWidth="1"/>
    <col min="128" max="129" width="9.109375" style="71" bestFit="1" customWidth="1"/>
    <col min="130" max="134" width="9.6640625" style="71" bestFit="1" customWidth="1"/>
    <col min="135" max="137" width="9.109375" style="71" bestFit="1" customWidth="1"/>
    <col min="138" max="138" width="7.6640625" style="71" customWidth="1"/>
    <col min="139" max="148" width="9.109375" style="71" bestFit="1" customWidth="1"/>
    <col min="149" max="149" width="7.77734375" style="71" customWidth="1"/>
    <col min="150" max="159" width="9.109375" style="71" bestFit="1" customWidth="1"/>
    <col min="160" max="160" width="7.77734375" style="71" customWidth="1"/>
    <col min="161" max="170" width="9.109375" style="71" bestFit="1" customWidth="1"/>
    <col min="171" max="171" width="7.33203125" style="71" customWidth="1"/>
    <col min="172" max="181" width="9.109375" style="71" bestFit="1" customWidth="1"/>
    <col min="182" max="182" width="8" style="71" customWidth="1"/>
    <col min="183" max="188" width="9.109375" style="71" bestFit="1" customWidth="1"/>
    <col min="189" max="189" width="9.6640625" style="71" bestFit="1" customWidth="1"/>
    <col min="190" max="192" width="9.109375" style="71" bestFit="1" customWidth="1"/>
    <col min="193" max="193" width="7.44140625" style="71" customWidth="1"/>
    <col min="194" max="203" width="9.109375" style="71" bestFit="1" customWidth="1"/>
    <col min="204" max="204" width="7.88671875" style="71" customWidth="1"/>
    <col min="205" max="214" width="9.109375" style="71" bestFit="1" customWidth="1"/>
    <col min="215" max="215" width="7.88671875" style="71" customWidth="1"/>
    <col min="216" max="225" width="9.109375" style="71" bestFit="1" customWidth="1"/>
    <col min="226" max="226" width="7.6640625" style="71" customWidth="1"/>
    <col min="227" max="229" width="9.6640625" style="71" bestFit="1" customWidth="1"/>
    <col min="230" max="230" width="10.6640625" style="71" bestFit="1" customWidth="1"/>
    <col min="231" max="231" width="9.6640625" style="71" bestFit="1" customWidth="1"/>
    <col min="232" max="233" width="10.6640625" style="71" bestFit="1" customWidth="1"/>
    <col min="234" max="16384" width="9" style="71"/>
  </cols>
  <sheetData>
    <row r="1" spans="2:233" ht="24" customHeight="1" x14ac:dyDescent="0.2">
      <c r="B1" s="10" t="s">
        <v>159</v>
      </c>
      <c r="C1" s="247"/>
      <c r="D1" s="247"/>
      <c r="E1" s="63">
        <f>第１表!F2</f>
        <v>7</v>
      </c>
      <c r="F1" s="64">
        <f>第１表!G2</f>
        <v>2</v>
      </c>
      <c r="G1" s="531">
        <f>IF(F1&lt;3,F1-2+12,F1-2)</f>
        <v>12</v>
      </c>
      <c r="H1" s="531"/>
      <c r="L1" s="247"/>
      <c r="CL1" s="247"/>
      <c r="CM1" s="247"/>
      <c r="CN1" s="247"/>
      <c r="CO1" s="247"/>
      <c r="CP1" s="247"/>
      <c r="CQ1" s="247"/>
      <c r="CR1" s="247"/>
      <c r="CS1" s="247"/>
      <c r="CT1" s="247"/>
      <c r="CU1" s="247"/>
      <c r="CV1" s="247"/>
      <c r="CW1" s="247"/>
      <c r="CX1" s="247"/>
      <c r="CY1" s="247"/>
      <c r="CZ1" s="247"/>
      <c r="DA1" s="247"/>
      <c r="DB1" s="247"/>
      <c r="DC1" s="247"/>
      <c r="DD1" s="247"/>
      <c r="DE1" s="247"/>
      <c r="DF1" s="247"/>
      <c r="DG1" s="247"/>
      <c r="DH1" s="247"/>
      <c r="DI1" s="247"/>
      <c r="DJ1" s="247"/>
      <c r="DK1" s="247"/>
      <c r="DL1" s="247"/>
      <c r="DM1" s="247"/>
      <c r="DN1" s="247"/>
      <c r="DO1" s="247"/>
      <c r="DP1" s="247"/>
      <c r="DQ1" s="247"/>
      <c r="DR1" s="247"/>
      <c r="DS1" s="247"/>
      <c r="DT1" s="247"/>
      <c r="DU1" s="247"/>
      <c r="DV1" s="247"/>
      <c r="DW1" s="247"/>
      <c r="DX1" s="247"/>
      <c r="DY1" s="247"/>
      <c r="DZ1" s="247"/>
      <c r="EA1" s="247"/>
      <c r="EB1" s="247"/>
      <c r="EC1" s="247"/>
    </row>
    <row r="2" spans="2:233" ht="24" customHeight="1" thickBot="1" x14ac:dyDescent="0.25">
      <c r="B2" s="10" t="s">
        <v>160</v>
      </c>
    </row>
    <row r="3" spans="2:233" ht="21" customHeight="1" thickBot="1" x14ac:dyDescent="0.25">
      <c r="B3" s="579"/>
      <c r="C3" s="439" t="s">
        <v>115</v>
      </c>
      <c r="D3" s="440"/>
      <c r="E3" s="440"/>
      <c r="F3" s="440"/>
      <c r="G3" s="440"/>
      <c r="H3" s="440"/>
      <c r="I3" s="440"/>
      <c r="J3" s="440"/>
      <c r="K3" s="440"/>
      <c r="L3" s="440"/>
      <c r="M3" s="440"/>
      <c r="N3" s="437"/>
      <c r="O3" s="437"/>
      <c r="P3" s="437"/>
      <c r="Q3" s="437"/>
      <c r="R3" s="437"/>
      <c r="S3" s="437"/>
      <c r="T3" s="437"/>
      <c r="U3" s="437"/>
      <c r="V3" s="437"/>
      <c r="W3" s="437"/>
      <c r="X3" s="437"/>
      <c r="Y3" s="437"/>
      <c r="Z3" s="437"/>
      <c r="AA3" s="437"/>
      <c r="AB3" s="437"/>
      <c r="AC3" s="437"/>
      <c r="AD3" s="437"/>
      <c r="AE3" s="437"/>
      <c r="AF3" s="437"/>
      <c r="AG3" s="437"/>
      <c r="AH3" s="437"/>
      <c r="AI3" s="437"/>
      <c r="AJ3" s="437"/>
      <c r="AK3" s="437"/>
      <c r="AL3" s="437"/>
      <c r="AM3" s="437"/>
      <c r="AN3" s="437"/>
      <c r="AO3" s="437"/>
      <c r="AP3" s="437"/>
      <c r="AQ3" s="437"/>
      <c r="AR3" s="437"/>
      <c r="AS3" s="437"/>
      <c r="AT3" s="437"/>
      <c r="AU3" s="437"/>
      <c r="AV3" s="437"/>
      <c r="AW3" s="437"/>
      <c r="AX3" s="437"/>
      <c r="AY3" s="437"/>
      <c r="AZ3" s="437"/>
      <c r="BA3" s="437"/>
      <c r="BB3" s="437"/>
      <c r="BC3" s="437"/>
      <c r="BD3" s="437"/>
      <c r="BE3" s="437"/>
      <c r="BF3" s="437"/>
      <c r="BG3" s="437"/>
      <c r="BH3" s="437"/>
      <c r="BI3" s="437"/>
      <c r="BJ3" s="437"/>
      <c r="BK3" s="437"/>
      <c r="BL3" s="437"/>
      <c r="BM3" s="437"/>
      <c r="BN3" s="437"/>
      <c r="BO3" s="437"/>
      <c r="BP3" s="437"/>
      <c r="BQ3" s="437"/>
      <c r="BR3" s="437"/>
      <c r="BS3" s="437"/>
      <c r="BT3" s="437"/>
      <c r="BU3" s="437"/>
      <c r="BV3" s="437"/>
      <c r="BW3" s="437"/>
      <c r="BX3" s="437"/>
      <c r="BY3" s="437"/>
      <c r="BZ3" s="437"/>
      <c r="CA3" s="437"/>
      <c r="CB3" s="437"/>
      <c r="CC3" s="437"/>
      <c r="CD3" s="437"/>
      <c r="CE3" s="437"/>
      <c r="CF3" s="437"/>
      <c r="CG3" s="437"/>
      <c r="CH3" s="437"/>
      <c r="CI3" s="437"/>
      <c r="CJ3" s="437"/>
      <c r="CK3" s="437"/>
      <c r="CL3" s="437"/>
      <c r="CM3" s="437"/>
      <c r="CN3" s="437"/>
      <c r="CO3" s="437"/>
      <c r="CP3" s="437"/>
      <c r="CQ3" s="437"/>
      <c r="CR3" s="437"/>
      <c r="CS3" s="437"/>
      <c r="CT3" s="437"/>
      <c r="CU3" s="437"/>
      <c r="CV3" s="437"/>
      <c r="CW3" s="437"/>
      <c r="CX3" s="437"/>
      <c r="CY3" s="437"/>
      <c r="CZ3" s="437"/>
      <c r="DA3" s="437"/>
      <c r="DB3" s="437"/>
      <c r="DC3" s="437"/>
      <c r="DD3" s="437"/>
      <c r="DE3" s="437"/>
      <c r="DF3" s="437"/>
      <c r="DG3" s="437"/>
      <c r="DH3" s="438"/>
      <c r="DI3" s="439" t="s">
        <v>117</v>
      </c>
      <c r="DJ3" s="440"/>
      <c r="DK3" s="440"/>
      <c r="DL3" s="440"/>
      <c r="DM3" s="440"/>
      <c r="DN3" s="440"/>
      <c r="DO3" s="440"/>
      <c r="DP3" s="440"/>
      <c r="DQ3" s="440"/>
      <c r="DR3" s="440"/>
      <c r="DS3" s="440"/>
      <c r="DT3" s="440"/>
      <c r="DU3" s="440"/>
      <c r="DV3" s="440"/>
      <c r="DW3" s="440"/>
      <c r="DX3" s="440"/>
      <c r="DY3" s="440"/>
      <c r="DZ3" s="440"/>
      <c r="EA3" s="440"/>
      <c r="EB3" s="440"/>
      <c r="EC3" s="440"/>
      <c r="ED3" s="440"/>
      <c r="EE3" s="440"/>
      <c r="EF3" s="440"/>
      <c r="EG3" s="440"/>
      <c r="EH3" s="440"/>
      <c r="EI3" s="440"/>
      <c r="EJ3" s="440"/>
      <c r="EK3" s="440"/>
      <c r="EL3" s="440"/>
      <c r="EM3" s="440"/>
      <c r="EN3" s="440"/>
      <c r="EO3" s="440"/>
      <c r="EP3" s="440"/>
      <c r="EQ3" s="440"/>
      <c r="ER3" s="440"/>
      <c r="ES3" s="440"/>
      <c r="ET3" s="440"/>
      <c r="EU3" s="440"/>
      <c r="EV3" s="440"/>
      <c r="EW3" s="440"/>
      <c r="EX3" s="440"/>
      <c r="EY3" s="440"/>
      <c r="EZ3" s="440"/>
      <c r="FA3" s="440"/>
      <c r="FB3" s="440"/>
      <c r="FC3" s="440"/>
      <c r="FD3" s="440"/>
      <c r="FE3" s="440"/>
      <c r="FF3" s="440"/>
      <c r="FG3" s="440"/>
      <c r="FH3" s="440"/>
      <c r="FI3" s="440"/>
      <c r="FJ3" s="440"/>
      <c r="FK3" s="440"/>
      <c r="FL3" s="440"/>
      <c r="FM3" s="440"/>
      <c r="FN3" s="440"/>
      <c r="FO3" s="440"/>
      <c r="FP3" s="440"/>
      <c r="FQ3" s="440"/>
      <c r="FR3" s="440"/>
      <c r="FS3" s="440"/>
      <c r="FT3" s="440"/>
      <c r="FU3" s="440"/>
      <c r="FV3" s="440"/>
      <c r="FW3" s="440"/>
      <c r="FX3" s="440"/>
      <c r="FY3" s="440"/>
      <c r="FZ3" s="440"/>
      <c r="GA3" s="440"/>
      <c r="GB3" s="440"/>
      <c r="GC3" s="440"/>
      <c r="GD3" s="440"/>
      <c r="GE3" s="440"/>
      <c r="GF3" s="440"/>
      <c r="GG3" s="440"/>
      <c r="GH3" s="440"/>
      <c r="GI3" s="440"/>
      <c r="GJ3" s="440"/>
      <c r="GK3" s="440"/>
      <c r="GL3" s="440"/>
      <c r="GM3" s="440"/>
      <c r="GN3" s="440"/>
      <c r="GO3" s="440"/>
      <c r="GP3" s="440"/>
      <c r="GQ3" s="440"/>
      <c r="GR3" s="440"/>
      <c r="GS3" s="440"/>
      <c r="GT3" s="440"/>
      <c r="GU3" s="440"/>
      <c r="GV3" s="440"/>
      <c r="GW3" s="440"/>
      <c r="GX3" s="440"/>
      <c r="GY3" s="440"/>
      <c r="GZ3" s="440"/>
      <c r="HA3" s="440"/>
      <c r="HB3" s="440"/>
      <c r="HC3" s="440"/>
      <c r="HD3" s="440"/>
      <c r="HE3" s="440"/>
      <c r="HF3" s="440"/>
      <c r="HG3" s="440"/>
      <c r="HH3" s="440"/>
      <c r="HI3" s="440"/>
      <c r="HJ3" s="440"/>
      <c r="HK3" s="440"/>
      <c r="HL3" s="440"/>
      <c r="HM3" s="440"/>
      <c r="HN3" s="441"/>
      <c r="HO3" s="539" t="s">
        <v>60</v>
      </c>
      <c r="HP3" s="540"/>
      <c r="HQ3" s="540"/>
      <c r="HR3" s="540"/>
      <c r="HS3" s="540"/>
      <c r="HT3" s="540"/>
      <c r="HU3" s="540"/>
      <c r="HV3" s="540"/>
      <c r="HW3" s="540"/>
      <c r="HX3" s="540"/>
      <c r="HY3" s="541"/>
    </row>
    <row r="4" spans="2:233" ht="21" customHeight="1" thickBot="1" x14ac:dyDescent="0.25">
      <c r="B4" s="560"/>
      <c r="C4" s="520"/>
      <c r="D4" s="521"/>
      <c r="E4" s="521"/>
      <c r="F4" s="521"/>
      <c r="G4" s="521"/>
      <c r="H4" s="521"/>
      <c r="I4" s="521"/>
      <c r="J4" s="521"/>
      <c r="K4" s="521"/>
      <c r="L4" s="521"/>
      <c r="M4" s="578"/>
      <c r="N4" s="536" t="s">
        <v>57</v>
      </c>
      <c r="O4" s="537"/>
      <c r="P4" s="537"/>
      <c r="Q4" s="537"/>
      <c r="R4" s="537"/>
      <c r="S4" s="537"/>
      <c r="T4" s="537"/>
      <c r="U4" s="537"/>
      <c r="V4" s="537"/>
      <c r="W4" s="537"/>
      <c r="X4" s="538"/>
      <c r="Y4" s="536" t="s">
        <v>58</v>
      </c>
      <c r="Z4" s="537"/>
      <c r="AA4" s="537"/>
      <c r="AB4" s="537"/>
      <c r="AC4" s="537"/>
      <c r="AD4" s="537"/>
      <c r="AE4" s="537"/>
      <c r="AF4" s="537"/>
      <c r="AG4" s="537"/>
      <c r="AH4" s="537"/>
      <c r="AI4" s="538"/>
      <c r="AJ4" s="536" t="s">
        <v>59</v>
      </c>
      <c r="AK4" s="537"/>
      <c r="AL4" s="537"/>
      <c r="AM4" s="537"/>
      <c r="AN4" s="537"/>
      <c r="AO4" s="537"/>
      <c r="AP4" s="537"/>
      <c r="AQ4" s="537"/>
      <c r="AR4" s="537"/>
      <c r="AS4" s="537"/>
      <c r="AT4" s="538"/>
      <c r="AU4" s="536" t="s">
        <v>147</v>
      </c>
      <c r="AV4" s="537"/>
      <c r="AW4" s="537"/>
      <c r="AX4" s="537"/>
      <c r="AY4" s="537"/>
      <c r="AZ4" s="537"/>
      <c r="BA4" s="537"/>
      <c r="BB4" s="537"/>
      <c r="BC4" s="537"/>
      <c r="BD4" s="537"/>
      <c r="BE4" s="538"/>
      <c r="BF4" s="536" t="s">
        <v>116</v>
      </c>
      <c r="BG4" s="537"/>
      <c r="BH4" s="537"/>
      <c r="BI4" s="537"/>
      <c r="BJ4" s="537"/>
      <c r="BK4" s="537"/>
      <c r="BL4" s="537"/>
      <c r="BM4" s="537"/>
      <c r="BN4" s="537"/>
      <c r="BO4" s="537"/>
      <c r="BP4" s="538"/>
      <c r="BQ4" s="536" t="s">
        <v>77</v>
      </c>
      <c r="BR4" s="537"/>
      <c r="BS4" s="537"/>
      <c r="BT4" s="537"/>
      <c r="BU4" s="537"/>
      <c r="BV4" s="537"/>
      <c r="BW4" s="537"/>
      <c r="BX4" s="537"/>
      <c r="BY4" s="537"/>
      <c r="BZ4" s="537"/>
      <c r="CA4" s="538"/>
      <c r="CB4" s="536" t="s">
        <v>78</v>
      </c>
      <c r="CC4" s="537"/>
      <c r="CD4" s="537"/>
      <c r="CE4" s="537"/>
      <c r="CF4" s="537"/>
      <c r="CG4" s="537"/>
      <c r="CH4" s="537"/>
      <c r="CI4" s="537"/>
      <c r="CJ4" s="537"/>
      <c r="CK4" s="537"/>
      <c r="CL4" s="538"/>
      <c r="CM4" s="536" t="s">
        <v>79</v>
      </c>
      <c r="CN4" s="537"/>
      <c r="CO4" s="537"/>
      <c r="CP4" s="537"/>
      <c r="CQ4" s="537"/>
      <c r="CR4" s="537"/>
      <c r="CS4" s="537"/>
      <c r="CT4" s="537"/>
      <c r="CU4" s="537"/>
      <c r="CV4" s="537"/>
      <c r="CW4" s="538"/>
      <c r="CX4" s="536" t="s">
        <v>148</v>
      </c>
      <c r="CY4" s="537"/>
      <c r="CZ4" s="537"/>
      <c r="DA4" s="537"/>
      <c r="DB4" s="537"/>
      <c r="DC4" s="537"/>
      <c r="DD4" s="537"/>
      <c r="DE4" s="537"/>
      <c r="DF4" s="537"/>
      <c r="DG4" s="537"/>
      <c r="DH4" s="538"/>
      <c r="DI4" s="520"/>
      <c r="DJ4" s="521"/>
      <c r="DK4" s="521"/>
      <c r="DL4" s="521"/>
      <c r="DM4" s="521"/>
      <c r="DN4" s="521"/>
      <c r="DO4" s="521"/>
      <c r="DP4" s="521"/>
      <c r="DQ4" s="521"/>
      <c r="DR4" s="521"/>
      <c r="DS4" s="522"/>
      <c r="DT4" s="536" t="s">
        <v>57</v>
      </c>
      <c r="DU4" s="537"/>
      <c r="DV4" s="537"/>
      <c r="DW4" s="537"/>
      <c r="DX4" s="537"/>
      <c r="DY4" s="537"/>
      <c r="DZ4" s="537"/>
      <c r="EA4" s="537"/>
      <c r="EB4" s="537"/>
      <c r="EC4" s="537"/>
      <c r="ED4" s="538"/>
      <c r="EE4" s="536" t="s">
        <v>58</v>
      </c>
      <c r="EF4" s="537"/>
      <c r="EG4" s="537"/>
      <c r="EH4" s="537"/>
      <c r="EI4" s="537"/>
      <c r="EJ4" s="537"/>
      <c r="EK4" s="537"/>
      <c r="EL4" s="537"/>
      <c r="EM4" s="537"/>
      <c r="EN4" s="537"/>
      <c r="EO4" s="538"/>
      <c r="EP4" s="536" t="s">
        <v>59</v>
      </c>
      <c r="EQ4" s="537"/>
      <c r="ER4" s="537"/>
      <c r="ES4" s="537"/>
      <c r="ET4" s="537"/>
      <c r="EU4" s="537"/>
      <c r="EV4" s="537"/>
      <c r="EW4" s="537"/>
      <c r="EX4" s="537"/>
      <c r="EY4" s="537"/>
      <c r="EZ4" s="538"/>
      <c r="FA4" s="536" t="s">
        <v>147</v>
      </c>
      <c r="FB4" s="537"/>
      <c r="FC4" s="537"/>
      <c r="FD4" s="537"/>
      <c r="FE4" s="537"/>
      <c r="FF4" s="537"/>
      <c r="FG4" s="537"/>
      <c r="FH4" s="537"/>
      <c r="FI4" s="537"/>
      <c r="FJ4" s="537"/>
      <c r="FK4" s="538"/>
      <c r="FL4" s="536" t="s">
        <v>116</v>
      </c>
      <c r="FM4" s="537"/>
      <c r="FN4" s="537"/>
      <c r="FO4" s="537"/>
      <c r="FP4" s="537"/>
      <c r="FQ4" s="537"/>
      <c r="FR4" s="537"/>
      <c r="FS4" s="537"/>
      <c r="FT4" s="537"/>
      <c r="FU4" s="537"/>
      <c r="FV4" s="538"/>
      <c r="FW4" s="536" t="s">
        <v>77</v>
      </c>
      <c r="FX4" s="537"/>
      <c r="FY4" s="537"/>
      <c r="FZ4" s="537"/>
      <c r="GA4" s="537"/>
      <c r="GB4" s="537"/>
      <c r="GC4" s="537"/>
      <c r="GD4" s="537"/>
      <c r="GE4" s="537"/>
      <c r="GF4" s="537"/>
      <c r="GG4" s="538"/>
      <c r="GH4" s="536" t="s">
        <v>78</v>
      </c>
      <c r="GI4" s="537"/>
      <c r="GJ4" s="537"/>
      <c r="GK4" s="537"/>
      <c r="GL4" s="537"/>
      <c r="GM4" s="537"/>
      <c r="GN4" s="537"/>
      <c r="GO4" s="537"/>
      <c r="GP4" s="537"/>
      <c r="GQ4" s="537"/>
      <c r="GR4" s="538"/>
      <c r="GS4" s="536" t="s">
        <v>79</v>
      </c>
      <c r="GT4" s="537"/>
      <c r="GU4" s="537"/>
      <c r="GV4" s="537"/>
      <c r="GW4" s="537"/>
      <c r="GX4" s="537"/>
      <c r="GY4" s="537"/>
      <c r="GZ4" s="537"/>
      <c r="HA4" s="537"/>
      <c r="HB4" s="537"/>
      <c r="HC4" s="538"/>
      <c r="HD4" s="536" t="s">
        <v>148</v>
      </c>
      <c r="HE4" s="537"/>
      <c r="HF4" s="537"/>
      <c r="HG4" s="537"/>
      <c r="HH4" s="537"/>
      <c r="HI4" s="537"/>
      <c r="HJ4" s="537"/>
      <c r="HK4" s="537"/>
      <c r="HL4" s="537"/>
      <c r="HM4" s="537"/>
      <c r="HN4" s="538"/>
      <c r="HO4" s="556"/>
      <c r="HP4" s="557"/>
      <c r="HQ4" s="557"/>
      <c r="HR4" s="557"/>
      <c r="HS4" s="557"/>
      <c r="HT4" s="557"/>
      <c r="HU4" s="557"/>
      <c r="HV4" s="557"/>
      <c r="HW4" s="557"/>
      <c r="HX4" s="557"/>
      <c r="HY4" s="558"/>
    </row>
    <row r="5" spans="2:233" ht="21" customHeight="1" x14ac:dyDescent="0.2">
      <c r="B5" s="560"/>
      <c r="C5" s="512" t="s">
        <v>61</v>
      </c>
      <c r="D5" s="513"/>
      <c r="E5" s="514"/>
      <c r="F5" s="561" t="s">
        <v>62</v>
      </c>
      <c r="G5" s="513"/>
      <c r="H5" s="513"/>
      <c r="I5" s="513"/>
      <c r="J5" s="513"/>
      <c r="K5" s="513"/>
      <c r="L5" s="562"/>
      <c r="M5" s="563" t="s">
        <v>52</v>
      </c>
      <c r="N5" s="520" t="s">
        <v>61</v>
      </c>
      <c r="O5" s="521"/>
      <c r="P5" s="522"/>
      <c r="Q5" s="543" t="s">
        <v>62</v>
      </c>
      <c r="R5" s="521"/>
      <c r="S5" s="521"/>
      <c r="T5" s="521"/>
      <c r="U5" s="521"/>
      <c r="V5" s="521"/>
      <c r="W5" s="544"/>
      <c r="X5" s="433" t="s">
        <v>52</v>
      </c>
      <c r="Y5" s="520" t="s">
        <v>61</v>
      </c>
      <c r="Z5" s="521"/>
      <c r="AA5" s="522"/>
      <c r="AB5" s="543" t="s">
        <v>62</v>
      </c>
      <c r="AC5" s="521"/>
      <c r="AD5" s="521"/>
      <c r="AE5" s="521"/>
      <c r="AF5" s="521"/>
      <c r="AG5" s="521"/>
      <c r="AH5" s="544"/>
      <c r="AI5" s="433" t="s">
        <v>52</v>
      </c>
      <c r="AJ5" s="520" t="s">
        <v>61</v>
      </c>
      <c r="AK5" s="521"/>
      <c r="AL5" s="522"/>
      <c r="AM5" s="543" t="s">
        <v>62</v>
      </c>
      <c r="AN5" s="521"/>
      <c r="AO5" s="521"/>
      <c r="AP5" s="521"/>
      <c r="AQ5" s="521"/>
      <c r="AR5" s="521"/>
      <c r="AS5" s="544"/>
      <c r="AT5" s="433" t="s">
        <v>52</v>
      </c>
      <c r="AU5" s="520" t="s">
        <v>61</v>
      </c>
      <c r="AV5" s="521"/>
      <c r="AW5" s="522"/>
      <c r="AX5" s="543" t="s">
        <v>62</v>
      </c>
      <c r="AY5" s="521"/>
      <c r="AZ5" s="521"/>
      <c r="BA5" s="521"/>
      <c r="BB5" s="521"/>
      <c r="BC5" s="521"/>
      <c r="BD5" s="544"/>
      <c r="BE5" s="433" t="s">
        <v>52</v>
      </c>
      <c r="BF5" s="520" t="s">
        <v>61</v>
      </c>
      <c r="BG5" s="521"/>
      <c r="BH5" s="522"/>
      <c r="BI5" s="543" t="s">
        <v>62</v>
      </c>
      <c r="BJ5" s="521"/>
      <c r="BK5" s="521"/>
      <c r="BL5" s="521"/>
      <c r="BM5" s="521"/>
      <c r="BN5" s="521"/>
      <c r="BO5" s="544"/>
      <c r="BP5" s="433" t="s">
        <v>52</v>
      </c>
      <c r="BQ5" s="520" t="s">
        <v>61</v>
      </c>
      <c r="BR5" s="521"/>
      <c r="BS5" s="522"/>
      <c r="BT5" s="543" t="s">
        <v>62</v>
      </c>
      <c r="BU5" s="521"/>
      <c r="BV5" s="521"/>
      <c r="BW5" s="521"/>
      <c r="BX5" s="521"/>
      <c r="BY5" s="521"/>
      <c r="BZ5" s="544"/>
      <c r="CA5" s="433" t="s">
        <v>52</v>
      </c>
      <c r="CB5" s="520" t="s">
        <v>61</v>
      </c>
      <c r="CC5" s="521"/>
      <c r="CD5" s="522"/>
      <c r="CE5" s="543" t="s">
        <v>62</v>
      </c>
      <c r="CF5" s="521"/>
      <c r="CG5" s="521"/>
      <c r="CH5" s="521"/>
      <c r="CI5" s="521"/>
      <c r="CJ5" s="521"/>
      <c r="CK5" s="544"/>
      <c r="CL5" s="433" t="s">
        <v>52</v>
      </c>
      <c r="CM5" s="520" t="s">
        <v>61</v>
      </c>
      <c r="CN5" s="521"/>
      <c r="CO5" s="522"/>
      <c r="CP5" s="543" t="s">
        <v>62</v>
      </c>
      <c r="CQ5" s="521"/>
      <c r="CR5" s="521"/>
      <c r="CS5" s="521"/>
      <c r="CT5" s="521"/>
      <c r="CU5" s="521"/>
      <c r="CV5" s="544"/>
      <c r="CW5" s="433" t="s">
        <v>52</v>
      </c>
      <c r="CX5" s="520" t="s">
        <v>61</v>
      </c>
      <c r="CY5" s="521"/>
      <c r="CZ5" s="522"/>
      <c r="DA5" s="543" t="s">
        <v>62</v>
      </c>
      <c r="DB5" s="521"/>
      <c r="DC5" s="521"/>
      <c r="DD5" s="521"/>
      <c r="DE5" s="521"/>
      <c r="DF5" s="521"/>
      <c r="DG5" s="544"/>
      <c r="DH5" s="433" t="s">
        <v>52</v>
      </c>
      <c r="DI5" s="512" t="s">
        <v>61</v>
      </c>
      <c r="DJ5" s="513"/>
      <c r="DK5" s="514"/>
      <c r="DL5" s="561" t="s">
        <v>62</v>
      </c>
      <c r="DM5" s="513"/>
      <c r="DN5" s="513"/>
      <c r="DO5" s="513"/>
      <c r="DP5" s="513"/>
      <c r="DQ5" s="513"/>
      <c r="DR5" s="562"/>
      <c r="DS5" s="516" t="s">
        <v>52</v>
      </c>
      <c r="DT5" s="520" t="s">
        <v>61</v>
      </c>
      <c r="DU5" s="521"/>
      <c r="DV5" s="522"/>
      <c r="DW5" s="543" t="s">
        <v>62</v>
      </c>
      <c r="DX5" s="521"/>
      <c r="DY5" s="521"/>
      <c r="DZ5" s="521"/>
      <c r="EA5" s="521"/>
      <c r="EB5" s="521"/>
      <c r="EC5" s="544"/>
      <c r="ED5" s="433" t="s">
        <v>52</v>
      </c>
      <c r="EE5" s="520" t="s">
        <v>61</v>
      </c>
      <c r="EF5" s="521"/>
      <c r="EG5" s="522"/>
      <c r="EH5" s="543" t="s">
        <v>62</v>
      </c>
      <c r="EI5" s="521"/>
      <c r="EJ5" s="521"/>
      <c r="EK5" s="521"/>
      <c r="EL5" s="521"/>
      <c r="EM5" s="521"/>
      <c r="EN5" s="544"/>
      <c r="EO5" s="433" t="s">
        <v>52</v>
      </c>
      <c r="EP5" s="520" t="s">
        <v>61</v>
      </c>
      <c r="EQ5" s="521"/>
      <c r="ER5" s="522"/>
      <c r="ES5" s="543" t="s">
        <v>62</v>
      </c>
      <c r="ET5" s="521"/>
      <c r="EU5" s="521"/>
      <c r="EV5" s="521"/>
      <c r="EW5" s="521"/>
      <c r="EX5" s="521"/>
      <c r="EY5" s="544"/>
      <c r="EZ5" s="433" t="s">
        <v>52</v>
      </c>
      <c r="FA5" s="520" t="s">
        <v>61</v>
      </c>
      <c r="FB5" s="521"/>
      <c r="FC5" s="522"/>
      <c r="FD5" s="543" t="s">
        <v>62</v>
      </c>
      <c r="FE5" s="521"/>
      <c r="FF5" s="521"/>
      <c r="FG5" s="521"/>
      <c r="FH5" s="521"/>
      <c r="FI5" s="521"/>
      <c r="FJ5" s="544"/>
      <c r="FK5" s="433" t="s">
        <v>52</v>
      </c>
      <c r="FL5" s="520" t="s">
        <v>61</v>
      </c>
      <c r="FM5" s="521"/>
      <c r="FN5" s="522"/>
      <c r="FO5" s="543" t="s">
        <v>62</v>
      </c>
      <c r="FP5" s="521"/>
      <c r="FQ5" s="521"/>
      <c r="FR5" s="521"/>
      <c r="FS5" s="521"/>
      <c r="FT5" s="521"/>
      <c r="FU5" s="544"/>
      <c r="FV5" s="433" t="s">
        <v>52</v>
      </c>
      <c r="FW5" s="520" t="s">
        <v>61</v>
      </c>
      <c r="FX5" s="521"/>
      <c r="FY5" s="522"/>
      <c r="FZ5" s="543" t="s">
        <v>62</v>
      </c>
      <c r="GA5" s="521"/>
      <c r="GB5" s="521"/>
      <c r="GC5" s="521"/>
      <c r="GD5" s="521"/>
      <c r="GE5" s="521"/>
      <c r="GF5" s="544"/>
      <c r="GG5" s="433" t="s">
        <v>52</v>
      </c>
      <c r="GH5" s="520" t="s">
        <v>61</v>
      </c>
      <c r="GI5" s="521"/>
      <c r="GJ5" s="522"/>
      <c r="GK5" s="543" t="s">
        <v>62</v>
      </c>
      <c r="GL5" s="521"/>
      <c r="GM5" s="521"/>
      <c r="GN5" s="521"/>
      <c r="GO5" s="521"/>
      <c r="GP5" s="521"/>
      <c r="GQ5" s="544"/>
      <c r="GR5" s="433" t="s">
        <v>52</v>
      </c>
      <c r="GS5" s="520" t="s">
        <v>61</v>
      </c>
      <c r="GT5" s="521"/>
      <c r="GU5" s="522"/>
      <c r="GV5" s="543" t="s">
        <v>62</v>
      </c>
      <c r="GW5" s="521"/>
      <c r="GX5" s="521"/>
      <c r="GY5" s="521"/>
      <c r="GZ5" s="521"/>
      <c r="HA5" s="521"/>
      <c r="HB5" s="544"/>
      <c r="HC5" s="433" t="s">
        <v>52</v>
      </c>
      <c r="HD5" s="520" t="s">
        <v>61</v>
      </c>
      <c r="HE5" s="521"/>
      <c r="HF5" s="522"/>
      <c r="HG5" s="543" t="s">
        <v>62</v>
      </c>
      <c r="HH5" s="521"/>
      <c r="HI5" s="521"/>
      <c r="HJ5" s="521"/>
      <c r="HK5" s="521"/>
      <c r="HL5" s="521"/>
      <c r="HM5" s="544"/>
      <c r="HN5" s="433" t="s">
        <v>52</v>
      </c>
      <c r="HO5" s="520" t="s">
        <v>61</v>
      </c>
      <c r="HP5" s="521"/>
      <c r="HQ5" s="522"/>
      <c r="HR5" s="543" t="s">
        <v>62</v>
      </c>
      <c r="HS5" s="521"/>
      <c r="HT5" s="521"/>
      <c r="HU5" s="521"/>
      <c r="HV5" s="521"/>
      <c r="HW5" s="521"/>
      <c r="HX5" s="544"/>
      <c r="HY5" s="433" t="s">
        <v>52</v>
      </c>
    </row>
    <row r="6" spans="2:233" ht="30" customHeight="1" thickBot="1" x14ac:dyDescent="0.25">
      <c r="B6" s="580"/>
      <c r="C6" s="73" t="s">
        <v>118</v>
      </c>
      <c r="D6" s="74" t="s">
        <v>44</v>
      </c>
      <c r="E6" s="250" t="s">
        <v>45</v>
      </c>
      <c r="F6" s="76" t="s">
        <v>83</v>
      </c>
      <c r="G6" s="74" t="s">
        <v>47</v>
      </c>
      <c r="H6" s="74" t="s">
        <v>48</v>
      </c>
      <c r="I6" s="74" t="s">
        <v>49</v>
      </c>
      <c r="J6" s="74" t="s">
        <v>50</v>
      </c>
      <c r="K6" s="74" t="s">
        <v>51</v>
      </c>
      <c r="L6" s="75" t="s">
        <v>45</v>
      </c>
      <c r="M6" s="532"/>
      <c r="N6" s="73" t="s">
        <v>118</v>
      </c>
      <c r="O6" s="74" t="s">
        <v>44</v>
      </c>
      <c r="P6" s="250" t="s">
        <v>45</v>
      </c>
      <c r="Q6" s="76" t="s">
        <v>83</v>
      </c>
      <c r="R6" s="74" t="s">
        <v>47</v>
      </c>
      <c r="S6" s="74" t="s">
        <v>48</v>
      </c>
      <c r="T6" s="74" t="s">
        <v>49</v>
      </c>
      <c r="U6" s="74" t="s">
        <v>50</v>
      </c>
      <c r="V6" s="74" t="s">
        <v>51</v>
      </c>
      <c r="W6" s="75" t="s">
        <v>45</v>
      </c>
      <c r="X6" s="532"/>
      <c r="Y6" s="73" t="s">
        <v>118</v>
      </c>
      <c r="Z6" s="74" t="s">
        <v>44</v>
      </c>
      <c r="AA6" s="250" t="s">
        <v>45</v>
      </c>
      <c r="AB6" s="76" t="s">
        <v>83</v>
      </c>
      <c r="AC6" s="74" t="s">
        <v>47</v>
      </c>
      <c r="AD6" s="74" t="s">
        <v>48</v>
      </c>
      <c r="AE6" s="74" t="s">
        <v>49</v>
      </c>
      <c r="AF6" s="74" t="s">
        <v>50</v>
      </c>
      <c r="AG6" s="74" t="s">
        <v>51</v>
      </c>
      <c r="AH6" s="75" t="s">
        <v>45</v>
      </c>
      <c r="AI6" s="532"/>
      <c r="AJ6" s="73" t="s">
        <v>118</v>
      </c>
      <c r="AK6" s="74" t="s">
        <v>44</v>
      </c>
      <c r="AL6" s="250" t="s">
        <v>45</v>
      </c>
      <c r="AM6" s="76" t="s">
        <v>83</v>
      </c>
      <c r="AN6" s="74" t="s">
        <v>47</v>
      </c>
      <c r="AO6" s="74" t="s">
        <v>48</v>
      </c>
      <c r="AP6" s="74" t="s">
        <v>49</v>
      </c>
      <c r="AQ6" s="74" t="s">
        <v>50</v>
      </c>
      <c r="AR6" s="74" t="s">
        <v>51</v>
      </c>
      <c r="AS6" s="75" t="s">
        <v>45</v>
      </c>
      <c r="AT6" s="532"/>
      <c r="AU6" s="73" t="s">
        <v>118</v>
      </c>
      <c r="AV6" s="74" t="s">
        <v>44</v>
      </c>
      <c r="AW6" s="250" t="s">
        <v>45</v>
      </c>
      <c r="AX6" s="76" t="s">
        <v>83</v>
      </c>
      <c r="AY6" s="74" t="s">
        <v>47</v>
      </c>
      <c r="AZ6" s="74" t="s">
        <v>48</v>
      </c>
      <c r="BA6" s="74" t="s">
        <v>49</v>
      </c>
      <c r="BB6" s="74" t="s">
        <v>50</v>
      </c>
      <c r="BC6" s="74" t="s">
        <v>51</v>
      </c>
      <c r="BD6" s="75" t="s">
        <v>45</v>
      </c>
      <c r="BE6" s="532"/>
      <c r="BF6" s="73" t="s">
        <v>118</v>
      </c>
      <c r="BG6" s="74" t="s">
        <v>44</v>
      </c>
      <c r="BH6" s="250" t="s">
        <v>45</v>
      </c>
      <c r="BI6" s="76" t="s">
        <v>83</v>
      </c>
      <c r="BJ6" s="74" t="s">
        <v>47</v>
      </c>
      <c r="BK6" s="74" t="s">
        <v>48</v>
      </c>
      <c r="BL6" s="74" t="s">
        <v>49</v>
      </c>
      <c r="BM6" s="74" t="s">
        <v>50</v>
      </c>
      <c r="BN6" s="74" t="s">
        <v>51</v>
      </c>
      <c r="BO6" s="75" t="s">
        <v>45</v>
      </c>
      <c r="BP6" s="532"/>
      <c r="BQ6" s="73" t="s">
        <v>118</v>
      </c>
      <c r="BR6" s="74" t="s">
        <v>44</v>
      </c>
      <c r="BS6" s="250" t="s">
        <v>45</v>
      </c>
      <c r="BT6" s="76" t="s">
        <v>83</v>
      </c>
      <c r="BU6" s="74" t="s">
        <v>47</v>
      </c>
      <c r="BV6" s="74" t="s">
        <v>48</v>
      </c>
      <c r="BW6" s="74" t="s">
        <v>49</v>
      </c>
      <c r="BX6" s="74" t="s">
        <v>50</v>
      </c>
      <c r="BY6" s="74" t="s">
        <v>51</v>
      </c>
      <c r="BZ6" s="75" t="s">
        <v>45</v>
      </c>
      <c r="CA6" s="532"/>
      <c r="CB6" s="73" t="s">
        <v>118</v>
      </c>
      <c r="CC6" s="74" t="s">
        <v>44</v>
      </c>
      <c r="CD6" s="250" t="s">
        <v>45</v>
      </c>
      <c r="CE6" s="76" t="s">
        <v>83</v>
      </c>
      <c r="CF6" s="74" t="s">
        <v>47</v>
      </c>
      <c r="CG6" s="74" t="s">
        <v>48</v>
      </c>
      <c r="CH6" s="74" t="s">
        <v>49</v>
      </c>
      <c r="CI6" s="74" t="s">
        <v>50</v>
      </c>
      <c r="CJ6" s="74" t="s">
        <v>51</v>
      </c>
      <c r="CK6" s="75" t="s">
        <v>45</v>
      </c>
      <c r="CL6" s="532"/>
      <c r="CM6" s="73" t="s">
        <v>118</v>
      </c>
      <c r="CN6" s="74" t="s">
        <v>44</v>
      </c>
      <c r="CO6" s="250" t="s">
        <v>45</v>
      </c>
      <c r="CP6" s="76" t="s">
        <v>83</v>
      </c>
      <c r="CQ6" s="74" t="s">
        <v>47</v>
      </c>
      <c r="CR6" s="74" t="s">
        <v>48</v>
      </c>
      <c r="CS6" s="74" t="s">
        <v>49</v>
      </c>
      <c r="CT6" s="74" t="s">
        <v>50</v>
      </c>
      <c r="CU6" s="74" t="s">
        <v>51</v>
      </c>
      <c r="CV6" s="75" t="s">
        <v>45</v>
      </c>
      <c r="CW6" s="532"/>
      <c r="CX6" s="73" t="s">
        <v>118</v>
      </c>
      <c r="CY6" s="74" t="s">
        <v>44</v>
      </c>
      <c r="CZ6" s="250" t="s">
        <v>45</v>
      </c>
      <c r="DA6" s="76" t="s">
        <v>83</v>
      </c>
      <c r="DB6" s="74" t="s">
        <v>47</v>
      </c>
      <c r="DC6" s="74" t="s">
        <v>48</v>
      </c>
      <c r="DD6" s="74" t="s">
        <v>49</v>
      </c>
      <c r="DE6" s="74" t="s">
        <v>50</v>
      </c>
      <c r="DF6" s="74" t="s">
        <v>51</v>
      </c>
      <c r="DG6" s="75" t="s">
        <v>45</v>
      </c>
      <c r="DH6" s="532"/>
      <c r="DI6" s="73" t="s">
        <v>118</v>
      </c>
      <c r="DJ6" s="74" t="s">
        <v>44</v>
      </c>
      <c r="DK6" s="250" t="s">
        <v>45</v>
      </c>
      <c r="DL6" s="76" t="s">
        <v>83</v>
      </c>
      <c r="DM6" s="74" t="s">
        <v>47</v>
      </c>
      <c r="DN6" s="74" t="s">
        <v>48</v>
      </c>
      <c r="DO6" s="74" t="s">
        <v>49</v>
      </c>
      <c r="DP6" s="74" t="s">
        <v>50</v>
      </c>
      <c r="DQ6" s="74" t="s">
        <v>51</v>
      </c>
      <c r="DR6" s="75" t="s">
        <v>45</v>
      </c>
      <c r="DS6" s="566"/>
      <c r="DT6" s="73" t="s">
        <v>118</v>
      </c>
      <c r="DU6" s="74" t="s">
        <v>44</v>
      </c>
      <c r="DV6" s="250" t="s">
        <v>45</v>
      </c>
      <c r="DW6" s="76" t="s">
        <v>83</v>
      </c>
      <c r="DX6" s="74" t="s">
        <v>47</v>
      </c>
      <c r="DY6" s="74" t="s">
        <v>48</v>
      </c>
      <c r="DZ6" s="74" t="s">
        <v>49</v>
      </c>
      <c r="EA6" s="74" t="s">
        <v>50</v>
      </c>
      <c r="EB6" s="74" t="s">
        <v>51</v>
      </c>
      <c r="EC6" s="75" t="s">
        <v>45</v>
      </c>
      <c r="ED6" s="532"/>
      <c r="EE6" s="73" t="s">
        <v>118</v>
      </c>
      <c r="EF6" s="74" t="s">
        <v>44</v>
      </c>
      <c r="EG6" s="250" t="s">
        <v>45</v>
      </c>
      <c r="EH6" s="76" t="s">
        <v>83</v>
      </c>
      <c r="EI6" s="74" t="s">
        <v>47</v>
      </c>
      <c r="EJ6" s="74" t="s">
        <v>48</v>
      </c>
      <c r="EK6" s="74" t="s">
        <v>49</v>
      </c>
      <c r="EL6" s="74" t="s">
        <v>50</v>
      </c>
      <c r="EM6" s="74" t="s">
        <v>51</v>
      </c>
      <c r="EN6" s="75" t="s">
        <v>45</v>
      </c>
      <c r="EO6" s="532"/>
      <c r="EP6" s="73" t="s">
        <v>118</v>
      </c>
      <c r="EQ6" s="74" t="s">
        <v>44</v>
      </c>
      <c r="ER6" s="250" t="s">
        <v>45</v>
      </c>
      <c r="ES6" s="76" t="s">
        <v>83</v>
      </c>
      <c r="ET6" s="74" t="s">
        <v>47</v>
      </c>
      <c r="EU6" s="74" t="s">
        <v>48</v>
      </c>
      <c r="EV6" s="74" t="s">
        <v>49</v>
      </c>
      <c r="EW6" s="74" t="s">
        <v>50</v>
      </c>
      <c r="EX6" s="74" t="s">
        <v>51</v>
      </c>
      <c r="EY6" s="75" t="s">
        <v>45</v>
      </c>
      <c r="EZ6" s="532"/>
      <c r="FA6" s="73" t="s">
        <v>118</v>
      </c>
      <c r="FB6" s="74" t="s">
        <v>44</v>
      </c>
      <c r="FC6" s="250" t="s">
        <v>45</v>
      </c>
      <c r="FD6" s="76" t="s">
        <v>83</v>
      </c>
      <c r="FE6" s="74" t="s">
        <v>47</v>
      </c>
      <c r="FF6" s="74" t="s">
        <v>48</v>
      </c>
      <c r="FG6" s="74" t="s">
        <v>49</v>
      </c>
      <c r="FH6" s="74" t="s">
        <v>50</v>
      </c>
      <c r="FI6" s="74" t="s">
        <v>51</v>
      </c>
      <c r="FJ6" s="75" t="s">
        <v>45</v>
      </c>
      <c r="FK6" s="532"/>
      <c r="FL6" s="73" t="s">
        <v>118</v>
      </c>
      <c r="FM6" s="74" t="s">
        <v>44</v>
      </c>
      <c r="FN6" s="250" t="s">
        <v>45</v>
      </c>
      <c r="FO6" s="76" t="s">
        <v>83</v>
      </c>
      <c r="FP6" s="74" t="s">
        <v>47</v>
      </c>
      <c r="FQ6" s="74" t="s">
        <v>48</v>
      </c>
      <c r="FR6" s="74" t="s">
        <v>49</v>
      </c>
      <c r="FS6" s="74" t="s">
        <v>50</v>
      </c>
      <c r="FT6" s="74" t="s">
        <v>51</v>
      </c>
      <c r="FU6" s="75" t="s">
        <v>45</v>
      </c>
      <c r="FV6" s="532"/>
      <c r="FW6" s="73" t="s">
        <v>118</v>
      </c>
      <c r="FX6" s="74" t="s">
        <v>44</v>
      </c>
      <c r="FY6" s="250" t="s">
        <v>45</v>
      </c>
      <c r="FZ6" s="76" t="s">
        <v>83</v>
      </c>
      <c r="GA6" s="74" t="s">
        <v>47</v>
      </c>
      <c r="GB6" s="74" t="s">
        <v>48</v>
      </c>
      <c r="GC6" s="74" t="s">
        <v>49</v>
      </c>
      <c r="GD6" s="74" t="s">
        <v>50</v>
      </c>
      <c r="GE6" s="74" t="s">
        <v>51</v>
      </c>
      <c r="GF6" s="75" t="s">
        <v>45</v>
      </c>
      <c r="GG6" s="532"/>
      <c r="GH6" s="73" t="s">
        <v>118</v>
      </c>
      <c r="GI6" s="74" t="s">
        <v>44</v>
      </c>
      <c r="GJ6" s="250" t="s">
        <v>45</v>
      </c>
      <c r="GK6" s="76" t="s">
        <v>83</v>
      </c>
      <c r="GL6" s="74" t="s">
        <v>47</v>
      </c>
      <c r="GM6" s="74" t="s">
        <v>48</v>
      </c>
      <c r="GN6" s="74" t="s">
        <v>49</v>
      </c>
      <c r="GO6" s="74" t="s">
        <v>50</v>
      </c>
      <c r="GP6" s="74" t="s">
        <v>51</v>
      </c>
      <c r="GQ6" s="75" t="s">
        <v>45</v>
      </c>
      <c r="GR6" s="532"/>
      <c r="GS6" s="73" t="s">
        <v>118</v>
      </c>
      <c r="GT6" s="74" t="s">
        <v>44</v>
      </c>
      <c r="GU6" s="250" t="s">
        <v>45</v>
      </c>
      <c r="GV6" s="76" t="s">
        <v>83</v>
      </c>
      <c r="GW6" s="74" t="s">
        <v>47</v>
      </c>
      <c r="GX6" s="74" t="s">
        <v>48</v>
      </c>
      <c r="GY6" s="74" t="s">
        <v>49</v>
      </c>
      <c r="GZ6" s="74" t="s">
        <v>50</v>
      </c>
      <c r="HA6" s="74" t="s">
        <v>51</v>
      </c>
      <c r="HB6" s="75" t="s">
        <v>45</v>
      </c>
      <c r="HC6" s="532"/>
      <c r="HD6" s="73" t="s">
        <v>118</v>
      </c>
      <c r="HE6" s="74" t="s">
        <v>44</v>
      </c>
      <c r="HF6" s="250" t="s">
        <v>45</v>
      </c>
      <c r="HG6" s="76" t="s">
        <v>83</v>
      </c>
      <c r="HH6" s="74" t="s">
        <v>47</v>
      </c>
      <c r="HI6" s="74" t="s">
        <v>48</v>
      </c>
      <c r="HJ6" s="74" t="s">
        <v>49</v>
      </c>
      <c r="HK6" s="74" t="s">
        <v>50</v>
      </c>
      <c r="HL6" s="74" t="s">
        <v>51</v>
      </c>
      <c r="HM6" s="75" t="s">
        <v>45</v>
      </c>
      <c r="HN6" s="532"/>
      <c r="HO6" s="73" t="s">
        <v>118</v>
      </c>
      <c r="HP6" s="74" t="s">
        <v>44</v>
      </c>
      <c r="HQ6" s="250" t="s">
        <v>45</v>
      </c>
      <c r="HR6" s="76" t="s">
        <v>83</v>
      </c>
      <c r="HS6" s="74" t="s">
        <v>47</v>
      </c>
      <c r="HT6" s="74" t="s">
        <v>48</v>
      </c>
      <c r="HU6" s="74" t="s">
        <v>49</v>
      </c>
      <c r="HV6" s="74" t="s">
        <v>50</v>
      </c>
      <c r="HW6" s="74" t="s">
        <v>51</v>
      </c>
      <c r="HX6" s="75" t="s">
        <v>45</v>
      </c>
      <c r="HY6" s="532"/>
    </row>
    <row r="7" spans="2:233" s="294" customFormat="1" ht="21" customHeight="1" x14ac:dyDescent="0.2">
      <c r="B7" s="84" t="s">
        <v>4</v>
      </c>
      <c r="C7" s="49">
        <v>7075</v>
      </c>
      <c r="D7" s="50">
        <v>94030</v>
      </c>
      <c r="E7" s="51">
        <v>101105</v>
      </c>
      <c r="F7" s="52">
        <v>0</v>
      </c>
      <c r="G7" s="50">
        <v>16491739</v>
      </c>
      <c r="H7" s="50">
        <v>38929648</v>
      </c>
      <c r="I7" s="50">
        <v>116421902</v>
      </c>
      <c r="J7" s="50">
        <v>153777041</v>
      </c>
      <c r="K7" s="50">
        <v>88207123</v>
      </c>
      <c r="L7" s="53">
        <v>413827453</v>
      </c>
      <c r="M7" s="54">
        <v>413928558</v>
      </c>
      <c r="N7" s="49">
        <v>0</v>
      </c>
      <c r="O7" s="50">
        <v>0</v>
      </c>
      <c r="P7" s="51">
        <v>0</v>
      </c>
      <c r="Q7" s="402">
        <v>0</v>
      </c>
      <c r="R7" s="50">
        <v>4358650</v>
      </c>
      <c r="S7" s="50">
        <v>14768042</v>
      </c>
      <c r="T7" s="50">
        <v>80387975</v>
      </c>
      <c r="U7" s="50">
        <v>113581449</v>
      </c>
      <c r="V7" s="50">
        <v>67994879</v>
      </c>
      <c r="W7" s="53">
        <v>281090995</v>
      </c>
      <c r="X7" s="54">
        <v>281090995</v>
      </c>
      <c r="Y7" s="49">
        <v>0</v>
      </c>
      <c r="Z7" s="50">
        <v>0</v>
      </c>
      <c r="AA7" s="51">
        <v>0</v>
      </c>
      <c r="AB7" s="402">
        <v>0</v>
      </c>
      <c r="AC7" s="50">
        <v>10143367</v>
      </c>
      <c r="AD7" s="50">
        <v>20027053</v>
      </c>
      <c r="AE7" s="50">
        <v>25499218</v>
      </c>
      <c r="AF7" s="50">
        <v>29481986</v>
      </c>
      <c r="AG7" s="50">
        <v>13102756</v>
      </c>
      <c r="AH7" s="53">
        <v>98254380</v>
      </c>
      <c r="AI7" s="54">
        <v>98254380</v>
      </c>
      <c r="AJ7" s="49">
        <v>0</v>
      </c>
      <c r="AK7" s="50">
        <v>0</v>
      </c>
      <c r="AL7" s="51">
        <v>0</v>
      </c>
      <c r="AM7" s="402">
        <v>0</v>
      </c>
      <c r="AN7" s="50">
        <v>0</v>
      </c>
      <c r="AO7" s="50">
        <v>0</v>
      </c>
      <c r="AP7" s="50">
        <v>0</v>
      </c>
      <c r="AQ7" s="50">
        <v>0</v>
      </c>
      <c r="AR7" s="50">
        <v>0</v>
      </c>
      <c r="AS7" s="53">
        <v>0</v>
      </c>
      <c r="AT7" s="54">
        <v>0</v>
      </c>
      <c r="AU7" s="49">
        <v>0</v>
      </c>
      <c r="AV7" s="50">
        <v>0</v>
      </c>
      <c r="AW7" s="51">
        <v>0</v>
      </c>
      <c r="AX7" s="402">
        <v>0</v>
      </c>
      <c r="AY7" s="50">
        <v>115610</v>
      </c>
      <c r="AZ7" s="50">
        <v>236995</v>
      </c>
      <c r="BA7" s="50">
        <v>309815</v>
      </c>
      <c r="BB7" s="50">
        <v>2428525</v>
      </c>
      <c r="BC7" s="50">
        <v>2713940</v>
      </c>
      <c r="BD7" s="53">
        <v>5804885</v>
      </c>
      <c r="BE7" s="54">
        <v>5804885</v>
      </c>
      <c r="BF7" s="49">
        <v>0</v>
      </c>
      <c r="BG7" s="50">
        <v>0</v>
      </c>
      <c r="BH7" s="51">
        <v>0</v>
      </c>
      <c r="BI7" s="402">
        <v>0</v>
      </c>
      <c r="BJ7" s="50">
        <v>68045</v>
      </c>
      <c r="BK7" s="50">
        <v>166610</v>
      </c>
      <c r="BL7" s="50">
        <v>1357905</v>
      </c>
      <c r="BM7" s="50">
        <v>1937095</v>
      </c>
      <c r="BN7" s="50">
        <v>1088480</v>
      </c>
      <c r="BO7" s="53">
        <v>4618135</v>
      </c>
      <c r="BP7" s="54">
        <v>4618135</v>
      </c>
      <c r="BQ7" s="49">
        <v>7075</v>
      </c>
      <c r="BR7" s="50">
        <v>94030</v>
      </c>
      <c r="BS7" s="51">
        <v>101105</v>
      </c>
      <c r="BT7" s="52">
        <v>0</v>
      </c>
      <c r="BU7" s="50">
        <v>1700169</v>
      </c>
      <c r="BV7" s="50">
        <v>3545970</v>
      </c>
      <c r="BW7" s="50">
        <v>8564366</v>
      </c>
      <c r="BX7" s="50">
        <v>6004022</v>
      </c>
      <c r="BY7" s="50">
        <v>3108804</v>
      </c>
      <c r="BZ7" s="53">
        <v>22923331</v>
      </c>
      <c r="CA7" s="54">
        <v>23024436</v>
      </c>
      <c r="CB7" s="49">
        <v>0</v>
      </c>
      <c r="CC7" s="50">
        <v>0</v>
      </c>
      <c r="CD7" s="51">
        <v>0</v>
      </c>
      <c r="CE7" s="52">
        <v>0</v>
      </c>
      <c r="CF7" s="50">
        <v>105898</v>
      </c>
      <c r="CG7" s="50">
        <v>184978</v>
      </c>
      <c r="CH7" s="50">
        <v>302623</v>
      </c>
      <c r="CI7" s="50">
        <v>343964</v>
      </c>
      <c r="CJ7" s="50">
        <v>198264</v>
      </c>
      <c r="CK7" s="53">
        <v>1135727</v>
      </c>
      <c r="CL7" s="54">
        <v>1135727</v>
      </c>
      <c r="CM7" s="49">
        <v>0</v>
      </c>
      <c r="CN7" s="50">
        <v>0</v>
      </c>
      <c r="CO7" s="51">
        <v>0</v>
      </c>
      <c r="CP7" s="52">
        <v>0</v>
      </c>
      <c r="CQ7" s="50">
        <v>0</v>
      </c>
      <c r="CR7" s="50">
        <v>0</v>
      </c>
      <c r="CS7" s="50">
        <v>0</v>
      </c>
      <c r="CT7" s="50">
        <v>0</v>
      </c>
      <c r="CU7" s="50">
        <v>0</v>
      </c>
      <c r="CV7" s="53">
        <v>0</v>
      </c>
      <c r="CW7" s="54">
        <v>0</v>
      </c>
      <c r="CX7" s="49">
        <v>0</v>
      </c>
      <c r="CY7" s="50">
        <v>0</v>
      </c>
      <c r="CZ7" s="51">
        <v>0</v>
      </c>
      <c r="DA7" s="402">
        <v>0</v>
      </c>
      <c r="DB7" s="50">
        <v>0</v>
      </c>
      <c r="DC7" s="50">
        <v>0</v>
      </c>
      <c r="DD7" s="50">
        <v>0</v>
      </c>
      <c r="DE7" s="50">
        <v>0</v>
      </c>
      <c r="DF7" s="50">
        <v>0</v>
      </c>
      <c r="DG7" s="53">
        <v>0</v>
      </c>
      <c r="DH7" s="54">
        <v>0</v>
      </c>
      <c r="DI7" s="49">
        <v>13264</v>
      </c>
      <c r="DJ7" s="50">
        <v>152644</v>
      </c>
      <c r="DK7" s="51">
        <v>165908</v>
      </c>
      <c r="DL7" s="52">
        <v>0</v>
      </c>
      <c r="DM7" s="50">
        <v>11114017</v>
      </c>
      <c r="DN7" s="50">
        <v>32799655</v>
      </c>
      <c r="DO7" s="50">
        <v>133289522</v>
      </c>
      <c r="DP7" s="50">
        <v>166304235</v>
      </c>
      <c r="DQ7" s="50">
        <v>96144114</v>
      </c>
      <c r="DR7" s="53">
        <v>439651543</v>
      </c>
      <c r="DS7" s="55">
        <v>439817451</v>
      </c>
      <c r="DT7" s="49">
        <v>0</v>
      </c>
      <c r="DU7" s="50">
        <v>0</v>
      </c>
      <c r="DV7" s="51">
        <v>0</v>
      </c>
      <c r="DW7" s="402">
        <v>0</v>
      </c>
      <c r="DX7" s="50">
        <v>5923185</v>
      </c>
      <c r="DY7" s="50">
        <v>21120514</v>
      </c>
      <c r="DZ7" s="50">
        <v>110894528</v>
      </c>
      <c r="EA7" s="50">
        <v>146097069</v>
      </c>
      <c r="EB7" s="50">
        <v>85360917</v>
      </c>
      <c r="EC7" s="53">
        <v>369396213</v>
      </c>
      <c r="ED7" s="54">
        <v>369396213</v>
      </c>
      <c r="EE7" s="49">
        <v>0</v>
      </c>
      <c r="EF7" s="50">
        <v>0</v>
      </c>
      <c r="EG7" s="51">
        <v>0</v>
      </c>
      <c r="EH7" s="402">
        <v>0</v>
      </c>
      <c r="EI7" s="50">
        <v>2454026</v>
      </c>
      <c r="EJ7" s="50">
        <v>5430350</v>
      </c>
      <c r="EK7" s="50">
        <v>6825522</v>
      </c>
      <c r="EL7" s="50">
        <v>6983933</v>
      </c>
      <c r="EM7" s="50">
        <v>3417478</v>
      </c>
      <c r="EN7" s="53">
        <v>25111309</v>
      </c>
      <c r="EO7" s="54">
        <v>25111309</v>
      </c>
      <c r="EP7" s="49">
        <v>0</v>
      </c>
      <c r="EQ7" s="50">
        <v>0</v>
      </c>
      <c r="ER7" s="51">
        <v>0</v>
      </c>
      <c r="ES7" s="402">
        <v>0</v>
      </c>
      <c r="ET7" s="50">
        <v>0</v>
      </c>
      <c r="EU7" s="50">
        <v>0</v>
      </c>
      <c r="EV7" s="50">
        <v>0</v>
      </c>
      <c r="EW7" s="50">
        <v>0</v>
      </c>
      <c r="EX7" s="50">
        <v>0</v>
      </c>
      <c r="EY7" s="53">
        <v>0</v>
      </c>
      <c r="EZ7" s="54">
        <v>0</v>
      </c>
      <c r="FA7" s="49">
        <v>0</v>
      </c>
      <c r="FB7" s="50">
        <v>0</v>
      </c>
      <c r="FC7" s="51">
        <v>0</v>
      </c>
      <c r="FD7" s="402">
        <v>0</v>
      </c>
      <c r="FE7" s="50">
        <v>19463</v>
      </c>
      <c r="FF7" s="50">
        <v>29047</v>
      </c>
      <c r="FG7" s="50">
        <v>35679</v>
      </c>
      <c r="FH7" s="50">
        <v>444479</v>
      </c>
      <c r="FI7" s="50">
        <v>544802</v>
      </c>
      <c r="FJ7" s="53">
        <v>1073470</v>
      </c>
      <c r="FK7" s="54">
        <v>1073470</v>
      </c>
      <c r="FL7" s="49">
        <v>0</v>
      </c>
      <c r="FM7" s="50">
        <v>0</v>
      </c>
      <c r="FN7" s="51">
        <v>0</v>
      </c>
      <c r="FO7" s="402">
        <v>0</v>
      </c>
      <c r="FP7" s="50">
        <v>95108</v>
      </c>
      <c r="FQ7" s="50">
        <v>300194</v>
      </c>
      <c r="FR7" s="50">
        <v>2245577</v>
      </c>
      <c r="FS7" s="50">
        <v>3296913</v>
      </c>
      <c r="FT7" s="50">
        <v>1760391</v>
      </c>
      <c r="FU7" s="53">
        <v>7698183</v>
      </c>
      <c r="FV7" s="54">
        <v>7698183</v>
      </c>
      <c r="FW7" s="49">
        <v>13264</v>
      </c>
      <c r="FX7" s="50">
        <v>152644</v>
      </c>
      <c r="FY7" s="51">
        <v>165908</v>
      </c>
      <c r="FZ7" s="52">
        <v>0</v>
      </c>
      <c r="GA7" s="50">
        <v>2577429</v>
      </c>
      <c r="GB7" s="50">
        <v>5824594</v>
      </c>
      <c r="GC7" s="50">
        <v>13066229</v>
      </c>
      <c r="GD7" s="50">
        <v>9299694</v>
      </c>
      <c r="GE7" s="50">
        <v>4879217</v>
      </c>
      <c r="GF7" s="53">
        <v>35647163</v>
      </c>
      <c r="GG7" s="54">
        <v>35813071</v>
      </c>
      <c r="GH7" s="49">
        <v>0</v>
      </c>
      <c r="GI7" s="50">
        <v>0</v>
      </c>
      <c r="GJ7" s="51">
        <v>0</v>
      </c>
      <c r="GK7" s="52">
        <v>0</v>
      </c>
      <c r="GL7" s="50">
        <v>44806</v>
      </c>
      <c r="GM7" s="50">
        <v>94956</v>
      </c>
      <c r="GN7" s="50">
        <v>221987</v>
      </c>
      <c r="GO7" s="50">
        <v>182147</v>
      </c>
      <c r="GP7" s="50">
        <v>181309</v>
      </c>
      <c r="GQ7" s="53">
        <v>725205</v>
      </c>
      <c r="GR7" s="54">
        <v>725205</v>
      </c>
      <c r="GS7" s="49">
        <v>0</v>
      </c>
      <c r="GT7" s="50">
        <v>0</v>
      </c>
      <c r="GU7" s="51">
        <v>0</v>
      </c>
      <c r="GV7" s="52">
        <v>0</v>
      </c>
      <c r="GW7" s="50">
        <v>0</v>
      </c>
      <c r="GX7" s="50">
        <v>0</v>
      </c>
      <c r="GY7" s="50">
        <v>0</v>
      </c>
      <c r="GZ7" s="50">
        <v>0</v>
      </c>
      <c r="HA7" s="50">
        <v>0</v>
      </c>
      <c r="HB7" s="53">
        <v>0</v>
      </c>
      <c r="HC7" s="54">
        <v>0</v>
      </c>
      <c r="HD7" s="49">
        <v>0</v>
      </c>
      <c r="HE7" s="50">
        <v>0</v>
      </c>
      <c r="HF7" s="51">
        <v>0</v>
      </c>
      <c r="HG7" s="402">
        <v>0</v>
      </c>
      <c r="HH7" s="50">
        <v>0</v>
      </c>
      <c r="HI7" s="50">
        <v>0</v>
      </c>
      <c r="HJ7" s="50">
        <v>0</v>
      </c>
      <c r="HK7" s="50">
        <v>0</v>
      </c>
      <c r="HL7" s="50">
        <v>0</v>
      </c>
      <c r="HM7" s="53">
        <v>0</v>
      </c>
      <c r="HN7" s="54">
        <v>0</v>
      </c>
      <c r="HO7" s="49">
        <v>20339</v>
      </c>
      <c r="HP7" s="50">
        <v>246674</v>
      </c>
      <c r="HQ7" s="51">
        <v>267013</v>
      </c>
      <c r="HR7" s="52">
        <v>0</v>
      </c>
      <c r="HS7" s="50">
        <v>27605756</v>
      </c>
      <c r="HT7" s="50">
        <v>71729303</v>
      </c>
      <c r="HU7" s="50">
        <v>249711424</v>
      </c>
      <c r="HV7" s="50">
        <v>320081276</v>
      </c>
      <c r="HW7" s="50">
        <v>184351237</v>
      </c>
      <c r="HX7" s="53">
        <v>853478996</v>
      </c>
      <c r="HY7" s="54">
        <v>853746009</v>
      </c>
    </row>
    <row r="8" spans="2:233" s="294" customFormat="1" ht="21" customHeight="1" x14ac:dyDescent="0.2">
      <c r="B8" s="95" t="s">
        <v>5</v>
      </c>
      <c r="C8" s="56">
        <v>0</v>
      </c>
      <c r="D8" s="57">
        <v>38645</v>
      </c>
      <c r="E8" s="58">
        <v>38645</v>
      </c>
      <c r="F8" s="59">
        <v>0</v>
      </c>
      <c r="G8" s="57">
        <v>6027237</v>
      </c>
      <c r="H8" s="57">
        <v>20738771</v>
      </c>
      <c r="I8" s="57">
        <v>51169867</v>
      </c>
      <c r="J8" s="57">
        <v>64089772</v>
      </c>
      <c r="K8" s="57">
        <v>38293949</v>
      </c>
      <c r="L8" s="60">
        <v>180319596</v>
      </c>
      <c r="M8" s="61">
        <v>180358241</v>
      </c>
      <c r="N8" s="56">
        <v>0</v>
      </c>
      <c r="O8" s="57">
        <v>0</v>
      </c>
      <c r="P8" s="58">
        <v>0</v>
      </c>
      <c r="Q8" s="403">
        <v>0</v>
      </c>
      <c r="R8" s="57">
        <v>2364940</v>
      </c>
      <c r="S8" s="57">
        <v>10020623</v>
      </c>
      <c r="T8" s="57">
        <v>36234875</v>
      </c>
      <c r="U8" s="57">
        <v>48388916</v>
      </c>
      <c r="V8" s="57">
        <v>30055754</v>
      </c>
      <c r="W8" s="60">
        <v>127065108</v>
      </c>
      <c r="X8" s="61">
        <v>127065108</v>
      </c>
      <c r="Y8" s="56">
        <v>0</v>
      </c>
      <c r="Z8" s="57">
        <v>0</v>
      </c>
      <c r="AA8" s="58">
        <v>0</v>
      </c>
      <c r="AB8" s="403">
        <v>0</v>
      </c>
      <c r="AC8" s="57">
        <v>3076406</v>
      </c>
      <c r="AD8" s="57">
        <v>9094643</v>
      </c>
      <c r="AE8" s="57">
        <v>11355876</v>
      </c>
      <c r="AF8" s="57">
        <v>12596484</v>
      </c>
      <c r="AG8" s="57">
        <v>6126368</v>
      </c>
      <c r="AH8" s="60">
        <v>42249777</v>
      </c>
      <c r="AI8" s="61">
        <v>42249777</v>
      </c>
      <c r="AJ8" s="56">
        <v>0</v>
      </c>
      <c r="AK8" s="57">
        <v>0</v>
      </c>
      <c r="AL8" s="58">
        <v>0</v>
      </c>
      <c r="AM8" s="403">
        <v>0</v>
      </c>
      <c r="AN8" s="57">
        <v>0</v>
      </c>
      <c r="AO8" s="57">
        <v>0</v>
      </c>
      <c r="AP8" s="57">
        <v>0</v>
      </c>
      <c r="AQ8" s="57">
        <v>0</v>
      </c>
      <c r="AR8" s="57">
        <v>0</v>
      </c>
      <c r="AS8" s="60">
        <v>0</v>
      </c>
      <c r="AT8" s="61">
        <v>0</v>
      </c>
      <c r="AU8" s="56">
        <v>0</v>
      </c>
      <c r="AV8" s="57">
        <v>0</v>
      </c>
      <c r="AW8" s="58">
        <v>0</v>
      </c>
      <c r="AX8" s="403">
        <v>0</v>
      </c>
      <c r="AY8" s="57">
        <v>24645</v>
      </c>
      <c r="AZ8" s="57">
        <v>0</v>
      </c>
      <c r="BA8" s="57">
        <v>18075</v>
      </c>
      <c r="BB8" s="57">
        <v>439380</v>
      </c>
      <c r="BC8" s="57">
        <v>510085</v>
      </c>
      <c r="BD8" s="60">
        <v>992185</v>
      </c>
      <c r="BE8" s="61">
        <v>992185</v>
      </c>
      <c r="BF8" s="56">
        <v>0</v>
      </c>
      <c r="BG8" s="57">
        <v>0</v>
      </c>
      <c r="BH8" s="58">
        <v>0</v>
      </c>
      <c r="BI8" s="403">
        <v>0</v>
      </c>
      <c r="BJ8" s="57">
        <v>35340</v>
      </c>
      <c r="BK8" s="57">
        <v>123520</v>
      </c>
      <c r="BL8" s="57">
        <v>178390</v>
      </c>
      <c r="BM8" s="57">
        <v>168615</v>
      </c>
      <c r="BN8" s="57">
        <v>261155</v>
      </c>
      <c r="BO8" s="60">
        <v>767020</v>
      </c>
      <c r="BP8" s="61">
        <v>767020</v>
      </c>
      <c r="BQ8" s="56">
        <v>0</v>
      </c>
      <c r="BR8" s="57">
        <v>38645</v>
      </c>
      <c r="BS8" s="58">
        <v>38645</v>
      </c>
      <c r="BT8" s="59">
        <v>0</v>
      </c>
      <c r="BU8" s="57">
        <v>492110</v>
      </c>
      <c r="BV8" s="57">
        <v>1383795</v>
      </c>
      <c r="BW8" s="57">
        <v>3217023</v>
      </c>
      <c r="BX8" s="57">
        <v>2301993</v>
      </c>
      <c r="BY8" s="57">
        <v>1256646</v>
      </c>
      <c r="BZ8" s="60">
        <v>8651567</v>
      </c>
      <c r="CA8" s="61">
        <v>8690212</v>
      </c>
      <c r="CB8" s="56">
        <v>0</v>
      </c>
      <c r="CC8" s="57">
        <v>0</v>
      </c>
      <c r="CD8" s="58">
        <v>0</v>
      </c>
      <c r="CE8" s="59">
        <v>0</v>
      </c>
      <c r="CF8" s="57">
        <v>33796</v>
      </c>
      <c r="CG8" s="57">
        <v>116190</v>
      </c>
      <c r="CH8" s="57">
        <v>165628</v>
      </c>
      <c r="CI8" s="57">
        <v>194384</v>
      </c>
      <c r="CJ8" s="57">
        <v>83941</v>
      </c>
      <c r="CK8" s="60">
        <v>593939</v>
      </c>
      <c r="CL8" s="61">
        <v>593939</v>
      </c>
      <c r="CM8" s="56">
        <v>0</v>
      </c>
      <c r="CN8" s="57">
        <v>0</v>
      </c>
      <c r="CO8" s="58">
        <v>0</v>
      </c>
      <c r="CP8" s="59">
        <v>0</v>
      </c>
      <c r="CQ8" s="57">
        <v>0</v>
      </c>
      <c r="CR8" s="57">
        <v>0</v>
      </c>
      <c r="CS8" s="57">
        <v>0</v>
      </c>
      <c r="CT8" s="57">
        <v>0</v>
      </c>
      <c r="CU8" s="57">
        <v>0</v>
      </c>
      <c r="CV8" s="60">
        <v>0</v>
      </c>
      <c r="CW8" s="61">
        <v>0</v>
      </c>
      <c r="CX8" s="56">
        <v>0</v>
      </c>
      <c r="CY8" s="57">
        <v>0</v>
      </c>
      <c r="CZ8" s="58">
        <v>0</v>
      </c>
      <c r="DA8" s="403">
        <v>0</v>
      </c>
      <c r="DB8" s="57">
        <v>0</v>
      </c>
      <c r="DC8" s="57">
        <v>0</v>
      </c>
      <c r="DD8" s="57">
        <v>0</v>
      </c>
      <c r="DE8" s="57">
        <v>0</v>
      </c>
      <c r="DF8" s="57">
        <v>0</v>
      </c>
      <c r="DG8" s="60">
        <v>0</v>
      </c>
      <c r="DH8" s="61">
        <v>0</v>
      </c>
      <c r="DI8" s="56">
        <v>0</v>
      </c>
      <c r="DJ8" s="57">
        <v>48074</v>
      </c>
      <c r="DK8" s="58">
        <v>48074</v>
      </c>
      <c r="DL8" s="59">
        <v>0</v>
      </c>
      <c r="DM8" s="57">
        <v>5670856</v>
      </c>
      <c r="DN8" s="57">
        <v>20851956</v>
      </c>
      <c r="DO8" s="57">
        <v>61383811</v>
      </c>
      <c r="DP8" s="57">
        <v>71675899</v>
      </c>
      <c r="DQ8" s="57">
        <v>43001699</v>
      </c>
      <c r="DR8" s="60">
        <v>202584221</v>
      </c>
      <c r="DS8" s="62">
        <v>202632295</v>
      </c>
      <c r="DT8" s="56">
        <v>0</v>
      </c>
      <c r="DU8" s="57">
        <v>0</v>
      </c>
      <c r="DV8" s="58">
        <v>0</v>
      </c>
      <c r="DW8" s="403">
        <v>0</v>
      </c>
      <c r="DX8" s="57">
        <v>3651835</v>
      </c>
      <c r="DY8" s="57">
        <v>14823676</v>
      </c>
      <c r="DZ8" s="57">
        <v>51813206</v>
      </c>
      <c r="EA8" s="57">
        <v>63696520</v>
      </c>
      <c r="EB8" s="57">
        <v>38280920</v>
      </c>
      <c r="EC8" s="60">
        <v>172266157</v>
      </c>
      <c r="ED8" s="61">
        <v>172266157</v>
      </c>
      <c r="EE8" s="56">
        <v>0</v>
      </c>
      <c r="EF8" s="57">
        <v>0</v>
      </c>
      <c r="EG8" s="58">
        <v>0</v>
      </c>
      <c r="EH8" s="403">
        <v>0</v>
      </c>
      <c r="EI8" s="57">
        <v>1153980</v>
      </c>
      <c r="EJ8" s="57">
        <v>3475739</v>
      </c>
      <c r="EK8" s="57">
        <v>3886903</v>
      </c>
      <c r="EL8" s="57">
        <v>3763989</v>
      </c>
      <c r="EM8" s="57">
        <v>2026716</v>
      </c>
      <c r="EN8" s="60">
        <v>14307327</v>
      </c>
      <c r="EO8" s="61">
        <v>14307327</v>
      </c>
      <c r="EP8" s="56">
        <v>0</v>
      </c>
      <c r="EQ8" s="57">
        <v>0</v>
      </c>
      <c r="ER8" s="58">
        <v>0</v>
      </c>
      <c r="ES8" s="403">
        <v>0</v>
      </c>
      <c r="ET8" s="57">
        <v>0</v>
      </c>
      <c r="EU8" s="57">
        <v>0</v>
      </c>
      <c r="EV8" s="57">
        <v>0</v>
      </c>
      <c r="EW8" s="57">
        <v>0</v>
      </c>
      <c r="EX8" s="57">
        <v>0</v>
      </c>
      <c r="EY8" s="60">
        <v>0</v>
      </c>
      <c r="EZ8" s="61">
        <v>0</v>
      </c>
      <c r="FA8" s="56">
        <v>0</v>
      </c>
      <c r="FB8" s="57">
        <v>0</v>
      </c>
      <c r="FC8" s="58">
        <v>0</v>
      </c>
      <c r="FD8" s="403">
        <v>0</v>
      </c>
      <c r="FE8" s="57">
        <v>217</v>
      </c>
      <c r="FF8" s="57">
        <v>0</v>
      </c>
      <c r="FG8" s="57">
        <v>11539</v>
      </c>
      <c r="FH8" s="57">
        <v>97588</v>
      </c>
      <c r="FI8" s="57">
        <v>189583</v>
      </c>
      <c r="FJ8" s="60">
        <v>298927</v>
      </c>
      <c r="FK8" s="61">
        <v>298927</v>
      </c>
      <c r="FL8" s="56">
        <v>0</v>
      </c>
      <c r="FM8" s="57">
        <v>0</v>
      </c>
      <c r="FN8" s="58">
        <v>0</v>
      </c>
      <c r="FO8" s="403">
        <v>0</v>
      </c>
      <c r="FP8" s="57">
        <v>58342</v>
      </c>
      <c r="FQ8" s="57">
        <v>127586</v>
      </c>
      <c r="FR8" s="57">
        <v>255902</v>
      </c>
      <c r="FS8" s="57">
        <v>387930</v>
      </c>
      <c r="FT8" s="57">
        <v>389412</v>
      </c>
      <c r="FU8" s="60">
        <v>1219172</v>
      </c>
      <c r="FV8" s="61">
        <v>1219172</v>
      </c>
      <c r="FW8" s="56">
        <v>0</v>
      </c>
      <c r="FX8" s="57">
        <v>48074</v>
      </c>
      <c r="FY8" s="58">
        <v>48074</v>
      </c>
      <c r="FZ8" s="59">
        <v>0</v>
      </c>
      <c r="GA8" s="57">
        <v>783703</v>
      </c>
      <c r="GB8" s="57">
        <v>2373618</v>
      </c>
      <c r="GC8" s="57">
        <v>5291709</v>
      </c>
      <c r="GD8" s="57">
        <v>3632237</v>
      </c>
      <c r="GE8" s="57">
        <v>2045995</v>
      </c>
      <c r="GF8" s="60">
        <v>14127262</v>
      </c>
      <c r="GG8" s="61">
        <v>14175336</v>
      </c>
      <c r="GH8" s="56">
        <v>0</v>
      </c>
      <c r="GI8" s="57">
        <v>0</v>
      </c>
      <c r="GJ8" s="58">
        <v>0</v>
      </c>
      <c r="GK8" s="59">
        <v>0</v>
      </c>
      <c r="GL8" s="57">
        <v>22779</v>
      </c>
      <c r="GM8" s="57">
        <v>51337</v>
      </c>
      <c r="GN8" s="57">
        <v>124552</v>
      </c>
      <c r="GO8" s="57">
        <v>97635</v>
      </c>
      <c r="GP8" s="57">
        <v>69073</v>
      </c>
      <c r="GQ8" s="60">
        <v>365376</v>
      </c>
      <c r="GR8" s="61">
        <v>365376</v>
      </c>
      <c r="GS8" s="56">
        <v>0</v>
      </c>
      <c r="GT8" s="57">
        <v>0</v>
      </c>
      <c r="GU8" s="58">
        <v>0</v>
      </c>
      <c r="GV8" s="59">
        <v>0</v>
      </c>
      <c r="GW8" s="57">
        <v>0</v>
      </c>
      <c r="GX8" s="57">
        <v>0</v>
      </c>
      <c r="GY8" s="57">
        <v>0</v>
      </c>
      <c r="GZ8" s="57">
        <v>0</v>
      </c>
      <c r="HA8" s="57">
        <v>0</v>
      </c>
      <c r="HB8" s="60">
        <v>0</v>
      </c>
      <c r="HC8" s="61">
        <v>0</v>
      </c>
      <c r="HD8" s="56">
        <v>0</v>
      </c>
      <c r="HE8" s="57">
        <v>0</v>
      </c>
      <c r="HF8" s="58">
        <v>0</v>
      </c>
      <c r="HG8" s="403">
        <v>0</v>
      </c>
      <c r="HH8" s="57">
        <v>0</v>
      </c>
      <c r="HI8" s="57">
        <v>0</v>
      </c>
      <c r="HJ8" s="57">
        <v>0</v>
      </c>
      <c r="HK8" s="57">
        <v>0</v>
      </c>
      <c r="HL8" s="57">
        <v>0</v>
      </c>
      <c r="HM8" s="60">
        <v>0</v>
      </c>
      <c r="HN8" s="61">
        <v>0</v>
      </c>
      <c r="HO8" s="56">
        <v>0</v>
      </c>
      <c r="HP8" s="57">
        <v>86719</v>
      </c>
      <c r="HQ8" s="58">
        <v>86719</v>
      </c>
      <c r="HR8" s="59">
        <v>0</v>
      </c>
      <c r="HS8" s="57">
        <v>11698093</v>
      </c>
      <c r="HT8" s="57">
        <v>41590727</v>
      </c>
      <c r="HU8" s="57">
        <v>112553678</v>
      </c>
      <c r="HV8" s="57">
        <v>135765671</v>
      </c>
      <c r="HW8" s="57">
        <v>81295648</v>
      </c>
      <c r="HX8" s="60">
        <v>382903817</v>
      </c>
      <c r="HY8" s="61">
        <v>382990536</v>
      </c>
    </row>
    <row r="9" spans="2:233" ht="21" customHeight="1" x14ac:dyDescent="0.2">
      <c r="B9" s="106" t="s">
        <v>6</v>
      </c>
      <c r="C9" s="24">
        <v>0</v>
      </c>
      <c r="D9" s="25">
        <v>3830</v>
      </c>
      <c r="E9" s="26">
        <v>3830</v>
      </c>
      <c r="F9" s="27">
        <v>0</v>
      </c>
      <c r="G9" s="25">
        <v>3024712</v>
      </c>
      <c r="H9" s="25">
        <v>4536858</v>
      </c>
      <c r="I9" s="25">
        <v>15710658</v>
      </c>
      <c r="J9" s="25">
        <v>21294011</v>
      </c>
      <c r="K9" s="25">
        <v>12149972</v>
      </c>
      <c r="L9" s="28">
        <v>56716211</v>
      </c>
      <c r="M9" s="29">
        <v>56720041</v>
      </c>
      <c r="N9" s="24">
        <v>0</v>
      </c>
      <c r="O9" s="25">
        <v>0</v>
      </c>
      <c r="P9" s="26">
        <v>0</v>
      </c>
      <c r="Q9" s="404">
        <v>0</v>
      </c>
      <c r="R9" s="25">
        <v>944380</v>
      </c>
      <c r="S9" s="25">
        <v>1958435</v>
      </c>
      <c r="T9" s="25">
        <v>10985265</v>
      </c>
      <c r="U9" s="25">
        <v>15929240</v>
      </c>
      <c r="V9" s="25">
        <v>9283263</v>
      </c>
      <c r="W9" s="28">
        <v>39100583</v>
      </c>
      <c r="X9" s="29">
        <v>39100583</v>
      </c>
      <c r="Y9" s="24">
        <v>0</v>
      </c>
      <c r="Z9" s="25">
        <v>0</v>
      </c>
      <c r="AA9" s="26">
        <v>0</v>
      </c>
      <c r="AB9" s="404">
        <v>0</v>
      </c>
      <c r="AC9" s="25">
        <v>1750615</v>
      </c>
      <c r="AD9" s="25">
        <v>2105385</v>
      </c>
      <c r="AE9" s="25">
        <v>3330885</v>
      </c>
      <c r="AF9" s="25">
        <v>3553915</v>
      </c>
      <c r="AG9" s="25">
        <v>2019500</v>
      </c>
      <c r="AH9" s="28">
        <v>12760300</v>
      </c>
      <c r="AI9" s="29">
        <v>12760300</v>
      </c>
      <c r="AJ9" s="24">
        <v>0</v>
      </c>
      <c r="AK9" s="25">
        <v>0</v>
      </c>
      <c r="AL9" s="26">
        <v>0</v>
      </c>
      <c r="AM9" s="404">
        <v>0</v>
      </c>
      <c r="AN9" s="25">
        <v>0</v>
      </c>
      <c r="AO9" s="25">
        <v>0</v>
      </c>
      <c r="AP9" s="25">
        <v>0</v>
      </c>
      <c r="AQ9" s="25">
        <v>0</v>
      </c>
      <c r="AR9" s="25">
        <v>0</v>
      </c>
      <c r="AS9" s="28">
        <v>0</v>
      </c>
      <c r="AT9" s="29">
        <v>0</v>
      </c>
      <c r="AU9" s="24">
        <v>0</v>
      </c>
      <c r="AV9" s="25">
        <v>0</v>
      </c>
      <c r="AW9" s="26">
        <v>0</v>
      </c>
      <c r="AX9" s="404">
        <v>0</v>
      </c>
      <c r="AY9" s="25">
        <v>0</v>
      </c>
      <c r="AZ9" s="25">
        <v>0</v>
      </c>
      <c r="BA9" s="25">
        <v>24645</v>
      </c>
      <c r="BB9" s="25">
        <v>430355</v>
      </c>
      <c r="BC9" s="25">
        <v>238565</v>
      </c>
      <c r="BD9" s="28">
        <v>693565</v>
      </c>
      <c r="BE9" s="29">
        <v>693565</v>
      </c>
      <c r="BF9" s="24">
        <v>0</v>
      </c>
      <c r="BG9" s="25">
        <v>0</v>
      </c>
      <c r="BH9" s="26">
        <v>0</v>
      </c>
      <c r="BI9" s="404">
        <v>0</v>
      </c>
      <c r="BJ9" s="25">
        <v>32705</v>
      </c>
      <c r="BK9" s="25">
        <v>40455</v>
      </c>
      <c r="BL9" s="25">
        <v>420605</v>
      </c>
      <c r="BM9" s="25">
        <v>497110</v>
      </c>
      <c r="BN9" s="25">
        <v>242125</v>
      </c>
      <c r="BO9" s="28">
        <v>1233000</v>
      </c>
      <c r="BP9" s="29">
        <v>1233000</v>
      </c>
      <c r="BQ9" s="24">
        <v>0</v>
      </c>
      <c r="BR9" s="25">
        <v>3830</v>
      </c>
      <c r="BS9" s="26">
        <v>3830</v>
      </c>
      <c r="BT9" s="27">
        <v>0</v>
      </c>
      <c r="BU9" s="25">
        <v>286277</v>
      </c>
      <c r="BV9" s="25">
        <v>408978</v>
      </c>
      <c r="BW9" s="25">
        <v>898333</v>
      </c>
      <c r="BX9" s="25">
        <v>832502</v>
      </c>
      <c r="BY9" s="25">
        <v>317699</v>
      </c>
      <c r="BZ9" s="28">
        <v>2743789</v>
      </c>
      <c r="CA9" s="29">
        <v>2747619</v>
      </c>
      <c r="CB9" s="24">
        <v>0</v>
      </c>
      <c r="CC9" s="25">
        <v>0</v>
      </c>
      <c r="CD9" s="26">
        <v>0</v>
      </c>
      <c r="CE9" s="27">
        <v>0</v>
      </c>
      <c r="CF9" s="25">
        <v>10735</v>
      </c>
      <c r="CG9" s="25">
        <v>23605</v>
      </c>
      <c r="CH9" s="25">
        <v>50925</v>
      </c>
      <c r="CI9" s="25">
        <v>50889</v>
      </c>
      <c r="CJ9" s="25">
        <v>48820</v>
      </c>
      <c r="CK9" s="28">
        <v>184974</v>
      </c>
      <c r="CL9" s="29">
        <v>184974</v>
      </c>
      <c r="CM9" s="24">
        <v>0</v>
      </c>
      <c r="CN9" s="25">
        <v>0</v>
      </c>
      <c r="CO9" s="26">
        <v>0</v>
      </c>
      <c r="CP9" s="27">
        <v>0</v>
      </c>
      <c r="CQ9" s="25">
        <v>0</v>
      </c>
      <c r="CR9" s="25">
        <v>0</v>
      </c>
      <c r="CS9" s="25">
        <v>0</v>
      </c>
      <c r="CT9" s="25">
        <v>0</v>
      </c>
      <c r="CU9" s="25">
        <v>0</v>
      </c>
      <c r="CV9" s="28">
        <v>0</v>
      </c>
      <c r="CW9" s="29">
        <v>0</v>
      </c>
      <c r="CX9" s="24">
        <v>0</v>
      </c>
      <c r="CY9" s="25">
        <v>0</v>
      </c>
      <c r="CZ9" s="26">
        <v>0</v>
      </c>
      <c r="DA9" s="404">
        <v>0</v>
      </c>
      <c r="DB9" s="25">
        <v>0</v>
      </c>
      <c r="DC9" s="25">
        <v>0</v>
      </c>
      <c r="DD9" s="25">
        <v>0</v>
      </c>
      <c r="DE9" s="25">
        <v>0</v>
      </c>
      <c r="DF9" s="25">
        <v>0</v>
      </c>
      <c r="DG9" s="28">
        <v>0</v>
      </c>
      <c r="DH9" s="29">
        <v>0</v>
      </c>
      <c r="DI9" s="24">
        <v>0</v>
      </c>
      <c r="DJ9" s="25">
        <v>9126</v>
      </c>
      <c r="DK9" s="26">
        <v>9126</v>
      </c>
      <c r="DL9" s="27">
        <v>0</v>
      </c>
      <c r="DM9" s="25">
        <v>1680442</v>
      </c>
      <c r="DN9" s="25">
        <v>3449772</v>
      </c>
      <c r="DO9" s="25">
        <v>14776783</v>
      </c>
      <c r="DP9" s="25">
        <v>19953923</v>
      </c>
      <c r="DQ9" s="25">
        <v>11539362</v>
      </c>
      <c r="DR9" s="28">
        <v>51400282</v>
      </c>
      <c r="DS9" s="30">
        <v>51409408</v>
      </c>
      <c r="DT9" s="24">
        <v>0</v>
      </c>
      <c r="DU9" s="25">
        <v>0</v>
      </c>
      <c r="DV9" s="26">
        <v>0</v>
      </c>
      <c r="DW9" s="404">
        <v>0</v>
      </c>
      <c r="DX9" s="25">
        <v>931624</v>
      </c>
      <c r="DY9" s="25">
        <v>2132070</v>
      </c>
      <c r="DZ9" s="25">
        <v>12177105</v>
      </c>
      <c r="EA9" s="25">
        <v>16788054</v>
      </c>
      <c r="EB9" s="25">
        <v>10022010</v>
      </c>
      <c r="EC9" s="28">
        <v>42050863</v>
      </c>
      <c r="ED9" s="29">
        <v>42050863</v>
      </c>
      <c r="EE9" s="24">
        <v>0</v>
      </c>
      <c r="EF9" s="25">
        <v>0</v>
      </c>
      <c r="EG9" s="26">
        <v>0</v>
      </c>
      <c r="EH9" s="404">
        <v>0</v>
      </c>
      <c r="EI9" s="25">
        <v>347645</v>
      </c>
      <c r="EJ9" s="25">
        <v>511695</v>
      </c>
      <c r="EK9" s="25">
        <v>790132</v>
      </c>
      <c r="EL9" s="25">
        <v>966718</v>
      </c>
      <c r="EM9" s="25">
        <v>575302</v>
      </c>
      <c r="EN9" s="28">
        <v>3191492</v>
      </c>
      <c r="EO9" s="29">
        <v>3191492</v>
      </c>
      <c r="EP9" s="24">
        <v>0</v>
      </c>
      <c r="EQ9" s="25">
        <v>0</v>
      </c>
      <c r="ER9" s="26">
        <v>0</v>
      </c>
      <c r="ES9" s="404">
        <v>0</v>
      </c>
      <c r="ET9" s="25">
        <v>0</v>
      </c>
      <c r="EU9" s="25">
        <v>0</v>
      </c>
      <c r="EV9" s="25">
        <v>0</v>
      </c>
      <c r="EW9" s="25">
        <v>0</v>
      </c>
      <c r="EX9" s="25">
        <v>0</v>
      </c>
      <c r="EY9" s="28">
        <v>0</v>
      </c>
      <c r="EZ9" s="29">
        <v>0</v>
      </c>
      <c r="FA9" s="24">
        <v>0</v>
      </c>
      <c r="FB9" s="25">
        <v>0</v>
      </c>
      <c r="FC9" s="26">
        <v>0</v>
      </c>
      <c r="FD9" s="404">
        <v>0</v>
      </c>
      <c r="FE9" s="25">
        <v>0</v>
      </c>
      <c r="FF9" s="25">
        <v>0</v>
      </c>
      <c r="FG9" s="25">
        <v>217</v>
      </c>
      <c r="FH9" s="25">
        <v>104775</v>
      </c>
      <c r="FI9" s="25">
        <v>30062</v>
      </c>
      <c r="FJ9" s="28">
        <v>135054</v>
      </c>
      <c r="FK9" s="29">
        <v>135054</v>
      </c>
      <c r="FL9" s="24">
        <v>0</v>
      </c>
      <c r="FM9" s="25">
        <v>0</v>
      </c>
      <c r="FN9" s="26">
        <v>0</v>
      </c>
      <c r="FO9" s="404">
        <v>0</v>
      </c>
      <c r="FP9" s="25">
        <v>36766</v>
      </c>
      <c r="FQ9" s="25">
        <v>151032</v>
      </c>
      <c r="FR9" s="25">
        <v>588296</v>
      </c>
      <c r="FS9" s="25">
        <v>887694</v>
      </c>
      <c r="FT9" s="25">
        <v>417564</v>
      </c>
      <c r="FU9" s="28">
        <v>2081352</v>
      </c>
      <c r="FV9" s="29">
        <v>2081352</v>
      </c>
      <c r="FW9" s="24">
        <v>0</v>
      </c>
      <c r="FX9" s="25">
        <v>9126</v>
      </c>
      <c r="FY9" s="26">
        <v>9126</v>
      </c>
      <c r="FZ9" s="27">
        <v>0</v>
      </c>
      <c r="GA9" s="25">
        <v>356373</v>
      </c>
      <c r="GB9" s="25">
        <v>631373</v>
      </c>
      <c r="GC9" s="25">
        <v>1155121</v>
      </c>
      <c r="GD9" s="25">
        <v>1151329</v>
      </c>
      <c r="GE9" s="25">
        <v>417812</v>
      </c>
      <c r="GF9" s="28">
        <v>3712008</v>
      </c>
      <c r="GG9" s="29">
        <v>3721134</v>
      </c>
      <c r="GH9" s="24">
        <v>0</v>
      </c>
      <c r="GI9" s="25">
        <v>0</v>
      </c>
      <c r="GJ9" s="26">
        <v>0</v>
      </c>
      <c r="GK9" s="27">
        <v>0</v>
      </c>
      <c r="GL9" s="25">
        <v>8034</v>
      </c>
      <c r="GM9" s="25">
        <v>23602</v>
      </c>
      <c r="GN9" s="25">
        <v>65912</v>
      </c>
      <c r="GO9" s="25">
        <v>55353</v>
      </c>
      <c r="GP9" s="25">
        <v>76612</v>
      </c>
      <c r="GQ9" s="28">
        <v>229513</v>
      </c>
      <c r="GR9" s="29">
        <v>229513</v>
      </c>
      <c r="GS9" s="24">
        <v>0</v>
      </c>
      <c r="GT9" s="25">
        <v>0</v>
      </c>
      <c r="GU9" s="26">
        <v>0</v>
      </c>
      <c r="GV9" s="27">
        <v>0</v>
      </c>
      <c r="GW9" s="25">
        <v>0</v>
      </c>
      <c r="GX9" s="25">
        <v>0</v>
      </c>
      <c r="GY9" s="25">
        <v>0</v>
      </c>
      <c r="GZ9" s="25">
        <v>0</v>
      </c>
      <c r="HA9" s="25">
        <v>0</v>
      </c>
      <c r="HB9" s="28">
        <v>0</v>
      </c>
      <c r="HC9" s="29">
        <v>0</v>
      </c>
      <c r="HD9" s="24">
        <v>0</v>
      </c>
      <c r="HE9" s="25">
        <v>0</v>
      </c>
      <c r="HF9" s="26">
        <v>0</v>
      </c>
      <c r="HG9" s="404">
        <v>0</v>
      </c>
      <c r="HH9" s="25">
        <v>0</v>
      </c>
      <c r="HI9" s="25">
        <v>0</v>
      </c>
      <c r="HJ9" s="25">
        <v>0</v>
      </c>
      <c r="HK9" s="25">
        <v>0</v>
      </c>
      <c r="HL9" s="25">
        <v>0</v>
      </c>
      <c r="HM9" s="28">
        <v>0</v>
      </c>
      <c r="HN9" s="29">
        <v>0</v>
      </c>
      <c r="HO9" s="24">
        <v>0</v>
      </c>
      <c r="HP9" s="25">
        <v>12956</v>
      </c>
      <c r="HQ9" s="26">
        <v>12956</v>
      </c>
      <c r="HR9" s="27">
        <v>0</v>
      </c>
      <c r="HS9" s="25">
        <v>4705154</v>
      </c>
      <c r="HT9" s="25">
        <v>7986630</v>
      </c>
      <c r="HU9" s="25">
        <v>30487441</v>
      </c>
      <c r="HV9" s="25">
        <v>41247934</v>
      </c>
      <c r="HW9" s="25">
        <v>23689334</v>
      </c>
      <c r="HX9" s="28">
        <v>108116493</v>
      </c>
      <c r="HY9" s="29">
        <v>108129449</v>
      </c>
    </row>
    <row r="10" spans="2:233" ht="21" customHeight="1" x14ac:dyDescent="0.2">
      <c r="B10" s="106" t="s">
        <v>14</v>
      </c>
      <c r="C10" s="24">
        <v>0</v>
      </c>
      <c r="D10" s="25">
        <v>10140</v>
      </c>
      <c r="E10" s="26">
        <v>10140</v>
      </c>
      <c r="F10" s="27">
        <v>0</v>
      </c>
      <c r="G10" s="25">
        <v>603786</v>
      </c>
      <c r="H10" s="25">
        <v>1650872</v>
      </c>
      <c r="I10" s="25">
        <v>8290126</v>
      </c>
      <c r="J10" s="25">
        <v>12461388</v>
      </c>
      <c r="K10" s="25">
        <v>7004319</v>
      </c>
      <c r="L10" s="28">
        <v>30010491</v>
      </c>
      <c r="M10" s="29">
        <v>30020631</v>
      </c>
      <c r="N10" s="24">
        <v>0</v>
      </c>
      <c r="O10" s="25">
        <v>0</v>
      </c>
      <c r="P10" s="26">
        <v>0</v>
      </c>
      <c r="Q10" s="404">
        <v>0</v>
      </c>
      <c r="R10" s="25">
        <v>79205</v>
      </c>
      <c r="S10" s="25">
        <v>298825</v>
      </c>
      <c r="T10" s="25">
        <v>5965460</v>
      </c>
      <c r="U10" s="25">
        <v>8602984</v>
      </c>
      <c r="V10" s="25">
        <v>5634530</v>
      </c>
      <c r="W10" s="28">
        <v>20581004</v>
      </c>
      <c r="X10" s="29">
        <v>20581004</v>
      </c>
      <c r="Y10" s="24">
        <v>0</v>
      </c>
      <c r="Z10" s="25">
        <v>0</v>
      </c>
      <c r="AA10" s="26">
        <v>0</v>
      </c>
      <c r="AB10" s="404">
        <v>0</v>
      </c>
      <c r="AC10" s="25">
        <v>426950</v>
      </c>
      <c r="AD10" s="25">
        <v>1078040</v>
      </c>
      <c r="AE10" s="25">
        <v>1418650</v>
      </c>
      <c r="AF10" s="25">
        <v>2307036</v>
      </c>
      <c r="AG10" s="25">
        <v>537672</v>
      </c>
      <c r="AH10" s="28">
        <v>5768348</v>
      </c>
      <c r="AI10" s="29">
        <v>5768348</v>
      </c>
      <c r="AJ10" s="24">
        <v>0</v>
      </c>
      <c r="AK10" s="25">
        <v>0</v>
      </c>
      <c r="AL10" s="26">
        <v>0</v>
      </c>
      <c r="AM10" s="404">
        <v>0</v>
      </c>
      <c r="AN10" s="25">
        <v>0</v>
      </c>
      <c r="AO10" s="25">
        <v>0</v>
      </c>
      <c r="AP10" s="25">
        <v>0</v>
      </c>
      <c r="AQ10" s="25">
        <v>0</v>
      </c>
      <c r="AR10" s="25">
        <v>0</v>
      </c>
      <c r="AS10" s="28">
        <v>0</v>
      </c>
      <c r="AT10" s="29">
        <v>0</v>
      </c>
      <c r="AU10" s="24">
        <v>0</v>
      </c>
      <c r="AV10" s="25">
        <v>0</v>
      </c>
      <c r="AW10" s="26">
        <v>0</v>
      </c>
      <c r="AX10" s="404">
        <v>0</v>
      </c>
      <c r="AY10" s="25">
        <v>35495</v>
      </c>
      <c r="AZ10" s="25">
        <v>0</v>
      </c>
      <c r="BA10" s="25">
        <v>51810</v>
      </c>
      <c r="BB10" s="25">
        <v>814360</v>
      </c>
      <c r="BC10" s="25">
        <v>564940</v>
      </c>
      <c r="BD10" s="28">
        <v>1466605</v>
      </c>
      <c r="BE10" s="29">
        <v>1466605</v>
      </c>
      <c r="BF10" s="24">
        <v>0</v>
      </c>
      <c r="BG10" s="25">
        <v>0</v>
      </c>
      <c r="BH10" s="26">
        <v>0</v>
      </c>
      <c r="BI10" s="404">
        <v>0</v>
      </c>
      <c r="BJ10" s="25">
        <v>0</v>
      </c>
      <c r="BK10" s="25">
        <v>0</v>
      </c>
      <c r="BL10" s="25">
        <v>64830</v>
      </c>
      <c r="BM10" s="25">
        <v>73160</v>
      </c>
      <c r="BN10" s="25">
        <v>59985</v>
      </c>
      <c r="BO10" s="28">
        <v>197975</v>
      </c>
      <c r="BP10" s="29">
        <v>197975</v>
      </c>
      <c r="BQ10" s="24">
        <v>0</v>
      </c>
      <c r="BR10" s="25">
        <v>10140</v>
      </c>
      <c r="BS10" s="26">
        <v>10140</v>
      </c>
      <c r="BT10" s="27">
        <v>0</v>
      </c>
      <c r="BU10" s="25">
        <v>62136</v>
      </c>
      <c r="BV10" s="25">
        <v>274007</v>
      </c>
      <c r="BW10" s="25">
        <v>762116</v>
      </c>
      <c r="BX10" s="25">
        <v>663413</v>
      </c>
      <c r="BY10" s="25">
        <v>206729</v>
      </c>
      <c r="BZ10" s="28">
        <v>1968401</v>
      </c>
      <c r="CA10" s="29">
        <v>1978541</v>
      </c>
      <c r="CB10" s="24">
        <v>0</v>
      </c>
      <c r="CC10" s="25">
        <v>0</v>
      </c>
      <c r="CD10" s="26">
        <v>0</v>
      </c>
      <c r="CE10" s="27">
        <v>0</v>
      </c>
      <c r="CF10" s="25">
        <v>0</v>
      </c>
      <c r="CG10" s="25">
        <v>0</v>
      </c>
      <c r="CH10" s="25">
        <v>27260</v>
      </c>
      <c r="CI10" s="25">
        <v>435</v>
      </c>
      <c r="CJ10" s="25">
        <v>463</v>
      </c>
      <c r="CK10" s="28">
        <v>28158</v>
      </c>
      <c r="CL10" s="29">
        <v>28158</v>
      </c>
      <c r="CM10" s="24">
        <v>0</v>
      </c>
      <c r="CN10" s="25">
        <v>0</v>
      </c>
      <c r="CO10" s="26">
        <v>0</v>
      </c>
      <c r="CP10" s="27">
        <v>0</v>
      </c>
      <c r="CQ10" s="25">
        <v>0</v>
      </c>
      <c r="CR10" s="25">
        <v>0</v>
      </c>
      <c r="CS10" s="25">
        <v>0</v>
      </c>
      <c r="CT10" s="25">
        <v>0</v>
      </c>
      <c r="CU10" s="25">
        <v>0</v>
      </c>
      <c r="CV10" s="28">
        <v>0</v>
      </c>
      <c r="CW10" s="29">
        <v>0</v>
      </c>
      <c r="CX10" s="24">
        <v>0</v>
      </c>
      <c r="CY10" s="25">
        <v>0</v>
      </c>
      <c r="CZ10" s="26">
        <v>0</v>
      </c>
      <c r="DA10" s="404">
        <v>0</v>
      </c>
      <c r="DB10" s="25">
        <v>0</v>
      </c>
      <c r="DC10" s="25">
        <v>0</v>
      </c>
      <c r="DD10" s="25">
        <v>0</v>
      </c>
      <c r="DE10" s="25">
        <v>0</v>
      </c>
      <c r="DF10" s="25">
        <v>0</v>
      </c>
      <c r="DG10" s="28">
        <v>0</v>
      </c>
      <c r="DH10" s="29">
        <v>0</v>
      </c>
      <c r="DI10" s="24">
        <v>0</v>
      </c>
      <c r="DJ10" s="25">
        <v>16526</v>
      </c>
      <c r="DK10" s="26">
        <v>16526</v>
      </c>
      <c r="DL10" s="27">
        <v>0</v>
      </c>
      <c r="DM10" s="25">
        <v>345677</v>
      </c>
      <c r="DN10" s="25">
        <v>1182893</v>
      </c>
      <c r="DO10" s="25">
        <v>10629777</v>
      </c>
      <c r="DP10" s="25">
        <v>13494967</v>
      </c>
      <c r="DQ10" s="25">
        <v>7509676</v>
      </c>
      <c r="DR10" s="28">
        <v>33162990</v>
      </c>
      <c r="DS10" s="30">
        <v>33179516</v>
      </c>
      <c r="DT10" s="24">
        <v>0</v>
      </c>
      <c r="DU10" s="25">
        <v>0</v>
      </c>
      <c r="DV10" s="26">
        <v>0</v>
      </c>
      <c r="DW10" s="404">
        <v>0</v>
      </c>
      <c r="DX10" s="25">
        <v>92752</v>
      </c>
      <c r="DY10" s="25">
        <v>513487</v>
      </c>
      <c r="DZ10" s="25">
        <v>8983093</v>
      </c>
      <c r="EA10" s="25">
        <v>11816738</v>
      </c>
      <c r="EB10" s="25">
        <v>6798966</v>
      </c>
      <c r="EC10" s="28">
        <v>28205036</v>
      </c>
      <c r="ED10" s="29">
        <v>28205036</v>
      </c>
      <c r="EE10" s="24">
        <v>0</v>
      </c>
      <c r="EF10" s="25">
        <v>0</v>
      </c>
      <c r="EG10" s="26">
        <v>0</v>
      </c>
      <c r="EH10" s="404">
        <v>0</v>
      </c>
      <c r="EI10" s="25">
        <v>117696</v>
      </c>
      <c r="EJ10" s="25">
        <v>254376</v>
      </c>
      <c r="EK10" s="25">
        <v>248555</v>
      </c>
      <c r="EL10" s="25">
        <v>483206</v>
      </c>
      <c r="EM10" s="25">
        <v>61618</v>
      </c>
      <c r="EN10" s="28">
        <v>1165451</v>
      </c>
      <c r="EO10" s="29">
        <v>1165451</v>
      </c>
      <c r="EP10" s="24">
        <v>0</v>
      </c>
      <c r="EQ10" s="25">
        <v>0</v>
      </c>
      <c r="ER10" s="26">
        <v>0</v>
      </c>
      <c r="ES10" s="404">
        <v>0</v>
      </c>
      <c r="ET10" s="25">
        <v>0</v>
      </c>
      <c r="EU10" s="25">
        <v>0</v>
      </c>
      <c r="EV10" s="25">
        <v>0</v>
      </c>
      <c r="EW10" s="25">
        <v>0</v>
      </c>
      <c r="EX10" s="25">
        <v>0</v>
      </c>
      <c r="EY10" s="28">
        <v>0</v>
      </c>
      <c r="EZ10" s="29">
        <v>0</v>
      </c>
      <c r="FA10" s="24">
        <v>0</v>
      </c>
      <c r="FB10" s="25">
        <v>0</v>
      </c>
      <c r="FC10" s="26">
        <v>0</v>
      </c>
      <c r="FD10" s="404">
        <v>0</v>
      </c>
      <c r="FE10" s="25">
        <v>13547</v>
      </c>
      <c r="FF10" s="25">
        <v>0</v>
      </c>
      <c r="FG10" s="25">
        <v>798</v>
      </c>
      <c r="FH10" s="25">
        <v>128699</v>
      </c>
      <c r="FI10" s="25">
        <v>123071</v>
      </c>
      <c r="FJ10" s="28">
        <v>266115</v>
      </c>
      <c r="FK10" s="29">
        <v>266115</v>
      </c>
      <c r="FL10" s="24">
        <v>0</v>
      </c>
      <c r="FM10" s="25">
        <v>0</v>
      </c>
      <c r="FN10" s="26">
        <v>0</v>
      </c>
      <c r="FO10" s="404">
        <v>0</v>
      </c>
      <c r="FP10" s="25">
        <v>0</v>
      </c>
      <c r="FQ10" s="25">
        <v>0</v>
      </c>
      <c r="FR10" s="25">
        <v>123070</v>
      </c>
      <c r="FS10" s="25">
        <v>152985</v>
      </c>
      <c r="FT10" s="25">
        <v>79918</v>
      </c>
      <c r="FU10" s="28">
        <v>355973</v>
      </c>
      <c r="FV10" s="29">
        <v>355973</v>
      </c>
      <c r="FW10" s="24">
        <v>0</v>
      </c>
      <c r="FX10" s="25">
        <v>16526</v>
      </c>
      <c r="FY10" s="26">
        <v>16526</v>
      </c>
      <c r="FZ10" s="27">
        <v>0</v>
      </c>
      <c r="GA10" s="25">
        <v>121682</v>
      </c>
      <c r="GB10" s="25">
        <v>415030</v>
      </c>
      <c r="GC10" s="25">
        <v>1266828</v>
      </c>
      <c r="GD10" s="25">
        <v>912265</v>
      </c>
      <c r="GE10" s="25">
        <v>444636</v>
      </c>
      <c r="GF10" s="28">
        <v>3160441</v>
      </c>
      <c r="GG10" s="29">
        <v>3176967</v>
      </c>
      <c r="GH10" s="24">
        <v>0</v>
      </c>
      <c r="GI10" s="25">
        <v>0</v>
      </c>
      <c r="GJ10" s="26">
        <v>0</v>
      </c>
      <c r="GK10" s="27">
        <v>0</v>
      </c>
      <c r="GL10" s="25">
        <v>0</v>
      </c>
      <c r="GM10" s="25">
        <v>0</v>
      </c>
      <c r="GN10" s="25">
        <v>7433</v>
      </c>
      <c r="GO10" s="25">
        <v>1074</v>
      </c>
      <c r="GP10" s="25">
        <v>1467</v>
      </c>
      <c r="GQ10" s="28">
        <v>9974</v>
      </c>
      <c r="GR10" s="29">
        <v>9974</v>
      </c>
      <c r="GS10" s="24">
        <v>0</v>
      </c>
      <c r="GT10" s="25">
        <v>0</v>
      </c>
      <c r="GU10" s="26">
        <v>0</v>
      </c>
      <c r="GV10" s="27">
        <v>0</v>
      </c>
      <c r="GW10" s="25">
        <v>0</v>
      </c>
      <c r="GX10" s="25">
        <v>0</v>
      </c>
      <c r="GY10" s="25">
        <v>0</v>
      </c>
      <c r="GZ10" s="25">
        <v>0</v>
      </c>
      <c r="HA10" s="25">
        <v>0</v>
      </c>
      <c r="HB10" s="28">
        <v>0</v>
      </c>
      <c r="HC10" s="29">
        <v>0</v>
      </c>
      <c r="HD10" s="24">
        <v>0</v>
      </c>
      <c r="HE10" s="25">
        <v>0</v>
      </c>
      <c r="HF10" s="26">
        <v>0</v>
      </c>
      <c r="HG10" s="404">
        <v>0</v>
      </c>
      <c r="HH10" s="25">
        <v>0</v>
      </c>
      <c r="HI10" s="25">
        <v>0</v>
      </c>
      <c r="HJ10" s="25">
        <v>0</v>
      </c>
      <c r="HK10" s="25">
        <v>0</v>
      </c>
      <c r="HL10" s="25">
        <v>0</v>
      </c>
      <c r="HM10" s="28">
        <v>0</v>
      </c>
      <c r="HN10" s="29">
        <v>0</v>
      </c>
      <c r="HO10" s="24">
        <v>0</v>
      </c>
      <c r="HP10" s="25">
        <v>26666</v>
      </c>
      <c r="HQ10" s="26">
        <v>26666</v>
      </c>
      <c r="HR10" s="27">
        <v>0</v>
      </c>
      <c r="HS10" s="25">
        <v>949463</v>
      </c>
      <c r="HT10" s="25">
        <v>2833765</v>
      </c>
      <c r="HU10" s="25">
        <v>18919903</v>
      </c>
      <c r="HV10" s="25">
        <v>25956355</v>
      </c>
      <c r="HW10" s="25">
        <v>14513995</v>
      </c>
      <c r="HX10" s="28">
        <v>63173481</v>
      </c>
      <c r="HY10" s="29">
        <v>63200147</v>
      </c>
    </row>
    <row r="11" spans="2:233" ht="21" customHeight="1" x14ac:dyDescent="0.2">
      <c r="B11" s="106" t="s">
        <v>7</v>
      </c>
      <c r="C11" s="24">
        <v>0</v>
      </c>
      <c r="D11" s="25">
        <v>9850</v>
      </c>
      <c r="E11" s="26">
        <v>9850</v>
      </c>
      <c r="F11" s="27">
        <v>0</v>
      </c>
      <c r="G11" s="25">
        <v>2150370</v>
      </c>
      <c r="H11" s="25">
        <v>2111620</v>
      </c>
      <c r="I11" s="25">
        <v>6934352</v>
      </c>
      <c r="J11" s="25">
        <v>8461808</v>
      </c>
      <c r="K11" s="25">
        <v>3869175</v>
      </c>
      <c r="L11" s="28">
        <v>23527325</v>
      </c>
      <c r="M11" s="29">
        <v>23537175</v>
      </c>
      <c r="N11" s="24">
        <v>0</v>
      </c>
      <c r="O11" s="25">
        <v>0</v>
      </c>
      <c r="P11" s="26">
        <v>0</v>
      </c>
      <c r="Q11" s="404">
        <v>0</v>
      </c>
      <c r="R11" s="25">
        <v>267220</v>
      </c>
      <c r="S11" s="25">
        <v>543565</v>
      </c>
      <c r="T11" s="25">
        <v>5150385</v>
      </c>
      <c r="U11" s="25">
        <v>6708214</v>
      </c>
      <c r="V11" s="25">
        <v>3279460</v>
      </c>
      <c r="W11" s="28">
        <v>15948844</v>
      </c>
      <c r="X11" s="29">
        <v>15948844</v>
      </c>
      <c r="Y11" s="24">
        <v>0</v>
      </c>
      <c r="Z11" s="25">
        <v>0</v>
      </c>
      <c r="AA11" s="26">
        <v>0</v>
      </c>
      <c r="AB11" s="404">
        <v>0</v>
      </c>
      <c r="AC11" s="25">
        <v>1645407</v>
      </c>
      <c r="AD11" s="25">
        <v>1315094</v>
      </c>
      <c r="AE11" s="25">
        <v>1323195</v>
      </c>
      <c r="AF11" s="25">
        <v>1367319</v>
      </c>
      <c r="AG11" s="25">
        <v>392445</v>
      </c>
      <c r="AH11" s="28">
        <v>6043460</v>
      </c>
      <c r="AI11" s="29">
        <v>6043460</v>
      </c>
      <c r="AJ11" s="24">
        <v>0</v>
      </c>
      <c r="AK11" s="25">
        <v>0</v>
      </c>
      <c r="AL11" s="26">
        <v>0</v>
      </c>
      <c r="AM11" s="404">
        <v>0</v>
      </c>
      <c r="AN11" s="25">
        <v>0</v>
      </c>
      <c r="AO11" s="25">
        <v>0</v>
      </c>
      <c r="AP11" s="25">
        <v>0</v>
      </c>
      <c r="AQ11" s="25">
        <v>0</v>
      </c>
      <c r="AR11" s="25">
        <v>0</v>
      </c>
      <c r="AS11" s="28">
        <v>0</v>
      </c>
      <c r="AT11" s="29">
        <v>0</v>
      </c>
      <c r="AU11" s="24">
        <v>0</v>
      </c>
      <c r="AV11" s="25">
        <v>0</v>
      </c>
      <c r="AW11" s="26">
        <v>0</v>
      </c>
      <c r="AX11" s="404">
        <v>0</v>
      </c>
      <c r="AY11" s="25">
        <v>0</v>
      </c>
      <c r="AZ11" s="25">
        <v>0</v>
      </c>
      <c r="BA11" s="25">
        <v>2635</v>
      </c>
      <c r="BB11" s="25">
        <v>59985</v>
      </c>
      <c r="BC11" s="25">
        <v>38470</v>
      </c>
      <c r="BD11" s="28">
        <v>101090</v>
      </c>
      <c r="BE11" s="29">
        <v>101090</v>
      </c>
      <c r="BF11" s="24">
        <v>0</v>
      </c>
      <c r="BG11" s="25">
        <v>0</v>
      </c>
      <c r="BH11" s="26">
        <v>0</v>
      </c>
      <c r="BI11" s="404">
        <v>0</v>
      </c>
      <c r="BJ11" s="25">
        <v>0</v>
      </c>
      <c r="BK11" s="25">
        <v>0</v>
      </c>
      <c r="BL11" s="25">
        <v>0</v>
      </c>
      <c r="BM11" s="25">
        <v>0</v>
      </c>
      <c r="BN11" s="25">
        <v>0</v>
      </c>
      <c r="BO11" s="28">
        <v>0</v>
      </c>
      <c r="BP11" s="29">
        <v>0</v>
      </c>
      <c r="BQ11" s="24">
        <v>0</v>
      </c>
      <c r="BR11" s="25">
        <v>9850</v>
      </c>
      <c r="BS11" s="26">
        <v>9850</v>
      </c>
      <c r="BT11" s="27">
        <v>0</v>
      </c>
      <c r="BU11" s="25">
        <v>211695</v>
      </c>
      <c r="BV11" s="25">
        <v>250206</v>
      </c>
      <c r="BW11" s="25">
        <v>442063</v>
      </c>
      <c r="BX11" s="25">
        <v>321820</v>
      </c>
      <c r="BY11" s="25">
        <v>137290</v>
      </c>
      <c r="BZ11" s="28">
        <v>1363074</v>
      </c>
      <c r="CA11" s="29">
        <v>1372924</v>
      </c>
      <c r="CB11" s="24">
        <v>0</v>
      </c>
      <c r="CC11" s="25">
        <v>0</v>
      </c>
      <c r="CD11" s="26">
        <v>0</v>
      </c>
      <c r="CE11" s="27">
        <v>0</v>
      </c>
      <c r="CF11" s="25">
        <v>26048</v>
      </c>
      <c r="CG11" s="25">
        <v>2755</v>
      </c>
      <c r="CH11" s="25">
        <v>16074</v>
      </c>
      <c r="CI11" s="25">
        <v>4470</v>
      </c>
      <c r="CJ11" s="25">
        <v>21510</v>
      </c>
      <c r="CK11" s="28">
        <v>70857</v>
      </c>
      <c r="CL11" s="29">
        <v>70857</v>
      </c>
      <c r="CM11" s="24">
        <v>0</v>
      </c>
      <c r="CN11" s="25">
        <v>0</v>
      </c>
      <c r="CO11" s="26">
        <v>0</v>
      </c>
      <c r="CP11" s="27">
        <v>0</v>
      </c>
      <c r="CQ11" s="25">
        <v>0</v>
      </c>
      <c r="CR11" s="25">
        <v>0</v>
      </c>
      <c r="CS11" s="25">
        <v>0</v>
      </c>
      <c r="CT11" s="25">
        <v>0</v>
      </c>
      <c r="CU11" s="25">
        <v>0</v>
      </c>
      <c r="CV11" s="28">
        <v>0</v>
      </c>
      <c r="CW11" s="29">
        <v>0</v>
      </c>
      <c r="CX11" s="24">
        <v>0</v>
      </c>
      <c r="CY11" s="25">
        <v>0</v>
      </c>
      <c r="CZ11" s="26">
        <v>0</v>
      </c>
      <c r="DA11" s="404">
        <v>0</v>
      </c>
      <c r="DB11" s="25">
        <v>0</v>
      </c>
      <c r="DC11" s="25">
        <v>0</v>
      </c>
      <c r="DD11" s="25">
        <v>0</v>
      </c>
      <c r="DE11" s="25">
        <v>0</v>
      </c>
      <c r="DF11" s="25">
        <v>0</v>
      </c>
      <c r="DG11" s="28">
        <v>0</v>
      </c>
      <c r="DH11" s="29">
        <v>0</v>
      </c>
      <c r="DI11" s="24">
        <v>0</v>
      </c>
      <c r="DJ11" s="25">
        <v>15418</v>
      </c>
      <c r="DK11" s="26">
        <v>15418</v>
      </c>
      <c r="DL11" s="27">
        <v>0</v>
      </c>
      <c r="DM11" s="25">
        <v>839905</v>
      </c>
      <c r="DN11" s="25">
        <v>1106738</v>
      </c>
      <c r="DO11" s="25">
        <v>7382238</v>
      </c>
      <c r="DP11" s="25">
        <v>8680645</v>
      </c>
      <c r="DQ11" s="25">
        <v>4668947</v>
      </c>
      <c r="DR11" s="28">
        <v>22678473</v>
      </c>
      <c r="DS11" s="30">
        <v>22693891</v>
      </c>
      <c r="DT11" s="24">
        <v>0</v>
      </c>
      <c r="DU11" s="25">
        <v>0</v>
      </c>
      <c r="DV11" s="26">
        <v>0</v>
      </c>
      <c r="DW11" s="404">
        <v>0</v>
      </c>
      <c r="DX11" s="25">
        <v>300669</v>
      </c>
      <c r="DY11" s="25">
        <v>538276</v>
      </c>
      <c r="DZ11" s="25">
        <v>6429136</v>
      </c>
      <c r="EA11" s="25">
        <v>8033175</v>
      </c>
      <c r="EB11" s="25">
        <v>4369114</v>
      </c>
      <c r="EC11" s="28">
        <v>19670370</v>
      </c>
      <c r="ED11" s="29">
        <v>19670370</v>
      </c>
      <c r="EE11" s="24">
        <v>0</v>
      </c>
      <c r="EF11" s="25">
        <v>0</v>
      </c>
      <c r="EG11" s="26">
        <v>0</v>
      </c>
      <c r="EH11" s="404">
        <v>0</v>
      </c>
      <c r="EI11" s="25">
        <v>231125</v>
      </c>
      <c r="EJ11" s="25">
        <v>161695</v>
      </c>
      <c r="EK11" s="25">
        <v>282353</v>
      </c>
      <c r="EL11" s="25">
        <v>182083</v>
      </c>
      <c r="EM11" s="25">
        <v>95790</v>
      </c>
      <c r="EN11" s="28">
        <v>953046</v>
      </c>
      <c r="EO11" s="29">
        <v>953046</v>
      </c>
      <c r="EP11" s="24">
        <v>0</v>
      </c>
      <c r="EQ11" s="25">
        <v>0</v>
      </c>
      <c r="ER11" s="26">
        <v>0</v>
      </c>
      <c r="ES11" s="404">
        <v>0</v>
      </c>
      <c r="ET11" s="25">
        <v>0</v>
      </c>
      <c r="EU11" s="25">
        <v>0</v>
      </c>
      <c r="EV11" s="25">
        <v>0</v>
      </c>
      <c r="EW11" s="25">
        <v>0</v>
      </c>
      <c r="EX11" s="25">
        <v>0</v>
      </c>
      <c r="EY11" s="28">
        <v>0</v>
      </c>
      <c r="EZ11" s="29">
        <v>0</v>
      </c>
      <c r="FA11" s="24">
        <v>0</v>
      </c>
      <c r="FB11" s="25">
        <v>0</v>
      </c>
      <c r="FC11" s="26">
        <v>0</v>
      </c>
      <c r="FD11" s="404">
        <v>0</v>
      </c>
      <c r="FE11" s="25">
        <v>0</v>
      </c>
      <c r="FF11" s="25">
        <v>0</v>
      </c>
      <c r="FG11" s="25">
        <v>217</v>
      </c>
      <c r="FH11" s="25">
        <v>651</v>
      </c>
      <c r="FI11" s="25">
        <v>13960</v>
      </c>
      <c r="FJ11" s="28">
        <v>14828</v>
      </c>
      <c r="FK11" s="29">
        <v>14828</v>
      </c>
      <c r="FL11" s="24">
        <v>0</v>
      </c>
      <c r="FM11" s="25">
        <v>0</v>
      </c>
      <c r="FN11" s="26">
        <v>0</v>
      </c>
      <c r="FO11" s="404">
        <v>0</v>
      </c>
      <c r="FP11" s="25">
        <v>0</v>
      </c>
      <c r="FQ11" s="25">
        <v>0</v>
      </c>
      <c r="FR11" s="25">
        <v>0</v>
      </c>
      <c r="FS11" s="25">
        <v>0</v>
      </c>
      <c r="FT11" s="25">
        <v>0</v>
      </c>
      <c r="FU11" s="28">
        <v>0</v>
      </c>
      <c r="FV11" s="29">
        <v>0</v>
      </c>
      <c r="FW11" s="24">
        <v>0</v>
      </c>
      <c r="FX11" s="25">
        <v>15418</v>
      </c>
      <c r="FY11" s="26">
        <v>15418</v>
      </c>
      <c r="FZ11" s="27">
        <v>0</v>
      </c>
      <c r="GA11" s="25">
        <v>298241</v>
      </c>
      <c r="GB11" s="25">
        <v>399965</v>
      </c>
      <c r="GC11" s="25">
        <v>670294</v>
      </c>
      <c r="GD11" s="25">
        <v>464568</v>
      </c>
      <c r="GE11" s="25">
        <v>186475</v>
      </c>
      <c r="GF11" s="28">
        <v>2019543</v>
      </c>
      <c r="GG11" s="29">
        <v>2034961</v>
      </c>
      <c r="GH11" s="24">
        <v>0</v>
      </c>
      <c r="GI11" s="25">
        <v>0</v>
      </c>
      <c r="GJ11" s="26">
        <v>0</v>
      </c>
      <c r="GK11" s="27">
        <v>0</v>
      </c>
      <c r="GL11" s="25">
        <v>9870</v>
      </c>
      <c r="GM11" s="25">
        <v>6802</v>
      </c>
      <c r="GN11" s="25">
        <v>238</v>
      </c>
      <c r="GO11" s="25">
        <v>168</v>
      </c>
      <c r="GP11" s="25">
        <v>3608</v>
      </c>
      <c r="GQ11" s="28">
        <v>20686</v>
      </c>
      <c r="GR11" s="29">
        <v>20686</v>
      </c>
      <c r="GS11" s="24">
        <v>0</v>
      </c>
      <c r="GT11" s="25">
        <v>0</v>
      </c>
      <c r="GU11" s="26">
        <v>0</v>
      </c>
      <c r="GV11" s="27">
        <v>0</v>
      </c>
      <c r="GW11" s="25">
        <v>0</v>
      </c>
      <c r="GX11" s="25">
        <v>0</v>
      </c>
      <c r="GY11" s="25">
        <v>0</v>
      </c>
      <c r="GZ11" s="25">
        <v>0</v>
      </c>
      <c r="HA11" s="25">
        <v>0</v>
      </c>
      <c r="HB11" s="28">
        <v>0</v>
      </c>
      <c r="HC11" s="29">
        <v>0</v>
      </c>
      <c r="HD11" s="24">
        <v>0</v>
      </c>
      <c r="HE11" s="25">
        <v>0</v>
      </c>
      <c r="HF11" s="26">
        <v>0</v>
      </c>
      <c r="HG11" s="404">
        <v>0</v>
      </c>
      <c r="HH11" s="25">
        <v>0</v>
      </c>
      <c r="HI11" s="25">
        <v>0</v>
      </c>
      <c r="HJ11" s="25">
        <v>0</v>
      </c>
      <c r="HK11" s="25">
        <v>0</v>
      </c>
      <c r="HL11" s="25">
        <v>0</v>
      </c>
      <c r="HM11" s="28">
        <v>0</v>
      </c>
      <c r="HN11" s="29">
        <v>0</v>
      </c>
      <c r="HO11" s="24">
        <v>0</v>
      </c>
      <c r="HP11" s="25">
        <v>25268</v>
      </c>
      <c r="HQ11" s="26">
        <v>25268</v>
      </c>
      <c r="HR11" s="27">
        <v>0</v>
      </c>
      <c r="HS11" s="25">
        <v>2990275</v>
      </c>
      <c r="HT11" s="25">
        <v>3218358</v>
      </c>
      <c r="HU11" s="25">
        <v>14316590</v>
      </c>
      <c r="HV11" s="25">
        <v>17142453</v>
      </c>
      <c r="HW11" s="25">
        <v>8538122</v>
      </c>
      <c r="HX11" s="28">
        <v>46205798</v>
      </c>
      <c r="HY11" s="29">
        <v>46231066</v>
      </c>
    </row>
    <row r="12" spans="2:233" ht="21" customHeight="1" x14ac:dyDescent="0.2">
      <c r="B12" s="106" t="s">
        <v>8</v>
      </c>
      <c r="C12" s="24">
        <v>0</v>
      </c>
      <c r="D12" s="25">
        <v>725</v>
      </c>
      <c r="E12" s="26">
        <v>725</v>
      </c>
      <c r="F12" s="27">
        <v>0</v>
      </c>
      <c r="G12" s="25">
        <v>426512</v>
      </c>
      <c r="H12" s="25">
        <v>1145575</v>
      </c>
      <c r="I12" s="25">
        <v>4279246</v>
      </c>
      <c r="J12" s="25">
        <v>4892107</v>
      </c>
      <c r="K12" s="25">
        <v>2409737</v>
      </c>
      <c r="L12" s="28">
        <v>13153177</v>
      </c>
      <c r="M12" s="29">
        <v>13153902</v>
      </c>
      <c r="N12" s="24">
        <v>0</v>
      </c>
      <c r="O12" s="25">
        <v>0</v>
      </c>
      <c r="P12" s="26">
        <v>0</v>
      </c>
      <c r="Q12" s="404">
        <v>0</v>
      </c>
      <c r="R12" s="25">
        <v>153795</v>
      </c>
      <c r="S12" s="25">
        <v>504095</v>
      </c>
      <c r="T12" s="25">
        <v>2749266</v>
      </c>
      <c r="U12" s="25">
        <v>3378795</v>
      </c>
      <c r="V12" s="25">
        <v>1714703</v>
      </c>
      <c r="W12" s="28">
        <v>8500654</v>
      </c>
      <c r="X12" s="29">
        <v>8500654</v>
      </c>
      <c r="Y12" s="24">
        <v>0</v>
      </c>
      <c r="Z12" s="25">
        <v>0</v>
      </c>
      <c r="AA12" s="26">
        <v>0</v>
      </c>
      <c r="AB12" s="404">
        <v>0</v>
      </c>
      <c r="AC12" s="25">
        <v>190365</v>
      </c>
      <c r="AD12" s="25">
        <v>458415</v>
      </c>
      <c r="AE12" s="25">
        <v>786995</v>
      </c>
      <c r="AF12" s="25">
        <v>905545</v>
      </c>
      <c r="AG12" s="25">
        <v>490577</v>
      </c>
      <c r="AH12" s="28">
        <v>2831897</v>
      </c>
      <c r="AI12" s="29">
        <v>2831897</v>
      </c>
      <c r="AJ12" s="24">
        <v>0</v>
      </c>
      <c r="AK12" s="25">
        <v>0</v>
      </c>
      <c r="AL12" s="26">
        <v>0</v>
      </c>
      <c r="AM12" s="404">
        <v>0</v>
      </c>
      <c r="AN12" s="25">
        <v>0</v>
      </c>
      <c r="AO12" s="25">
        <v>0</v>
      </c>
      <c r="AP12" s="25">
        <v>0</v>
      </c>
      <c r="AQ12" s="25">
        <v>0</v>
      </c>
      <c r="AR12" s="25">
        <v>0</v>
      </c>
      <c r="AS12" s="28">
        <v>0</v>
      </c>
      <c r="AT12" s="29">
        <v>0</v>
      </c>
      <c r="AU12" s="24">
        <v>0</v>
      </c>
      <c r="AV12" s="25">
        <v>0</v>
      </c>
      <c r="AW12" s="26">
        <v>0</v>
      </c>
      <c r="AX12" s="404">
        <v>0</v>
      </c>
      <c r="AY12" s="25">
        <v>0</v>
      </c>
      <c r="AZ12" s="25">
        <v>2635</v>
      </c>
      <c r="BA12" s="25">
        <v>32705</v>
      </c>
      <c r="BB12" s="25">
        <v>24645</v>
      </c>
      <c r="BC12" s="25">
        <v>38130</v>
      </c>
      <c r="BD12" s="28">
        <v>98115</v>
      </c>
      <c r="BE12" s="29">
        <v>98115</v>
      </c>
      <c r="BF12" s="24">
        <v>0</v>
      </c>
      <c r="BG12" s="25">
        <v>0</v>
      </c>
      <c r="BH12" s="26">
        <v>0</v>
      </c>
      <c r="BI12" s="404">
        <v>0</v>
      </c>
      <c r="BJ12" s="25">
        <v>0</v>
      </c>
      <c r="BK12" s="25">
        <v>0</v>
      </c>
      <c r="BL12" s="25">
        <v>121515</v>
      </c>
      <c r="BM12" s="25">
        <v>242560</v>
      </c>
      <c r="BN12" s="25">
        <v>5270</v>
      </c>
      <c r="BO12" s="28">
        <v>369345</v>
      </c>
      <c r="BP12" s="29">
        <v>369345</v>
      </c>
      <c r="BQ12" s="24">
        <v>0</v>
      </c>
      <c r="BR12" s="25">
        <v>725</v>
      </c>
      <c r="BS12" s="26">
        <v>725</v>
      </c>
      <c r="BT12" s="27">
        <v>0</v>
      </c>
      <c r="BU12" s="25">
        <v>82352</v>
      </c>
      <c r="BV12" s="25">
        <v>162880</v>
      </c>
      <c r="BW12" s="25">
        <v>588765</v>
      </c>
      <c r="BX12" s="25">
        <v>318503</v>
      </c>
      <c r="BY12" s="25">
        <v>160076</v>
      </c>
      <c r="BZ12" s="28">
        <v>1312576</v>
      </c>
      <c r="CA12" s="29">
        <v>1313301</v>
      </c>
      <c r="CB12" s="24">
        <v>0</v>
      </c>
      <c r="CC12" s="25">
        <v>0</v>
      </c>
      <c r="CD12" s="26">
        <v>0</v>
      </c>
      <c r="CE12" s="27">
        <v>0</v>
      </c>
      <c r="CF12" s="25">
        <v>0</v>
      </c>
      <c r="CG12" s="25">
        <v>17550</v>
      </c>
      <c r="CH12" s="25">
        <v>0</v>
      </c>
      <c r="CI12" s="25">
        <v>22059</v>
      </c>
      <c r="CJ12" s="25">
        <v>981</v>
      </c>
      <c r="CK12" s="28">
        <v>40590</v>
      </c>
      <c r="CL12" s="29">
        <v>40590</v>
      </c>
      <c r="CM12" s="24">
        <v>0</v>
      </c>
      <c r="CN12" s="25">
        <v>0</v>
      </c>
      <c r="CO12" s="26">
        <v>0</v>
      </c>
      <c r="CP12" s="27">
        <v>0</v>
      </c>
      <c r="CQ12" s="25">
        <v>0</v>
      </c>
      <c r="CR12" s="25">
        <v>0</v>
      </c>
      <c r="CS12" s="25">
        <v>0</v>
      </c>
      <c r="CT12" s="25">
        <v>0</v>
      </c>
      <c r="CU12" s="25">
        <v>0</v>
      </c>
      <c r="CV12" s="28">
        <v>0</v>
      </c>
      <c r="CW12" s="29">
        <v>0</v>
      </c>
      <c r="CX12" s="24">
        <v>0</v>
      </c>
      <c r="CY12" s="25">
        <v>0</v>
      </c>
      <c r="CZ12" s="26">
        <v>0</v>
      </c>
      <c r="DA12" s="404">
        <v>0</v>
      </c>
      <c r="DB12" s="25">
        <v>0</v>
      </c>
      <c r="DC12" s="25">
        <v>0</v>
      </c>
      <c r="DD12" s="25">
        <v>0</v>
      </c>
      <c r="DE12" s="25">
        <v>0</v>
      </c>
      <c r="DF12" s="25">
        <v>0</v>
      </c>
      <c r="DG12" s="28">
        <v>0</v>
      </c>
      <c r="DH12" s="29">
        <v>0</v>
      </c>
      <c r="DI12" s="24">
        <v>0</v>
      </c>
      <c r="DJ12" s="25">
        <v>7656</v>
      </c>
      <c r="DK12" s="26">
        <v>7656</v>
      </c>
      <c r="DL12" s="27">
        <v>0</v>
      </c>
      <c r="DM12" s="25">
        <v>375013</v>
      </c>
      <c r="DN12" s="25">
        <v>1191593</v>
      </c>
      <c r="DO12" s="25">
        <v>5392597</v>
      </c>
      <c r="DP12" s="25">
        <v>5759299</v>
      </c>
      <c r="DQ12" s="25">
        <v>2961504</v>
      </c>
      <c r="DR12" s="28">
        <v>15680006</v>
      </c>
      <c r="DS12" s="30">
        <v>15687662</v>
      </c>
      <c r="DT12" s="24">
        <v>0</v>
      </c>
      <c r="DU12" s="25">
        <v>0</v>
      </c>
      <c r="DV12" s="26">
        <v>0</v>
      </c>
      <c r="DW12" s="404">
        <v>0</v>
      </c>
      <c r="DX12" s="25">
        <v>153180</v>
      </c>
      <c r="DY12" s="25">
        <v>835061</v>
      </c>
      <c r="DZ12" s="25">
        <v>4254833</v>
      </c>
      <c r="EA12" s="25">
        <v>4656037</v>
      </c>
      <c r="EB12" s="25">
        <v>2691079</v>
      </c>
      <c r="EC12" s="28">
        <v>12590190</v>
      </c>
      <c r="ED12" s="29">
        <v>12590190</v>
      </c>
      <c r="EE12" s="24">
        <v>0</v>
      </c>
      <c r="EF12" s="25">
        <v>0</v>
      </c>
      <c r="EG12" s="26">
        <v>0</v>
      </c>
      <c r="EH12" s="404">
        <v>0</v>
      </c>
      <c r="EI12" s="25">
        <v>56644</v>
      </c>
      <c r="EJ12" s="25">
        <v>59606</v>
      </c>
      <c r="EK12" s="25">
        <v>120273</v>
      </c>
      <c r="EL12" s="25">
        <v>125703</v>
      </c>
      <c r="EM12" s="25">
        <v>42125</v>
      </c>
      <c r="EN12" s="28">
        <v>404351</v>
      </c>
      <c r="EO12" s="29">
        <v>404351</v>
      </c>
      <c r="EP12" s="24">
        <v>0</v>
      </c>
      <c r="EQ12" s="25">
        <v>0</v>
      </c>
      <c r="ER12" s="26">
        <v>0</v>
      </c>
      <c r="ES12" s="404">
        <v>0</v>
      </c>
      <c r="ET12" s="25">
        <v>0</v>
      </c>
      <c r="EU12" s="25">
        <v>0</v>
      </c>
      <c r="EV12" s="25">
        <v>0</v>
      </c>
      <c r="EW12" s="25">
        <v>0</v>
      </c>
      <c r="EX12" s="25">
        <v>0</v>
      </c>
      <c r="EY12" s="28">
        <v>0</v>
      </c>
      <c r="EZ12" s="29">
        <v>0</v>
      </c>
      <c r="FA12" s="24">
        <v>0</v>
      </c>
      <c r="FB12" s="25">
        <v>0</v>
      </c>
      <c r="FC12" s="26">
        <v>0</v>
      </c>
      <c r="FD12" s="404">
        <v>0</v>
      </c>
      <c r="FE12" s="25">
        <v>0</v>
      </c>
      <c r="FF12" s="25">
        <v>217</v>
      </c>
      <c r="FG12" s="25">
        <v>217</v>
      </c>
      <c r="FH12" s="25">
        <v>301</v>
      </c>
      <c r="FI12" s="25">
        <v>13764</v>
      </c>
      <c r="FJ12" s="28">
        <v>14499</v>
      </c>
      <c r="FK12" s="29">
        <v>14499</v>
      </c>
      <c r="FL12" s="24">
        <v>0</v>
      </c>
      <c r="FM12" s="25">
        <v>0</v>
      </c>
      <c r="FN12" s="26">
        <v>0</v>
      </c>
      <c r="FO12" s="404">
        <v>0</v>
      </c>
      <c r="FP12" s="25">
        <v>0</v>
      </c>
      <c r="FQ12" s="25">
        <v>0</v>
      </c>
      <c r="FR12" s="25">
        <v>227470</v>
      </c>
      <c r="FS12" s="25">
        <v>397624</v>
      </c>
      <c r="FT12" s="25">
        <v>43152</v>
      </c>
      <c r="FU12" s="28">
        <v>668246</v>
      </c>
      <c r="FV12" s="29">
        <v>668246</v>
      </c>
      <c r="FW12" s="24">
        <v>0</v>
      </c>
      <c r="FX12" s="25">
        <v>7656</v>
      </c>
      <c r="FY12" s="26">
        <v>7656</v>
      </c>
      <c r="FZ12" s="27">
        <v>0</v>
      </c>
      <c r="GA12" s="25">
        <v>165189</v>
      </c>
      <c r="GB12" s="25">
        <v>296555</v>
      </c>
      <c r="GC12" s="25">
        <v>789797</v>
      </c>
      <c r="GD12" s="25">
        <v>576228</v>
      </c>
      <c r="GE12" s="25">
        <v>171363</v>
      </c>
      <c r="GF12" s="28">
        <v>1999132</v>
      </c>
      <c r="GG12" s="29">
        <v>2006788</v>
      </c>
      <c r="GH12" s="24">
        <v>0</v>
      </c>
      <c r="GI12" s="25">
        <v>0</v>
      </c>
      <c r="GJ12" s="26">
        <v>0</v>
      </c>
      <c r="GK12" s="27">
        <v>0</v>
      </c>
      <c r="GL12" s="25">
        <v>0</v>
      </c>
      <c r="GM12" s="25">
        <v>154</v>
      </c>
      <c r="GN12" s="25">
        <v>7</v>
      </c>
      <c r="GO12" s="25">
        <v>3406</v>
      </c>
      <c r="GP12" s="25">
        <v>21</v>
      </c>
      <c r="GQ12" s="28">
        <v>3588</v>
      </c>
      <c r="GR12" s="29">
        <v>3588</v>
      </c>
      <c r="GS12" s="24">
        <v>0</v>
      </c>
      <c r="GT12" s="25">
        <v>0</v>
      </c>
      <c r="GU12" s="26">
        <v>0</v>
      </c>
      <c r="GV12" s="27">
        <v>0</v>
      </c>
      <c r="GW12" s="25">
        <v>0</v>
      </c>
      <c r="GX12" s="25">
        <v>0</v>
      </c>
      <c r="GY12" s="25">
        <v>0</v>
      </c>
      <c r="GZ12" s="25">
        <v>0</v>
      </c>
      <c r="HA12" s="25">
        <v>0</v>
      </c>
      <c r="HB12" s="28">
        <v>0</v>
      </c>
      <c r="HC12" s="29">
        <v>0</v>
      </c>
      <c r="HD12" s="24">
        <v>0</v>
      </c>
      <c r="HE12" s="25">
        <v>0</v>
      </c>
      <c r="HF12" s="26">
        <v>0</v>
      </c>
      <c r="HG12" s="404">
        <v>0</v>
      </c>
      <c r="HH12" s="25">
        <v>0</v>
      </c>
      <c r="HI12" s="25">
        <v>0</v>
      </c>
      <c r="HJ12" s="25">
        <v>0</v>
      </c>
      <c r="HK12" s="25">
        <v>0</v>
      </c>
      <c r="HL12" s="25">
        <v>0</v>
      </c>
      <c r="HM12" s="28">
        <v>0</v>
      </c>
      <c r="HN12" s="29">
        <v>0</v>
      </c>
      <c r="HO12" s="24">
        <v>0</v>
      </c>
      <c r="HP12" s="25">
        <v>8381</v>
      </c>
      <c r="HQ12" s="26">
        <v>8381</v>
      </c>
      <c r="HR12" s="27">
        <v>0</v>
      </c>
      <c r="HS12" s="25">
        <v>801525</v>
      </c>
      <c r="HT12" s="25">
        <v>2337168</v>
      </c>
      <c r="HU12" s="25">
        <v>9671843</v>
      </c>
      <c r="HV12" s="25">
        <v>10651406</v>
      </c>
      <c r="HW12" s="25">
        <v>5371241</v>
      </c>
      <c r="HX12" s="28">
        <v>28833183</v>
      </c>
      <c r="HY12" s="29">
        <v>28841564</v>
      </c>
    </row>
    <row r="13" spans="2:233" ht="21" customHeight="1" x14ac:dyDescent="0.2">
      <c r="B13" s="106" t="s">
        <v>9</v>
      </c>
      <c r="C13" s="24">
        <v>0</v>
      </c>
      <c r="D13" s="25">
        <v>0</v>
      </c>
      <c r="E13" s="26">
        <v>0</v>
      </c>
      <c r="F13" s="27">
        <v>0</v>
      </c>
      <c r="G13" s="25">
        <v>104658</v>
      </c>
      <c r="H13" s="25">
        <v>182423</v>
      </c>
      <c r="I13" s="25">
        <v>2170402</v>
      </c>
      <c r="J13" s="25">
        <v>1824305</v>
      </c>
      <c r="K13" s="25">
        <v>1518255</v>
      </c>
      <c r="L13" s="28">
        <v>5800043</v>
      </c>
      <c r="M13" s="29">
        <v>5800043</v>
      </c>
      <c r="N13" s="24">
        <v>0</v>
      </c>
      <c r="O13" s="25">
        <v>0</v>
      </c>
      <c r="P13" s="26">
        <v>0</v>
      </c>
      <c r="Q13" s="404">
        <v>0</v>
      </c>
      <c r="R13" s="25">
        <v>32330</v>
      </c>
      <c r="S13" s="25">
        <v>43160</v>
      </c>
      <c r="T13" s="25">
        <v>1320224</v>
      </c>
      <c r="U13" s="25">
        <v>1319950</v>
      </c>
      <c r="V13" s="25">
        <v>1205462</v>
      </c>
      <c r="W13" s="28">
        <v>3921126</v>
      </c>
      <c r="X13" s="29">
        <v>3921126</v>
      </c>
      <c r="Y13" s="24">
        <v>0</v>
      </c>
      <c r="Z13" s="25">
        <v>0</v>
      </c>
      <c r="AA13" s="26">
        <v>0</v>
      </c>
      <c r="AB13" s="404">
        <v>0</v>
      </c>
      <c r="AC13" s="25">
        <v>50980</v>
      </c>
      <c r="AD13" s="25">
        <v>82950</v>
      </c>
      <c r="AE13" s="25">
        <v>744140</v>
      </c>
      <c r="AF13" s="25">
        <v>399970</v>
      </c>
      <c r="AG13" s="25">
        <v>213405</v>
      </c>
      <c r="AH13" s="28">
        <v>1491445</v>
      </c>
      <c r="AI13" s="29">
        <v>1491445</v>
      </c>
      <c r="AJ13" s="24">
        <v>0</v>
      </c>
      <c r="AK13" s="25">
        <v>0</v>
      </c>
      <c r="AL13" s="26">
        <v>0</v>
      </c>
      <c r="AM13" s="404">
        <v>0</v>
      </c>
      <c r="AN13" s="25">
        <v>0</v>
      </c>
      <c r="AO13" s="25">
        <v>0</v>
      </c>
      <c r="AP13" s="25">
        <v>0</v>
      </c>
      <c r="AQ13" s="25">
        <v>0</v>
      </c>
      <c r="AR13" s="25">
        <v>0</v>
      </c>
      <c r="AS13" s="28">
        <v>0</v>
      </c>
      <c r="AT13" s="29">
        <v>0</v>
      </c>
      <c r="AU13" s="24">
        <v>0</v>
      </c>
      <c r="AV13" s="25">
        <v>0</v>
      </c>
      <c r="AW13" s="26">
        <v>0</v>
      </c>
      <c r="AX13" s="404">
        <v>0</v>
      </c>
      <c r="AY13" s="25">
        <v>0</v>
      </c>
      <c r="AZ13" s="25">
        <v>0</v>
      </c>
      <c r="BA13" s="25">
        <v>0</v>
      </c>
      <c r="BB13" s="25">
        <v>0</v>
      </c>
      <c r="BC13" s="25">
        <v>7905</v>
      </c>
      <c r="BD13" s="28">
        <v>7905</v>
      </c>
      <c r="BE13" s="29">
        <v>7905</v>
      </c>
      <c r="BF13" s="24">
        <v>0</v>
      </c>
      <c r="BG13" s="25">
        <v>0</v>
      </c>
      <c r="BH13" s="26">
        <v>0</v>
      </c>
      <c r="BI13" s="404">
        <v>0</v>
      </c>
      <c r="BJ13" s="25">
        <v>0</v>
      </c>
      <c r="BK13" s="25">
        <v>0</v>
      </c>
      <c r="BL13" s="25">
        <v>0</v>
      </c>
      <c r="BM13" s="25">
        <v>0</v>
      </c>
      <c r="BN13" s="25">
        <v>24645</v>
      </c>
      <c r="BO13" s="28">
        <v>24645</v>
      </c>
      <c r="BP13" s="29">
        <v>24645</v>
      </c>
      <c r="BQ13" s="24">
        <v>0</v>
      </c>
      <c r="BR13" s="25">
        <v>0</v>
      </c>
      <c r="BS13" s="26">
        <v>0</v>
      </c>
      <c r="BT13" s="27">
        <v>0</v>
      </c>
      <c r="BU13" s="25">
        <v>17135</v>
      </c>
      <c r="BV13" s="25">
        <v>46778</v>
      </c>
      <c r="BW13" s="25">
        <v>102650</v>
      </c>
      <c r="BX13" s="25">
        <v>101135</v>
      </c>
      <c r="BY13" s="25">
        <v>65823</v>
      </c>
      <c r="BZ13" s="28">
        <v>333521</v>
      </c>
      <c r="CA13" s="29">
        <v>333521</v>
      </c>
      <c r="CB13" s="24">
        <v>0</v>
      </c>
      <c r="CC13" s="25">
        <v>0</v>
      </c>
      <c r="CD13" s="26">
        <v>0</v>
      </c>
      <c r="CE13" s="27">
        <v>0</v>
      </c>
      <c r="CF13" s="25">
        <v>4213</v>
      </c>
      <c r="CG13" s="25">
        <v>9535</v>
      </c>
      <c r="CH13" s="25">
        <v>3388</v>
      </c>
      <c r="CI13" s="25">
        <v>3250</v>
      </c>
      <c r="CJ13" s="25">
        <v>1015</v>
      </c>
      <c r="CK13" s="28">
        <v>21401</v>
      </c>
      <c r="CL13" s="29">
        <v>21401</v>
      </c>
      <c r="CM13" s="24">
        <v>0</v>
      </c>
      <c r="CN13" s="25">
        <v>0</v>
      </c>
      <c r="CO13" s="26">
        <v>0</v>
      </c>
      <c r="CP13" s="27">
        <v>0</v>
      </c>
      <c r="CQ13" s="25">
        <v>0</v>
      </c>
      <c r="CR13" s="25">
        <v>0</v>
      </c>
      <c r="CS13" s="25">
        <v>0</v>
      </c>
      <c r="CT13" s="25">
        <v>0</v>
      </c>
      <c r="CU13" s="25">
        <v>0</v>
      </c>
      <c r="CV13" s="28">
        <v>0</v>
      </c>
      <c r="CW13" s="29">
        <v>0</v>
      </c>
      <c r="CX13" s="24">
        <v>0</v>
      </c>
      <c r="CY13" s="25">
        <v>0</v>
      </c>
      <c r="CZ13" s="26">
        <v>0</v>
      </c>
      <c r="DA13" s="404">
        <v>0</v>
      </c>
      <c r="DB13" s="25">
        <v>0</v>
      </c>
      <c r="DC13" s="25">
        <v>0</v>
      </c>
      <c r="DD13" s="25">
        <v>0</v>
      </c>
      <c r="DE13" s="25">
        <v>0</v>
      </c>
      <c r="DF13" s="25">
        <v>0</v>
      </c>
      <c r="DG13" s="28">
        <v>0</v>
      </c>
      <c r="DH13" s="29">
        <v>0</v>
      </c>
      <c r="DI13" s="24">
        <v>0</v>
      </c>
      <c r="DJ13" s="25">
        <v>0</v>
      </c>
      <c r="DK13" s="26">
        <v>0</v>
      </c>
      <c r="DL13" s="27">
        <v>0</v>
      </c>
      <c r="DM13" s="25">
        <v>80593</v>
      </c>
      <c r="DN13" s="25">
        <v>236952</v>
      </c>
      <c r="DO13" s="25">
        <v>2245131</v>
      </c>
      <c r="DP13" s="25">
        <v>2438733</v>
      </c>
      <c r="DQ13" s="25">
        <v>1935642</v>
      </c>
      <c r="DR13" s="28">
        <v>6937051</v>
      </c>
      <c r="DS13" s="30">
        <v>6937051</v>
      </c>
      <c r="DT13" s="24">
        <v>0</v>
      </c>
      <c r="DU13" s="25">
        <v>0</v>
      </c>
      <c r="DV13" s="26">
        <v>0</v>
      </c>
      <c r="DW13" s="404">
        <v>0</v>
      </c>
      <c r="DX13" s="25">
        <v>36766</v>
      </c>
      <c r="DY13" s="25">
        <v>116529</v>
      </c>
      <c r="DZ13" s="25">
        <v>1961893</v>
      </c>
      <c r="EA13" s="25">
        <v>2175188</v>
      </c>
      <c r="EB13" s="25">
        <v>1664540</v>
      </c>
      <c r="EC13" s="28">
        <v>5954916</v>
      </c>
      <c r="ED13" s="29">
        <v>5954916</v>
      </c>
      <c r="EE13" s="24">
        <v>0</v>
      </c>
      <c r="EF13" s="25">
        <v>0</v>
      </c>
      <c r="EG13" s="26">
        <v>0</v>
      </c>
      <c r="EH13" s="404">
        <v>0</v>
      </c>
      <c r="EI13" s="25">
        <v>1736</v>
      </c>
      <c r="EJ13" s="25">
        <v>24579</v>
      </c>
      <c r="EK13" s="25">
        <v>94655</v>
      </c>
      <c r="EL13" s="25">
        <v>56445</v>
      </c>
      <c r="EM13" s="25">
        <v>87654</v>
      </c>
      <c r="EN13" s="28">
        <v>265069</v>
      </c>
      <c r="EO13" s="29">
        <v>265069</v>
      </c>
      <c r="EP13" s="24">
        <v>0</v>
      </c>
      <c r="EQ13" s="25">
        <v>0</v>
      </c>
      <c r="ER13" s="26">
        <v>0</v>
      </c>
      <c r="ES13" s="404">
        <v>0</v>
      </c>
      <c r="ET13" s="25">
        <v>0</v>
      </c>
      <c r="EU13" s="25">
        <v>0</v>
      </c>
      <c r="EV13" s="25">
        <v>0</v>
      </c>
      <c r="EW13" s="25">
        <v>0</v>
      </c>
      <c r="EX13" s="25">
        <v>0</v>
      </c>
      <c r="EY13" s="28">
        <v>0</v>
      </c>
      <c r="EZ13" s="29">
        <v>0</v>
      </c>
      <c r="FA13" s="24">
        <v>0</v>
      </c>
      <c r="FB13" s="25">
        <v>0</v>
      </c>
      <c r="FC13" s="26">
        <v>0</v>
      </c>
      <c r="FD13" s="404">
        <v>0</v>
      </c>
      <c r="FE13" s="25">
        <v>0</v>
      </c>
      <c r="FF13" s="25">
        <v>0</v>
      </c>
      <c r="FG13" s="25">
        <v>0</v>
      </c>
      <c r="FH13" s="25">
        <v>0</v>
      </c>
      <c r="FI13" s="25">
        <v>651</v>
      </c>
      <c r="FJ13" s="28">
        <v>651</v>
      </c>
      <c r="FK13" s="29">
        <v>651</v>
      </c>
      <c r="FL13" s="24">
        <v>0</v>
      </c>
      <c r="FM13" s="25">
        <v>0</v>
      </c>
      <c r="FN13" s="26">
        <v>0</v>
      </c>
      <c r="FO13" s="404">
        <v>0</v>
      </c>
      <c r="FP13" s="25">
        <v>0</v>
      </c>
      <c r="FQ13" s="25">
        <v>0</v>
      </c>
      <c r="FR13" s="25">
        <v>0</v>
      </c>
      <c r="FS13" s="25">
        <v>0</v>
      </c>
      <c r="FT13" s="25">
        <v>21576</v>
      </c>
      <c r="FU13" s="28">
        <v>21576</v>
      </c>
      <c r="FV13" s="29">
        <v>21576</v>
      </c>
      <c r="FW13" s="24">
        <v>0</v>
      </c>
      <c r="FX13" s="25">
        <v>0</v>
      </c>
      <c r="FY13" s="26">
        <v>0</v>
      </c>
      <c r="FZ13" s="27">
        <v>0</v>
      </c>
      <c r="GA13" s="25">
        <v>41972</v>
      </c>
      <c r="GB13" s="25">
        <v>95760</v>
      </c>
      <c r="GC13" s="25">
        <v>180679</v>
      </c>
      <c r="GD13" s="25">
        <v>207072</v>
      </c>
      <c r="GE13" s="25">
        <v>161165</v>
      </c>
      <c r="GF13" s="28">
        <v>686648</v>
      </c>
      <c r="GG13" s="29">
        <v>686648</v>
      </c>
      <c r="GH13" s="24">
        <v>0</v>
      </c>
      <c r="GI13" s="25">
        <v>0</v>
      </c>
      <c r="GJ13" s="26">
        <v>0</v>
      </c>
      <c r="GK13" s="27">
        <v>0</v>
      </c>
      <c r="GL13" s="25">
        <v>119</v>
      </c>
      <c r="GM13" s="25">
        <v>84</v>
      </c>
      <c r="GN13" s="25">
        <v>7904</v>
      </c>
      <c r="GO13" s="25">
        <v>28</v>
      </c>
      <c r="GP13" s="25">
        <v>56</v>
      </c>
      <c r="GQ13" s="28">
        <v>8191</v>
      </c>
      <c r="GR13" s="29">
        <v>8191</v>
      </c>
      <c r="GS13" s="24">
        <v>0</v>
      </c>
      <c r="GT13" s="25">
        <v>0</v>
      </c>
      <c r="GU13" s="26">
        <v>0</v>
      </c>
      <c r="GV13" s="27">
        <v>0</v>
      </c>
      <c r="GW13" s="25">
        <v>0</v>
      </c>
      <c r="GX13" s="25">
        <v>0</v>
      </c>
      <c r="GY13" s="25">
        <v>0</v>
      </c>
      <c r="GZ13" s="25">
        <v>0</v>
      </c>
      <c r="HA13" s="25">
        <v>0</v>
      </c>
      <c r="HB13" s="28">
        <v>0</v>
      </c>
      <c r="HC13" s="29">
        <v>0</v>
      </c>
      <c r="HD13" s="24">
        <v>0</v>
      </c>
      <c r="HE13" s="25">
        <v>0</v>
      </c>
      <c r="HF13" s="26">
        <v>0</v>
      </c>
      <c r="HG13" s="404">
        <v>0</v>
      </c>
      <c r="HH13" s="25">
        <v>0</v>
      </c>
      <c r="HI13" s="25">
        <v>0</v>
      </c>
      <c r="HJ13" s="25">
        <v>0</v>
      </c>
      <c r="HK13" s="25">
        <v>0</v>
      </c>
      <c r="HL13" s="25">
        <v>0</v>
      </c>
      <c r="HM13" s="28">
        <v>0</v>
      </c>
      <c r="HN13" s="29">
        <v>0</v>
      </c>
      <c r="HO13" s="24">
        <v>0</v>
      </c>
      <c r="HP13" s="25">
        <v>0</v>
      </c>
      <c r="HQ13" s="26">
        <v>0</v>
      </c>
      <c r="HR13" s="27">
        <v>0</v>
      </c>
      <c r="HS13" s="25">
        <v>185251</v>
      </c>
      <c r="HT13" s="25">
        <v>419375</v>
      </c>
      <c r="HU13" s="25">
        <v>4415533</v>
      </c>
      <c r="HV13" s="25">
        <v>4263038</v>
      </c>
      <c r="HW13" s="25">
        <v>3453897</v>
      </c>
      <c r="HX13" s="28">
        <v>12737094</v>
      </c>
      <c r="HY13" s="29">
        <v>12737094</v>
      </c>
    </row>
    <row r="14" spans="2:233" ht="21" customHeight="1" x14ac:dyDescent="0.2">
      <c r="B14" s="106" t="s">
        <v>10</v>
      </c>
      <c r="C14" s="24">
        <v>0</v>
      </c>
      <c r="D14" s="25">
        <v>8255</v>
      </c>
      <c r="E14" s="26">
        <v>8255</v>
      </c>
      <c r="F14" s="27">
        <v>0</v>
      </c>
      <c r="G14" s="25">
        <v>646786</v>
      </c>
      <c r="H14" s="25">
        <v>806566</v>
      </c>
      <c r="I14" s="25">
        <v>2901737</v>
      </c>
      <c r="J14" s="25">
        <v>4857237</v>
      </c>
      <c r="K14" s="25">
        <v>3113502</v>
      </c>
      <c r="L14" s="28">
        <v>12325828</v>
      </c>
      <c r="M14" s="29">
        <v>12334083</v>
      </c>
      <c r="N14" s="24">
        <v>0</v>
      </c>
      <c r="O14" s="25">
        <v>0</v>
      </c>
      <c r="P14" s="26">
        <v>0</v>
      </c>
      <c r="Q14" s="404">
        <v>0</v>
      </c>
      <c r="R14" s="25">
        <v>78740</v>
      </c>
      <c r="S14" s="25">
        <v>261920</v>
      </c>
      <c r="T14" s="25">
        <v>1993960</v>
      </c>
      <c r="U14" s="25">
        <v>3554564</v>
      </c>
      <c r="V14" s="25">
        <v>2346496</v>
      </c>
      <c r="W14" s="28">
        <v>8235680</v>
      </c>
      <c r="X14" s="29">
        <v>8235680</v>
      </c>
      <c r="Y14" s="24">
        <v>0</v>
      </c>
      <c r="Z14" s="25">
        <v>0</v>
      </c>
      <c r="AA14" s="26">
        <v>0</v>
      </c>
      <c r="AB14" s="404">
        <v>0</v>
      </c>
      <c r="AC14" s="25">
        <v>471224</v>
      </c>
      <c r="AD14" s="25">
        <v>425325</v>
      </c>
      <c r="AE14" s="25">
        <v>499444</v>
      </c>
      <c r="AF14" s="25">
        <v>1011503</v>
      </c>
      <c r="AG14" s="25">
        <v>411013</v>
      </c>
      <c r="AH14" s="28">
        <v>2818509</v>
      </c>
      <c r="AI14" s="29">
        <v>2818509</v>
      </c>
      <c r="AJ14" s="24">
        <v>0</v>
      </c>
      <c r="AK14" s="25">
        <v>0</v>
      </c>
      <c r="AL14" s="26">
        <v>0</v>
      </c>
      <c r="AM14" s="404">
        <v>0</v>
      </c>
      <c r="AN14" s="25">
        <v>0</v>
      </c>
      <c r="AO14" s="25">
        <v>0</v>
      </c>
      <c r="AP14" s="25">
        <v>0</v>
      </c>
      <c r="AQ14" s="25">
        <v>0</v>
      </c>
      <c r="AR14" s="25">
        <v>0</v>
      </c>
      <c r="AS14" s="28">
        <v>0</v>
      </c>
      <c r="AT14" s="29">
        <v>0</v>
      </c>
      <c r="AU14" s="24">
        <v>0</v>
      </c>
      <c r="AV14" s="25">
        <v>0</v>
      </c>
      <c r="AW14" s="26">
        <v>0</v>
      </c>
      <c r="AX14" s="404">
        <v>0</v>
      </c>
      <c r="AY14" s="25">
        <v>0</v>
      </c>
      <c r="AZ14" s="25">
        <v>0</v>
      </c>
      <c r="BA14" s="25">
        <v>0</v>
      </c>
      <c r="BB14" s="25">
        <v>57350</v>
      </c>
      <c r="BC14" s="25">
        <v>149265</v>
      </c>
      <c r="BD14" s="28">
        <v>206615</v>
      </c>
      <c r="BE14" s="29">
        <v>206615</v>
      </c>
      <c r="BF14" s="24">
        <v>0</v>
      </c>
      <c r="BG14" s="25">
        <v>0</v>
      </c>
      <c r="BH14" s="26">
        <v>0</v>
      </c>
      <c r="BI14" s="404">
        <v>0</v>
      </c>
      <c r="BJ14" s="25">
        <v>0</v>
      </c>
      <c r="BK14" s="25">
        <v>0</v>
      </c>
      <c r="BL14" s="25">
        <v>0</v>
      </c>
      <c r="BM14" s="25">
        <v>35340</v>
      </c>
      <c r="BN14" s="25">
        <v>30060</v>
      </c>
      <c r="BO14" s="28">
        <v>65400</v>
      </c>
      <c r="BP14" s="29">
        <v>65400</v>
      </c>
      <c r="BQ14" s="24">
        <v>0</v>
      </c>
      <c r="BR14" s="25">
        <v>8255</v>
      </c>
      <c r="BS14" s="26">
        <v>8255</v>
      </c>
      <c r="BT14" s="27">
        <v>0</v>
      </c>
      <c r="BU14" s="25">
        <v>96822</v>
      </c>
      <c r="BV14" s="25">
        <v>115723</v>
      </c>
      <c r="BW14" s="25">
        <v>407800</v>
      </c>
      <c r="BX14" s="25">
        <v>175836</v>
      </c>
      <c r="BY14" s="25">
        <v>158484</v>
      </c>
      <c r="BZ14" s="28">
        <v>954665</v>
      </c>
      <c r="CA14" s="29">
        <v>962920</v>
      </c>
      <c r="CB14" s="24">
        <v>0</v>
      </c>
      <c r="CC14" s="25">
        <v>0</v>
      </c>
      <c r="CD14" s="26">
        <v>0</v>
      </c>
      <c r="CE14" s="27">
        <v>0</v>
      </c>
      <c r="CF14" s="25">
        <v>0</v>
      </c>
      <c r="CG14" s="25">
        <v>3598</v>
      </c>
      <c r="CH14" s="25">
        <v>533</v>
      </c>
      <c r="CI14" s="25">
        <v>22644</v>
      </c>
      <c r="CJ14" s="25">
        <v>18184</v>
      </c>
      <c r="CK14" s="28">
        <v>44959</v>
      </c>
      <c r="CL14" s="29">
        <v>44959</v>
      </c>
      <c r="CM14" s="24">
        <v>0</v>
      </c>
      <c r="CN14" s="25">
        <v>0</v>
      </c>
      <c r="CO14" s="26">
        <v>0</v>
      </c>
      <c r="CP14" s="27">
        <v>0</v>
      </c>
      <c r="CQ14" s="25">
        <v>0</v>
      </c>
      <c r="CR14" s="25">
        <v>0</v>
      </c>
      <c r="CS14" s="25">
        <v>0</v>
      </c>
      <c r="CT14" s="25">
        <v>0</v>
      </c>
      <c r="CU14" s="25">
        <v>0</v>
      </c>
      <c r="CV14" s="28">
        <v>0</v>
      </c>
      <c r="CW14" s="29">
        <v>0</v>
      </c>
      <c r="CX14" s="24">
        <v>0</v>
      </c>
      <c r="CY14" s="25">
        <v>0</v>
      </c>
      <c r="CZ14" s="26">
        <v>0</v>
      </c>
      <c r="DA14" s="404">
        <v>0</v>
      </c>
      <c r="DB14" s="25">
        <v>0</v>
      </c>
      <c r="DC14" s="25">
        <v>0</v>
      </c>
      <c r="DD14" s="25">
        <v>0</v>
      </c>
      <c r="DE14" s="25">
        <v>0</v>
      </c>
      <c r="DF14" s="25">
        <v>0</v>
      </c>
      <c r="DG14" s="28">
        <v>0</v>
      </c>
      <c r="DH14" s="29">
        <v>0</v>
      </c>
      <c r="DI14" s="24">
        <v>0</v>
      </c>
      <c r="DJ14" s="25">
        <v>9360</v>
      </c>
      <c r="DK14" s="26">
        <v>9360</v>
      </c>
      <c r="DL14" s="27">
        <v>0</v>
      </c>
      <c r="DM14" s="25">
        <v>401729</v>
      </c>
      <c r="DN14" s="25">
        <v>718415</v>
      </c>
      <c r="DO14" s="25">
        <v>3646467</v>
      </c>
      <c r="DP14" s="25">
        <v>5757987</v>
      </c>
      <c r="DQ14" s="25">
        <v>3827004</v>
      </c>
      <c r="DR14" s="28">
        <v>14351602</v>
      </c>
      <c r="DS14" s="30">
        <v>14360962</v>
      </c>
      <c r="DT14" s="24">
        <v>0</v>
      </c>
      <c r="DU14" s="25">
        <v>0</v>
      </c>
      <c r="DV14" s="26">
        <v>0</v>
      </c>
      <c r="DW14" s="404">
        <v>0</v>
      </c>
      <c r="DX14" s="25">
        <v>158720</v>
      </c>
      <c r="DY14" s="25">
        <v>430188</v>
      </c>
      <c r="DZ14" s="25">
        <v>3000455</v>
      </c>
      <c r="EA14" s="25">
        <v>5261895</v>
      </c>
      <c r="EB14" s="25">
        <v>3418531</v>
      </c>
      <c r="EC14" s="28">
        <v>12269789</v>
      </c>
      <c r="ED14" s="29">
        <v>12269789</v>
      </c>
      <c r="EE14" s="24">
        <v>0</v>
      </c>
      <c r="EF14" s="25">
        <v>0</v>
      </c>
      <c r="EG14" s="26">
        <v>0</v>
      </c>
      <c r="EH14" s="404">
        <v>0</v>
      </c>
      <c r="EI14" s="25">
        <v>47411</v>
      </c>
      <c r="EJ14" s="25">
        <v>99975</v>
      </c>
      <c r="EK14" s="25">
        <v>113096</v>
      </c>
      <c r="EL14" s="25">
        <v>140497</v>
      </c>
      <c r="EM14" s="25">
        <v>81282</v>
      </c>
      <c r="EN14" s="28">
        <v>482261</v>
      </c>
      <c r="EO14" s="29">
        <v>482261</v>
      </c>
      <c r="EP14" s="24">
        <v>0</v>
      </c>
      <c r="EQ14" s="25">
        <v>0</v>
      </c>
      <c r="ER14" s="26">
        <v>0</v>
      </c>
      <c r="ES14" s="404">
        <v>0</v>
      </c>
      <c r="ET14" s="25">
        <v>0</v>
      </c>
      <c r="EU14" s="25">
        <v>0</v>
      </c>
      <c r="EV14" s="25">
        <v>0</v>
      </c>
      <c r="EW14" s="25">
        <v>0</v>
      </c>
      <c r="EX14" s="25">
        <v>0</v>
      </c>
      <c r="EY14" s="28">
        <v>0</v>
      </c>
      <c r="EZ14" s="29">
        <v>0</v>
      </c>
      <c r="FA14" s="24">
        <v>0</v>
      </c>
      <c r="FB14" s="25">
        <v>0</v>
      </c>
      <c r="FC14" s="26">
        <v>0</v>
      </c>
      <c r="FD14" s="404">
        <v>0</v>
      </c>
      <c r="FE14" s="25">
        <v>0</v>
      </c>
      <c r="FF14" s="25">
        <v>0</v>
      </c>
      <c r="FG14" s="25">
        <v>0</v>
      </c>
      <c r="FH14" s="25">
        <v>434</v>
      </c>
      <c r="FI14" s="25">
        <v>2387</v>
      </c>
      <c r="FJ14" s="28">
        <v>2821</v>
      </c>
      <c r="FK14" s="29">
        <v>2821</v>
      </c>
      <c r="FL14" s="24">
        <v>0</v>
      </c>
      <c r="FM14" s="25">
        <v>0</v>
      </c>
      <c r="FN14" s="26">
        <v>0</v>
      </c>
      <c r="FO14" s="404">
        <v>0</v>
      </c>
      <c r="FP14" s="25">
        <v>0</v>
      </c>
      <c r="FQ14" s="25">
        <v>0</v>
      </c>
      <c r="FR14" s="25">
        <v>0</v>
      </c>
      <c r="FS14" s="25">
        <v>47647</v>
      </c>
      <c r="FT14" s="25">
        <v>89634</v>
      </c>
      <c r="FU14" s="28">
        <v>137281</v>
      </c>
      <c r="FV14" s="29">
        <v>137281</v>
      </c>
      <c r="FW14" s="24">
        <v>0</v>
      </c>
      <c r="FX14" s="25">
        <v>9360</v>
      </c>
      <c r="FY14" s="26">
        <v>9360</v>
      </c>
      <c r="FZ14" s="27">
        <v>0</v>
      </c>
      <c r="GA14" s="25">
        <v>195598</v>
      </c>
      <c r="GB14" s="25">
        <v>188203</v>
      </c>
      <c r="GC14" s="25">
        <v>532888</v>
      </c>
      <c r="GD14" s="25">
        <v>299522</v>
      </c>
      <c r="GE14" s="25">
        <v>224106</v>
      </c>
      <c r="GF14" s="28">
        <v>1440317</v>
      </c>
      <c r="GG14" s="29">
        <v>1449677</v>
      </c>
      <c r="GH14" s="24">
        <v>0</v>
      </c>
      <c r="GI14" s="25">
        <v>0</v>
      </c>
      <c r="GJ14" s="26">
        <v>0</v>
      </c>
      <c r="GK14" s="27">
        <v>0</v>
      </c>
      <c r="GL14" s="25">
        <v>0</v>
      </c>
      <c r="GM14" s="25">
        <v>49</v>
      </c>
      <c r="GN14" s="25">
        <v>28</v>
      </c>
      <c r="GO14" s="25">
        <v>7992</v>
      </c>
      <c r="GP14" s="25">
        <v>11064</v>
      </c>
      <c r="GQ14" s="28">
        <v>19133</v>
      </c>
      <c r="GR14" s="29">
        <v>19133</v>
      </c>
      <c r="GS14" s="24">
        <v>0</v>
      </c>
      <c r="GT14" s="25">
        <v>0</v>
      </c>
      <c r="GU14" s="26">
        <v>0</v>
      </c>
      <c r="GV14" s="27">
        <v>0</v>
      </c>
      <c r="GW14" s="25">
        <v>0</v>
      </c>
      <c r="GX14" s="25">
        <v>0</v>
      </c>
      <c r="GY14" s="25">
        <v>0</v>
      </c>
      <c r="GZ14" s="25">
        <v>0</v>
      </c>
      <c r="HA14" s="25">
        <v>0</v>
      </c>
      <c r="HB14" s="28">
        <v>0</v>
      </c>
      <c r="HC14" s="29">
        <v>0</v>
      </c>
      <c r="HD14" s="24">
        <v>0</v>
      </c>
      <c r="HE14" s="25">
        <v>0</v>
      </c>
      <c r="HF14" s="26">
        <v>0</v>
      </c>
      <c r="HG14" s="404">
        <v>0</v>
      </c>
      <c r="HH14" s="25">
        <v>0</v>
      </c>
      <c r="HI14" s="25">
        <v>0</v>
      </c>
      <c r="HJ14" s="25">
        <v>0</v>
      </c>
      <c r="HK14" s="25">
        <v>0</v>
      </c>
      <c r="HL14" s="25">
        <v>0</v>
      </c>
      <c r="HM14" s="28">
        <v>0</v>
      </c>
      <c r="HN14" s="29">
        <v>0</v>
      </c>
      <c r="HO14" s="24">
        <v>0</v>
      </c>
      <c r="HP14" s="25">
        <v>17615</v>
      </c>
      <c r="HQ14" s="26">
        <v>17615</v>
      </c>
      <c r="HR14" s="27">
        <v>0</v>
      </c>
      <c r="HS14" s="25">
        <v>1048515</v>
      </c>
      <c r="HT14" s="25">
        <v>1524981</v>
      </c>
      <c r="HU14" s="25">
        <v>6548204</v>
      </c>
      <c r="HV14" s="25">
        <v>10615224</v>
      </c>
      <c r="HW14" s="25">
        <v>6940506</v>
      </c>
      <c r="HX14" s="28">
        <v>26677430</v>
      </c>
      <c r="HY14" s="29">
        <v>26695045</v>
      </c>
    </row>
    <row r="15" spans="2:233" ht="21" customHeight="1" x14ac:dyDescent="0.2">
      <c r="B15" s="106" t="s">
        <v>11</v>
      </c>
      <c r="C15" s="24">
        <v>1535</v>
      </c>
      <c r="D15" s="25">
        <v>4935</v>
      </c>
      <c r="E15" s="26">
        <v>6470</v>
      </c>
      <c r="F15" s="27">
        <v>0</v>
      </c>
      <c r="G15" s="25">
        <v>518570</v>
      </c>
      <c r="H15" s="25">
        <v>908521</v>
      </c>
      <c r="I15" s="25">
        <v>2708860</v>
      </c>
      <c r="J15" s="25">
        <v>4424415</v>
      </c>
      <c r="K15" s="25">
        <v>2657659</v>
      </c>
      <c r="L15" s="28">
        <v>11218025</v>
      </c>
      <c r="M15" s="29">
        <v>11224495</v>
      </c>
      <c r="N15" s="24">
        <v>0</v>
      </c>
      <c r="O15" s="25">
        <v>0</v>
      </c>
      <c r="P15" s="26">
        <v>0</v>
      </c>
      <c r="Q15" s="404">
        <v>0</v>
      </c>
      <c r="R15" s="25">
        <v>4335</v>
      </c>
      <c r="S15" s="25">
        <v>74435</v>
      </c>
      <c r="T15" s="25">
        <v>1677675</v>
      </c>
      <c r="U15" s="25">
        <v>2959095</v>
      </c>
      <c r="V15" s="25">
        <v>1817450</v>
      </c>
      <c r="W15" s="28">
        <v>6532990</v>
      </c>
      <c r="X15" s="29">
        <v>6532990</v>
      </c>
      <c r="Y15" s="24">
        <v>0</v>
      </c>
      <c r="Z15" s="25">
        <v>0</v>
      </c>
      <c r="AA15" s="26">
        <v>0</v>
      </c>
      <c r="AB15" s="404">
        <v>0</v>
      </c>
      <c r="AC15" s="25">
        <v>417895</v>
      </c>
      <c r="AD15" s="25">
        <v>536626</v>
      </c>
      <c r="AE15" s="25">
        <v>708545</v>
      </c>
      <c r="AF15" s="25">
        <v>1124950</v>
      </c>
      <c r="AG15" s="25">
        <v>315570</v>
      </c>
      <c r="AH15" s="28">
        <v>3103586</v>
      </c>
      <c r="AI15" s="29">
        <v>3103586</v>
      </c>
      <c r="AJ15" s="24">
        <v>0</v>
      </c>
      <c r="AK15" s="25">
        <v>0</v>
      </c>
      <c r="AL15" s="26">
        <v>0</v>
      </c>
      <c r="AM15" s="404">
        <v>0</v>
      </c>
      <c r="AN15" s="25">
        <v>0</v>
      </c>
      <c r="AO15" s="25">
        <v>0</v>
      </c>
      <c r="AP15" s="25">
        <v>0</v>
      </c>
      <c r="AQ15" s="25">
        <v>0</v>
      </c>
      <c r="AR15" s="25">
        <v>0</v>
      </c>
      <c r="AS15" s="28">
        <v>0</v>
      </c>
      <c r="AT15" s="29">
        <v>0</v>
      </c>
      <c r="AU15" s="24">
        <v>0</v>
      </c>
      <c r="AV15" s="25">
        <v>0</v>
      </c>
      <c r="AW15" s="26">
        <v>0</v>
      </c>
      <c r="AX15" s="404">
        <v>0</v>
      </c>
      <c r="AY15" s="25">
        <v>15610</v>
      </c>
      <c r="AZ15" s="25">
        <v>103540</v>
      </c>
      <c r="BA15" s="25">
        <v>59985</v>
      </c>
      <c r="BB15" s="25">
        <v>98645</v>
      </c>
      <c r="BC15" s="25">
        <v>360230</v>
      </c>
      <c r="BD15" s="28">
        <v>638010</v>
      </c>
      <c r="BE15" s="29">
        <v>638010</v>
      </c>
      <c r="BF15" s="24">
        <v>0</v>
      </c>
      <c r="BG15" s="25">
        <v>0</v>
      </c>
      <c r="BH15" s="26">
        <v>0</v>
      </c>
      <c r="BI15" s="404">
        <v>0</v>
      </c>
      <c r="BJ15" s="25">
        <v>0</v>
      </c>
      <c r="BK15" s="25">
        <v>0</v>
      </c>
      <c r="BL15" s="25">
        <v>0</v>
      </c>
      <c r="BM15" s="25">
        <v>24645</v>
      </c>
      <c r="BN15" s="25">
        <v>0</v>
      </c>
      <c r="BO15" s="28">
        <v>24645</v>
      </c>
      <c r="BP15" s="29">
        <v>24645</v>
      </c>
      <c r="BQ15" s="24">
        <v>1535</v>
      </c>
      <c r="BR15" s="25">
        <v>4935</v>
      </c>
      <c r="BS15" s="26">
        <v>6470</v>
      </c>
      <c r="BT15" s="27">
        <v>0</v>
      </c>
      <c r="BU15" s="25">
        <v>77134</v>
      </c>
      <c r="BV15" s="25">
        <v>193920</v>
      </c>
      <c r="BW15" s="25">
        <v>259275</v>
      </c>
      <c r="BX15" s="25">
        <v>217080</v>
      </c>
      <c r="BY15" s="25">
        <v>163319</v>
      </c>
      <c r="BZ15" s="28">
        <v>910728</v>
      </c>
      <c r="CA15" s="29">
        <v>917198</v>
      </c>
      <c r="CB15" s="24">
        <v>0</v>
      </c>
      <c r="CC15" s="25">
        <v>0</v>
      </c>
      <c r="CD15" s="26">
        <v>0</v>
      </c>
      <c r="CE15" s="27">
        <v>0</v>
      </c>
      <c r="CF15" s="25">
        <v>3596</v>
      </c>
      <c r="CG15" s="25">
        <v>0</v>
      </c>
      <c r="CH15" s="25">
        <v>3380</v>
      </c>
      <c r="CI15" s="25">
        <v>0</v>
      </c>
      <c r="CJ15" s="25">
        <v>1090</v>
      </c>
      <c r="CK15" s="28">
        <v>8066</v>
      </c>
      <c r="CL15" s="29">
        <v>8066</v>
      </c>
      <c r="CM15" s="24">
        <v>0</v>
      </c>
      <c r="CN15" s="25">
        <v>0</v>
      </c>
      <c r="CO15" s="26">
        <v>0</v>
      </c>
      <c r="CP15" s="27">
        <v>0</v>
      </c>
      <c r="CQ15" s="25">
        <v>0</v>
      </c>
      <c r="CR15" s="25">
        <v>0</v>
      </c>
      <c r="CS15" s="25">
        <v>0</v>
      </c>
      <c r="CT15" s="25">
        <v>0</v>
      </c>
      <c r="CU15" s="25">
        <v>0</v>
      </c>
      <c r="CV15" s="28">
        <v>0</v>
      </c>
      <c r="CW15" s="29">
        <v>0</v>
      </c>
      <c r="CX15" s="24">
        <v>0</v>
      </c>
      <c r="CY15" s="25">
        <v>0</v>
      </c>
      <c r="CZ15" s="26">
        <v>0</v>
      </c>
      <c r="DA15" s="404">
        <v>0</v>
      </c>
      <c r="DB15" s="25">
        <v>0</v>
      </c>
      <c r="DC15" s="25">
        <v>0</v>
      </c>
      <c r="DD15" s="25">
        <v>0</v>
      </c>
      <c r="DE15" s="25">
        <v>0</v>
      </c>
      <c r="DF15" s="25">
        <v>0</v>
      </c>
      <c r="DG15" s="28">
        <v>0</v>
      </c>
      <c r="DH15" s="29">
        <v>0</v>
      </c>
      <c r="DI15" s="24">
        <v>1755</v>
      </c>
      <c r="DJ15" s="25">
        <v>10858</v>
      </c>
      <c r="DK15" s="26">
        <v>12613</v>
      </c>
      <c r="DL15" s="27">
        <v>0</v>
      </c>
      <c r="DM15" s="25">
        <v>219527</v>
      </c>
      <c r="DN15" s="25">
        <v>372842</v>
      </c>
      <c r="DO15" s="25">
        <v>2393569</v>
      </c>
      <c r="DP15" s="25">
        <v>4472610</v>
      </c>
      <c r="DQ15" s="25">
        <v>2133872</v>
      </c>
      <c r="DR15" s="28">
        <v>9592420</v>
      </c>
      <c r="DS15" s="30">
        <v>9605033</v>
      </c>
      <c r="DT15" s="24">
        <v>0</v>
      </c>
      <c r="DU15" s="25">
        <v>0</v>
      </c>
      <c r="DV15" s="26">
        <v>0</v>
      </c>
      <c r="DW15" s="404">
        <v>0</v>
      </c>
      <c r="DX15" s="25">
        <v>35496</v>
      </c>
      <c r="DY15" s="25">
        <v>78806</v>
      </c>
      <c r="DZ15" s="25">
        <v>1957848</v>
      </c>
      <c r="EA15" s="25">
        <v>3896758</v>
      </c>
      <c r="EB15" s="25">
        <v>1897982</v>
      </c>
      <c r="EC15" s="28">
        <v>7866890</v>
      </c>
      <c r="ED15" s="29">
        <v>7866890</v>
      </c>
      <c r="EE15" s="24">
        <v>0</v>
      </c>
      <c r="EF15" s="25">
        <v>0</v>
      </c>
      <c r="EG15" s="26">
        <v>0</v>
      </c>
      <c r="EH15" s="404">
        <v>0</v>
      </c>
      <c r="EI15" s="25">
        <v>99552</v>
      </c>
      <c r="EJ15" s="25">
        <v>79218</v>
      </c>
      <c r="EK15" s="25">
        <v>151555</v>
      </c>
      <c r="EL15" s="25">
        <v>284966</v>
      </c>
      <c r="EM15" s="25">
        <v>4774</v>
      </c>
      <c r="EN15" s="28">
        <v>620065</v>
      </c>
      <c r="EO15" s="29">
        <v>620065</v>
      </c>
      <c r="EP15" s="24">
        <v>0</v>
      </c>
      <c r="EQ15" s="25">
        <v>0</v>
      </c>
      <c r="ER15" s="26">
        <v>0</v>
      </c>
      <c r="ES15" s="404">
        <v>0</v>
      </c>
      <c r="ET15" s="25">
        <v>0</v>
      </c>
      <c r="EU15" s="25">
        <v>0</v>
      </c>
      <c r="EV15" s="25">
        <v>0</v>
      </c>
      <c r="EW15" s="25">
        <v>0</v>
      </c>
      <c r="EX15" s="25">
        <v>0</v>
      </c>
      <c r="EY15" s="28">
        <v>0</v>
      </c>
      <c r="EZ15" s="29">
        <v>0</v>
      </c>
      <c r="FA15" s="24">
        <v>0</v>
      </c>
      <c r="FB15" s="25">
        <v>0</v>
      </c>
      <c r="FC15" s="26">
        <v>0</v>
      </c>
      <c r="FD15" s="404">
        <v>0</v>
      </c>
      <c r="FE15" s="25">
        <v>5419</v>
      </c>
      <c r="FF15" s="25">
        <v>14198</v>
      </c>
      <c r="FG15" s="25">
        <v>651</v>
      </c>
      <c r="FH15" s="25">
        <v>14268</v>
      </c>
      <c r="FI15" s="25">
        <v>83452</v>
      </c>
      <c r="FJ15" s="28">
        <v>117988</v>
      </c>
      <c r="FK15" s="29">
        <v>117988</v>
      </c>
      <c r="FL15" s="24">
        <v>0</v>
      </c>
      <c r="FM15" s="25">
        <v>0</v>
      </c>
      <c r="FN15" s="26">
        <v>0</v>
      </c>
      <c r="FO15" s="404">
        <v>0</v>
      </c>
      <c r="FP15" s="25">
        <v>0</v>
      </c>
      <c r="FQ15" s="25">
        <v>0</v>
      </c>
      <c r="FR15" s="25">
        <v>0</v>
      </c>
      <c r="FS15" s="25">
        <v>21576</v>
      </c>
      <c r="FT15" s="25">
        <v>0</v>
      </c>
      <c r="FU15" s="28">
        <v>21576</v>
      </c>
      <c r="FV15" s="29">
        <v>21576</v>
      </c>
      <c r="FW15" s="24">
        <v>1755</v>
      </c>
      <c r="FX15" s="25">
        <v>10858</v>
      </c>
      <c r="FY15" s="26">
        <v>12613</v>
      </c>
      <c r="FZ15" s="27">
        <v>0</v>
      </c>
      <c r="GA15" s="25">
        <v>78969</v>
      </c>
      <c r="GB15" s="25">
        <v>200620</v>
      </c>
      <c r="GC15" s="25">
        <v>283487</v>
      </c>
      <c r="GD15" s="25">
        <v>255042</v>
      </c>
      <c r="GE15" s="25">
        <v>146653</v>
      </c>
      <c r="GF15" s="28">
        <v>964771</v>
      </c>
      <c r="GG15" s="29">
        <v>977384</v>
      </c>
      <c r="GH15" s="24">
        <v>0</v>
      </c>
      <c r="GI15" s="25">
        <v>0</v>
      </c>
      <c r="GJ15" s="26">
        <v>0</v>
      </c>
      <c r="GK15" s="27">
        <v>0</v>
      </c>
      <c r="GL15" s="25">
        <v>91</v>
      </c>
      <c r="GM15" s="25">
        <v>0</v>
      </c>
      <c r="GN15" s="25">
        <v>28</v>
      </c>
      <c r="GO15" s="25">
        <v>0</v>
      </c>
      <c r="GP15" s="25">
        <v>1011</v>
      </c>
      <c r="GQ15" s="28">
        <v>1130</v>
      </c>
      <c r="GR15" s="29">
        <v>1130</v>
      </c>
      <c r="GS15" s="24">
        <v>0</v>
      </c>
      <c r="GT15" s="25">
        <v>0</v>
      </c>
      <c r="GU15" s="26">
        <v>0</v>
      </c>
      <c r="GV15" s="27">
        <v>0</v>
      </c>
      <c r="GW15" s="25">
        <v>0</v>
      </c>
      <c r="GX15" s="25">
        <v>0</v>
      </c>
      <c r="GY15" s="25">
        <v>0</v>
      </c>
      <c r="GZ15" s="25">
        <v>0</v>
      </c>
      <c r="HA15" s="25">
        <v>0</v>
      </c>
      <c r="HB15" s="28">
        <v>0</v>
      </c>
      <c r="HC15" s="29">
        <v>0</v>
      </c>
      <c r="HD15" s="24">
        <v>0</v>
      </c>
      <c r="HE15" s="25">
        <v>0</v>
      </c>
      <c r="HF15" s="26">
        <v>0</v>
      </c>
      <c r="HG15" s="404">
        <v>0</v>
      </c>
      <c r="HH15" s="25">
        <v>0</v>
      </c>
      <c r="HI15" s="25">
        <v>0</v>
      </c>
      <c r="HJ15" s="25">
        <v>0</v>
      </c>
      <c r="HK15" s="25">
        <v>0</v>
      </c>
      <c r="HL15" s="25">
        <v>0</v>
      </c>
      <c r="HM15" s="28">
        <v>0</v>
      </c>
      <c r="HN15" s="29">
        <v>0</v>
      </c>
      <c r="HO15" s="24">
        <v>3290</v>
      </c>
      <c r="HP15" s="25">
        <v>15793</v>
      </c>
      <c r="HQ15" s="26">
        <v>19083</v>
      </c>
      <c r="HR15" s="27">
        <v>0</v>
      </c>
      <c r="HS15" s="25">
        <v>738097</v>
      </c>
      <c r="HT15" s="25">
        <v>1281363</v>
      </c>
      <c r="HU15" s="25">
        <v>5102429</v>
      </c>
      <c r="HV15" s="25">
        <v>8897025</v>
      </c>
      <c r="HW15" s="25">
        <v>4791531</v>
      </c>
      <c r="HX15" s="28">
        <v>20810445</v>
      </c>
      <c r="HY15" s="29">
        <v>20829528</v>
      </c>
    </row>
    <row r="16" spans="2:233" ht="21" customHeight="1" x14ac:dyDescent="0.2">
      <c r="B16" s="106" t="s">
        <v>12</v>
      </c>
      <c r="C16" s="24">
        <v>1990</v>
      </c>
      <c r="D16" s="25">
        <v>580</v>
      </c>
      <c r="E16" s="26">
        <v>2570</v>
      </c>
      <c r="F16" s="27">
        <v>0</v>
      </c>
      <c r="G16" s="25">
        <v>149880</v>
      </c>
      <c r="H16" s="25">
        <v>833255</v>
      </c>
      <c r="I16" s="25">
        <v>2400696</v>
      </c>
      <c r="J16" s="25">
        <v>3451590</v>
      </c>
      <c r="K16" s="25">
        <v>1615018</v>
      </c>
      <c r="L16" s="28">
        <v>8450439</v>
      </c>
      <c r="M16" s="29">
        <v>8453009</v>
      </c>
      <c r="N16" s="24">
        <v>0</v>
      </c>
      <c r="O16" s="25">
        <v>0</v>
      </c>
      <c r="P16" s="26">
        <v>0</v>
      </c>
      <c r="Q16" s="404">
        <v>0</v>
      </c>
      <c r="R16" s="25">
        <v>2635</v>
      </c>
      <c r="S16" s="25">
        <v>63740</v>
      </c>
      <c r="T16" s="25">
        <v>1411210</v>
      </c>
      <c r="U16" s="25">
        <v>2340863</v>
      </c>
      <c r="V16" s="25">
        <v>1094140</v>
      </c>
      <c r="W16" s="28">
        <v>4912588</v>
      </c>
      <c r="X16" s="29">
        <v>4912588</v>
      </c>
      <c r="Y16" s="24">
        <v>0</v>
      </c>
      <c r="Z16" s="25">
        <v>0</v>
      </c>
      <c r="AA16" s="26">
        <v>0</v>
      </c>
      <c r="AB16" s="404">
        <v>0</v>
      </c>
      <c r="AC16" s="25">
        <v>64705</v>
      </c>
      <c r="AD16" s="25">
        <v>676241</v>
      </c>
      <c r="AE16" s="25">
        <v>706248</v>
      </c>
      <c r="AF16" s="25">
        <v>784531</v>
      </c>
      <c r="AG16" s="25">
        <v>426200</v>
      </c>
      <c r="AH16" s="28">
        <v>2657925</v>
      </c>
      <c r="AI16" s="29">
        <v>2657925</v>
      </c>
      <c r="AJ16" s="24">
        <v>0</v>
      </c>
      <c r="AK16" s="25">
        <v>0</v>
      </c>
      <c r="AL16" s="26">
        <v>0</v>
      </c>
      <c r="AM16" s="404">
        <v>0</v>
      </c>
      <c r="AN16" s="25">
        <v>0</v>
      </c>
      <c r="AO16" s="25">
        <v>0</v>
      </c>
      <c r="AP16" s="25">
        <v>0</v>
      </c>
      <c r="AQ16" s="25">
        <v>0</v>
      </c>
      <c r="AR16" s="25">
        <v>0</v>
      </c>
      <c r="AS16" s="28">
        <v>0</v>
      </c>
      <c r="AT16" s="29">
        <v>0</v>
      </c>
      <c r="AU16" s="24">
        <v>0</v>
      </c>
      <c r="AV16" s="25">
        <v>0</v>
      </c>
      <c r="AW16" s="26">
        <v>0</v>
      </c>
      <c r="AX16" s="404">
        <v>0</v>
      </c>
      <c r="AY16" s="25">
        <v>0</v>
      </c>
      <c r="AZ16" s="25">
        <v>0</v>
      </c>
      <c r="BA16" s="25">
        <v>2635</v>
      </c>
      <c r="BB16" s="25">
        <v>40610</v>
      </c>
      <c r="BC16" s="25">
        <v>29915</v>
      </c>
      <c r="BD16" s="28">
        <v>73160</v>
      </c>
      <c r="BE16" s="29">
        <v>73160</v>
      </c>
      <c r="BF16" s="24">
        <v>0</v>
      </c>
      <c r="BG16" s="25">
        <v>0</v>
      </c>
      <c r="BH16" s="26">
        <v>0</v>
      </c>
      <c r="BI16" s="404">
        <v>0</v>
      </c>
      <c r="BJ16" s="25">
        <v>0</v>
      </c>
      <c r="BK16" s="25">
        <v>0</v>
      </c>
      <c r="BL16" s="25">
        <v>59830</v>
      </c>
      <c r="BM16" s="25">
        <v>157695</v>
      </c>
      <c r="BN16" s="25">
        <v>32705</v>
      </c>
      <c r="BO16" s="28">
        <v>250230</v>
      </c>
      <c r="BP16" s="29">
        <v>250230</v>
      </c>
      <c r="BQ16" s="24">
        <v>1990</v>
      </c>
      <c r="BR16" s="25">
        <v>580</v>
      </c>
      <c r="BS16" s="26">
        <v>2570</v>
      </c>
      <c r="BT16" s="27">
        <v>0</v>
      </c>
      <c r="BU16" s="25">
        <v>82540</v>
      </c>
      <c r="BV16" s="25">
        <v>89984</v>
      </c>
      <c r="BW16" s="25">
        <v>215043</v>
      </c>
      <c r="BX16" s="25">
        <v>126166</v>
      </c>
      <c r="BY16" s="25">
        <v>32058</v>
      </c>
      <c r="BZ16" s="28">
        <v>545791</v>
      </c>
      <c r="CA16" s="29">
        <v>548361</v>
      </c>
      <c r="CB16" s="24">
        <v>0</v>
      </c>
      <c r="CC16" s="25">
        <v>0</v>
      </c>
      <c r="CD16" s="26">
        <v>0</v>
      </c>
      <c r="CE16" s="27">
        <v>0</v>
      </c>
      <c r="CF16" s="25">
        <v>0</v>
      </c>
      <c r="CG16" s="25">
        <v>3290</v>
      </c>
      <c r="CH16" s="25">
        <v>5730</v>
      </c>
      <c r="CI16" s="25">
        <v>1725</v>
      </c>
      <c r="CJ16" s="25">
        <v>0</v>
      </c>
      <c r="CK16" s="28">
        <v>10745</v>
      </c>
      <c r="CL16" s="29">
        <v>10745</v>
      </c>
      <c r="CM16" s="24">
        <v>0</v>
      </c>
      <c r="CN16" s="25">
        <v>0</v>
      </c>
      <c r="CO16" s="26">
        <v>0</v>
      </c>
      <c r="CP16" s="27">
        <v>0</v>
      </c>
      <c r="CQ16" s="25">
        <v>0</v>
      </c>
      <c r="CR16" s="25">
        <v>0</v>
      </c>
      <c r="CS16" s="25">
        <v>0</v>
      </c>
      <c r="CT16" s="25">
        <v>0</v>
      </c>
      <c r="CU16" s="25">
        <v>0</v>
      </c>
      <c r="CV16" s="28">
        <v>0</v>
      </c>
      <c r="CW16" s="29">
        <v>0</v>
      </c>
      <c r="CX16" s="24">
        <v>0</v>
      </c>
      <c r="CY16" s="25">
        <v>0</v>
      </c>
      <c r="CZ16" s="26">
        <v>0</v>
      </c>
      <c r="DA16" s="404">
        <v>0</v>
      </c>
      <c r="DB16" s="25">
        <v>0</v>
      </c>
      <c r="DC16" s="25">
        <v>0</v>
      </c>
      <c r="DD16" s="25">
        <v>0</v>
      </c>
      <c r="DE16" s="25">
        <v>0</v>
      </c>
      <c r="DF16" s="25">
        <v>0</v>
      </c>
      <c r="DG16" s="28">
        <v>0</v>
      </c>
      <c r="DH16" s="29">
        <v>0</v>
      </c>
      <c r="DI16" s="24">
        <v>1702</v>
      </c>
      <c r="DJ16" s="25">
        <v>4176</v>
      </c>
      <c r="DK16" s="26">
        <v>5878</v>
      </c>
      <c r="DL16" s="27">
        <v>0</v>
      </c>
      <c r="DM16" s="25">
        <v>125749</v>
      </c>
      <c r="DN16" s="25">
        <v>403097</v>
      </c>
      <c r="DO16" s="25">
        <v>2807183</v>
      </c>
      <c r="DP16" s="25">
        <v>3559983</v>
      </c>
      <c r="DQ16" s="25">
        <v>1790453</v>
      </c>
      <c r="DR16" s="28">
        <v>8686465</v>
      </c>
      <c r="DS16" s="30">
        <v>8692343</v>
      </c>
      <c r="DT16" s="24">
        <v>0</v>
      </c>
      <c r="DU16" s="25">
        <v>0</v>
      </c>
      <c r="DV16" s="26">
        <v>0</v>
      </c>
      <c r="DW16" s="404">
        <v>0</v>
      </c>
      <c r="DX16" s="25">
        <v>21576</v>
      </c>
      <c r="DY16" s="25">
        <v>168822</v>
      </c>
      <c r="DZ16" s="25">
        <v>2175417</v>
      </c>
      <c r="EA16" s="25">
        <v>3060333</v>
      </c>
      <c r="EB16" s="25">
        <v>1615413</v>
      </c>
      <c r="EC16" s="28">
        <v>7041561</v>
      </c>
      <c r="ED16" s="29">
        <v>7041561</v>
      </c>
      <c r="EE16" s="24">
        <v>0</v>
      </c>
      <c r="EF16" s="25">
        <v>0</v>
      </c>
      <c r="EG16" s="26">
        <v>0</v>
      </c>
      <c r="EH16" s="404">
        <v>0</v>
      </c>
      <c r="EI16" s="25">
        <v>2380</v>
      </c>
      <c r="EJ16" s="25">
        <v>72943</v>
      </c>
      <c r="EK16" s="25">
        <v>175081</v>
      </c>
      <c r="EL16" s="25">
        <v>85672</v>
      </c>
      <c r="EM16" s="25">
        <v>53024</v>
      </c>
      <c r="EN16" s="28">
        <v>389100</v>
      </c>
      <c r="EO16" s="29">
        <v>389100</v>
      </c>
      <c r="EP16" s="24">
        <v>0</v>
      </c>
      <c r="EQ16" s="25">
        <v>0</v>
      </c>
      <c r="ER16" s="26">
        <v>0</v>
      </c>
      <c r="ES16" s="404">
        <v>0</v>
      </c>
      <c r="ET16" s="25">
        <v>0</v>
      </c>
      <c r="EU16" s="25">
        <v>0</v>
      </c>
      <c r="EV16" s="25">
        <v>0</v>
      </c>
      <c r="EW16" s="25">
        <v>0</v>
      </c>
      <c r="EX16" s="25">
        <v>0</v>
      </c>
      <c r="EY16" s="28">
        <v>0</v>
      </c>
      <c r="EZ16" s="29">
        <v>0</v>
      </c>
      <c r="FA16" s="24">
        <v>0</v>
      </c>
      <c r="FB16" s="25">
        <v>0</v>
      </c>
      <c r="FC16" s="26">
        <v>0</v>
      </c>
      <c r="FD16" s="404">
        <v>0</v>
      </c>
      <c r="FE16" s="25">
        <v>0</v>
      </c>
      <c r="FF16" s="25">
        <v>0</v>
      </c>
      <c r="FG16" s="25">
        <v>217</v>
      </c>
      <c r="FH16" s="25">
        <v>868</v>
      </c>
      <c r="FI16" s="25">
        <v>770</v>
      </c>
      <c r="FJ16" s="28">
        <v>1855</v>
      </c>
      <c r="FK16" s="29">
        <v>1855</v>
      </c>
      <c r="FL16" s="24">
        <v>0</v>
      </c>
      <c r="FM16" s="25">
        <v>0</v>
      </c>
      <c r="FN16" s="26">
        <v>0</v>
      </c>
      <c r="FO16" s="404">
        <v>0</v>
      </c>
      <c r="FP16" s="25">
        <v>0</v>
      </c>
      <c r="FQ16" s="25">
        <v>0</v>
      </c>
      <c r="FR16" s="25">
        <v>129456</v>
      </c>
      <c r="FS16" s="25">
        <v>220266</v>
      </c>
      <c r="FT16" s="25">
        <v>36766</v>
      </c>
      <c r="FU16" s="28">
        <v>386488</v>
      </c>
      <c r="FV16" s="29">
        <v>386488</v>
      </c>
      <c r="FW16" s="24">
        <v>1702</v>
      </c>
      <c r="FX16" s="25">
        <v>4176</v>
      </c>
      <c r="FY16" s="26">
        <v>5878</v>
      </c>
      <c r="FZ16" s="27">
        <v>0</v>
      </c>
      <c r="GA16" s="25">
        <v>101793</v>
      </c>
      <c r="GB16" s="25">
        <v>155442</v>
      </c>
      <c r="GC16" s="25">
        <v>320558</v>
      </c>
      <c r="GD16" s="25">
        <v>192816</v>
      </c>
      <c r="GE16" s="25">
        <v>84480</v>
      </c>
      <c r="GF16" s="28">
        <v>855089</v>
      </c>
      <c r="GG16" s="29">
        <v>860967</v>
      </c>
      <c r="GH16" s="24">
        <v>0</v>
      </c>
      <c r="GI16" s="25">
        <v>0</v>
      </c>
      <c r="GJ16" s="26">
        <v>0</v>
      </c>
      <c r="GK16" s="27">
        <v>0</v>
      </c>
      <c r="GL16" s="25">
        <v>0</v>
      </c>
      <c r="GM16" s="25">
        <v>5890</v>
      </c>
      <c r="GN16" s="25">
        <v>6454</v>
      </c>
      <c r="GO16" s="25">
        <v>28</v>
      </c>
      <c r="GP16" s="25">
        <v>0</v>
      </c>
      <c r="GQ16" s="28">
        <v>12372</v>
      </c>
      <c r="GR16" s="29">
        <v>12372</v>
      </c>
      <c r="GS16" s="24">
        <v>0</v>
      </c>
      <c r="GT16" s="25">
        <v>0</v>
      </c>
      <c r="GU16" s="26">
        <v>0</v>
      </c>
      <c r="GV16" s="27">
        <v>0</v>
      </c>
      <c r="GW16" s="25">
        <v>0</v>
      </c>
      <c r="GX16" s="25">
        <v>0</v>
      </c>
      <c r="GY16" s="25">
        <v>0</v>
      </c>
      <c r="GZ16" s="25">
        <v>0</v>
      </c>
      <c r="HA16" s="25">
        <v>0</v>
      </c>
      <c r="HB16" s="28">
        <v>0</v>
      </c>
      <c r="HC16" s="29">
        <v>0</v>
      </c>
      <c r="HD16" s="24">
        <v>0</v>
      </c>
      <c r="HE16" s="25">
        <v>0</v>
      </c>
      <c r="HF16" s="26">
        <v>0</v>
      </c>
      <c r="HG16" s="404">
        <v>0</v>
      </c>
      <c r="HH16" s="25">
        <v>0</v>
      </c>
      <c r="HI16" s="25">
        <v>0</v>
      </c>
      <c r="HJ16" s="25">
        <v>0</v>
      </c>
      <c r="HK16" s="25">
        <v>0</v>
      </c>
      <c r="HL16" s="25">
        <v>0</v>
      </c>
      <c r="HM16" s="28">
        <v>0</v>
      </c>
      <c r="HN16" s="29">
        <v>0</v>
      </c>
      <c r="HO16" s="24">
        <v>3692</v>
      </c>
      <c r="HP16" s="25">
        <v>4756</v>
      </c>
      <c r="HQ16" s="26">
        <v>8448</v>
      </c>
      <c r="HR16" s="27">
        <v>0</v>
      </c>
      <c r="HS16" s="25">
        <v>275629</v>
      </c>
      <c r="HT16" s="25">
        <v>1236352</v>
      </c>
      <c r="HU16" s="25">
        <v>5207879</v>
      </c>
      <c r="HV16" s="25">
        <v>7011573</v>
      </c>
      <c r="HW16" s="25">
        <v>3405471</v>
      </c>
      <c r="HX16" s="28">
        <v>17136904</v>
      </c>
      <c r="HY16" s="29">
        <v>17145352</v>
      </c>
    </row>
    <row r="17" spans="2:233" ht="21" customHeight="1" x14ac:dyDescent="0.2">
      <c r="B17" s="106" t="s">
        <v>13</v>
      </c>
      <c r="C17" s="24">
        <v>0</v>
      </c>
      <c r="D17" s="25">
        <v>0</v>
      </c>
      <c r="E17" s="26">
        <v>0</v>
      </c>
      <c r="F17" s="27">
        <v>0</v>
      </c>
      <c r="G17" s="25">
        <v>43085</v>
      </c>
      <c r="H17" s="25">
        <v>98440</v>
      </c>
      <c r="I17" s="25">
        <v>473350</v>
      </c>
      <c r="J17" s="25">
        <v>837605</v>
      </c>
      <c r="K17" s="25">
        <v>599495</v>
      </c>
      <c r="L17" s="28">
        <v>2051975</v>
      </c>
      <c r="M17" s="29">
        <v>2051975</v>
      </c>
      <c r="N17" s="24">
        <v>0</v>
      </c>
      <c r="O17" s="25">
        <v>0</v>
      </c>
      <c r="P17" s="26">
        <v>0</v>
      </c>
      <c r="Q17" s="404">
        <v>0</v>
      </c>
      <c r="R17" s="25">
        <v>2635</v>
      </c>
      <c r="S17" s="25">
        <v>0</v>
      </c>
      <c r="T17" s="25">
        <v>370710</v>
      </c>
      <c r="U17" s="25">
        <v>757540</v>
      </c>
      <c r="V17" s="25">
        <v>457927</v>
      </c>
      <c r="W17" s="28">
        <v>1588812</v>
      </c>
      <c r="X17" s="29">
        <v>1588812</v>
      </c>
      <c r="Y17" s="24">
        <v>0</v>
      </c>
      <c r="Z17" s="25">
        <v>0</v>
      </c>
      <c r="AA17" s="26">
        <v>0</v>
      </c>
      <c r="AB17" s="404">
        <v>0</v>
      </c>
      <c r="AC17" s="25">
        <v>38130</v>
      </c>
      <c r="AD17" s="25">
        <v>59840</v>
      </c>
      <c r="AE17" s="25">
        <v>69250</v>
      </c>
      <c r="AF17" s="25">
        <v>70050</v>
      </c>
      <c r="AG17" s="25">
        <v>40610</v>
      </c>
      <c r="AH17" s="28">
        <v>277880</v>
      </c>
      <c r="AI17" s="29">
        <v>277880</v>
      </c>
      <c r="AJ17" s="24">
        <v>0</v>
      </c>
      <c r="AK17" s="25">
        <v>0</v>
      </c>
      <c r="AL17" s="26">
        <v>0</v>
      </c>
      <c r="AM17" s="404">
        <v>0</v>
      </c>
      <c r="AN17" s="25">
        <v>0</v>
      </c>
      <c r="AO17" s="25">
        <v>0</v>
      </c>
      <c r="AP17" s="25">
        <v>0</v>
      </c>
      <c r="AQ17" s="25">
        <v>0</v>
      </c>
      <c r="AR17" s="25">
        <v>0</v>
      </c>
      <c r="AS17" s="28">
        <v>0</v>
      </c>
      <c r="AT17" s="29">
        <v>0</v>
      </c>
      <c r="AU17" s="24">
        <v>0</v>
      </c>
      <c r="AV17" s="25">
        <v>0</v>
      </c>
      <c r="AW17" s="26">
        <v>0</v>
      </c>
      <c r="AX17" s="404">
        <v>0</v>
      </c>
      <c r="AY17" s="25">
        <v>0</v>
      </c>
      <c r="AZ17" s="25">
        <v>0</v>
      </c>
      <c r="BA17" s="25">
        <v>0</v>
      </c>
      <c r="BB17" s="25">
        <v>0</v>
      </c>
      <c r="BC17" s="25">
        <v>0</v>
      </c>
      <c r="BD17" s="28">
        <v>0</v>
      </c>
      <c r="BE17" s="29">
        <v>0</v>
      </c>
      <c r="BF17" s="24">
        <v>0</v>
      </c>
      <c r="BG17" s="25">
        <v>0</v>
      </c>
      <c r="BH17" s="26">
        <v>0</v>
      </c>
      <c r="BI17" s="404">
        <v>0</v>
      </c>
      <c r="BJ17" s="25">
        <v>0</v>
      </c>
      <c r="BK17" s="25">
        <v>0</v>
      </c>
      <c r="BL17" s="25">
        <v>0</v>
      </c>
      <c r="BM17" s="25">
        <v>0</v>
      </c>
      <c r="BN17" s="25">
        <v>0</v>
      </c>
      <c r="BO17" s="28">
        <v>0</v>
      </c>
      <c r="BP17" s="29">
        <v>0</v>
      </c>
      <c r="BQ17" s="24">
        <v>0</v>
      </c>
      <c r="BR17" s="25">
        <v>0</v>
      </c>
      <c r="BS17" s="26">
        <v>0</v>
      </c>
      <c r="BT17" s="27">
        <v>0</v>
      </c>
      <c r="BU17" s="25">
        <v>2320</v>
      </c>
      <c r="BV17" s="25">
        <v>38600</v>
      </c>
      <c r="BW17" s="25">
        <v>21035</v>
      </c>
      <c r="BX17" s="25">
        <v>10015</v>
      </c>
      <c r="BY17" s="25">
        <v>100958</v>
      </c>
      <c r="BZ17" s="28">
        <v>172928</v>
      </c>
      <c r="CA17" s="29">
        <v>172928</v>
      </c>
      <c r="CB17" s="24">
        <v>0</v>
      </c>
      <c r="CC17" s="25">
        <v>0</v>
      </c>
      <c r="CD17" s="26">
        <v>0</v>
      </c>
      <c r="CE17" s="27">
        <v>0</v>
      </c>
      <c r="CF17" s="25">
        <v>0</v>
      </c>
      <c r="CG17" s="25">
        <v>0</v>
      </c>
      <c r="CH17" s="25">
        <v>12355</v>
      </c>
      <c r="CI17" s="25">
        <v>0</v>
      </c>
      <c r="CJ17" s="25">
        <v>0</v>
      </c>
      <c r="CK17" s="28">
        <v>12355</v>
      </c>
      <c r="CL17" s="29">
        <v>12355</v>
      </c>
      <c r="CM17" s="24">
        <v>0</v>
      </c>
      <c r="CN17" s="25">
        <v>0</v>
      </c>
      <c r="CO17" s="26">
        <v>0</v>
      </c>
      <c r="CP17" s="27">
        <v>0</v>
      </c>
      <c r="CQ17" s="25">
        <v>0</v>
      </c>
      <c r="CR17" s="25">
        <v>0</v>
      </c>
      <c r="CS17" s="25">
        <v>0</v>
      </c>
      <c r="CT17" s="25">
        <v>0</v>
      </c>
      <c r="CU17" s="25">
        <v>0</v>
      </c>
      <c r="CV17" s="28">
        <v>0</v>
      </c>
      <c r="CW17" s="29">
        <v>0</v>
      </c>
      <c r="CX17" s="24">
        <v>0</v>
      </c>
      <c r="CY17" s="25">
        <v>0</v>
      </c>
      <c r="CZ17" s="26">
        <v>0</v>
      </c>
      <c r="DA17" s="404">
        <v>0</v>
      </c>
      <c r="DB17" s="25">
        <v>0</v>
      </c>
      <c r="DC17" s="25">
        <v>0</v>
      </c>
      <c r="DD17" s="25">
        <v>0</v>
      </c>
      <c r="DE17" s="25">
        <v>0</v>
      </c>
      <c r="DF17" s="25">
        <v>0</v>
      </c>
      <c r="DG17" s="28">
        <v>0</v>
      </c>
      <c r="DH17" s="29">
        <v>0</v>
      </c>
      <c r="DI17" s="24">
        <v>0</v>
      </c>
      <c r="DJ17" s="25">
        <v>0</v>
      </c>
      <c r="DK17" s="26">
        <v>0</v>
      </c>
      <c r="DL17" s="27">
        <v>0</v>
      </c>
      <c r="DM17" s="25">
        <v>52890</v>
      </c>
      <c r="DN17" s="25">
        <v>76848</v>
      </c>
      <c r="DO17" s="25">
        <v>560846</v>
      </c>
      <c r="DP17" s="25">
        <v>934105</v>
      </c>
      <c r="DQ17" s="25">
        <v>747579</v>
      </c>
      <c r="DR17" s="28">
        <v>2372268</v>
      </c>
      <c r="DS17" s="30">
        <v>2372268</v>
      </c>
      <c r="DT17" s="24">
        <v>0</v>
      </c>
      <c r="DU17" s="25">
        <v>0</v>
      </c>
      <c r="DV17" s="26">
        <v>0</v>
      </c>
      <c r="DW17" s="404">
        <v>0</v>
      </c>
      <c r="DX17" s="25">
        <v>21576</v>
      </c>
      <c r="DY17" s="25">
        <v>0</v>
      </c>
      <c r="DZ17" s="25">
        <v>518178</v>
      </c>
      <c r="EA17" s="25">
        <v>896632</v>
      </c>
      <c r="EB17" s="25">
        <v>629985</v>
      </c>
      <c r="EC17" s="28">
        <v>2066371</v>
      </c>
      <c r="ED17" s="29">
        <v>2066371</v>
      </c>
      <c r="EE17" s="24">
        <v>0</v>
      </c>
      <c r="EF17" s="25">
        <v>0</v>
      </c>
      <c r="EG17" s="26">
        <v>0</v>
      </c>
      <c r="EH17" s="404">
        <v>0</v>
      </c>
      <c r="EI17" s="25">
        <v>24645</v>
      </c>
      <c r="EJ17" s="25">
        <v>1106</v>
      </c>
      <c r="EK17" s="25">
        <v>1498</v>
      </c>
      <c r="EL17" s="25">
        <v>2579</v>
      </c>
      <c r="EM17" s="25">
        <v>868</v>
      </c>
      <c r="EN17" s="28">
        <v>30696</v>
      </c>
      <c r="EO17" s="29">
        <v>30696</v>
      </c>
      <c r="EP17" s="24">
        <v>0</v>
      </c>
      <c r="EQ17" s="25">
        <v>0</v>
      </c>
      <c r="ER17" s="26">
        <v>0</v>
      </c>
      <c r="ES17" s="404">
        <v>0</v>
      </c>
      <c r="ET17" s="25">
        <v>0</v>
      </c>
      <c r="EU17" s="25">
        <v>0</v>
      </c>
      <c r="EV17" s="25">
        <v>0</v>
      </c>
      <c r="EW17" s="25">
        <v>0</v>
      </c>
      <c r="EX17" s="25">
        <v>0</v>
      </c>
      <c r="EY17" s="28">
        <v>0</v>
      </c>
      <c r="EZ17" s="29">
        <v>0</v>
      </c>
      <c r="FA17" s="24">
        <v>0</v>
      </c>
      <c r="FB17" s="25">
        <v>0</v>
      </c>
      <c r="FC17" s="26">
        <v>0</v>
      </c>
      <c r="FD17" s="404">
        <v>0</v>
      </c>
      <c r="FE17" s="25">
        <v>0</v>
      </c>
      <c r="FF17" s="25">
        <v>0</v>
      </c>
      <c r="FG17" s="25">
        <v>0</v>
      </c>
      <c r="FH17" s="25">
        <v>0</v>
      </c>
      <c r="FI17" s="25">
        <v>0</v>
      </c>
      <c r="FJ17" s="28">
        <v>0</v>
      </c>
      <c r="FK17" s="29">
        <v>0</v>
      </c>
      <c r="FL17" s="24">
        <v>0</v>
      </c>
      <c r="FM17" s="25">
        <v>0</v>
      </c>
      <c r="FN17" s="26">
        <v>0</v>
      </c>
      <c r="FO17" s="404">
        <v>0</v>
      </c>
      <c r="FP17" s="25">
        <v>0</v>
      </c>
      <c r="FQ17" s="25">
        <v>0</v>
      </c>
      <c r="FR17" s="25">
        <v>0</v>
      </c>
      <c r="FS17" s="25">
        <v>0</v>
      </c>
      <c r="FT17" s="25">
        <v>0</v>
      </c>
      <c r="FU17" s="28">
        <v>0</v>
      </c>
      <c r="FV17" s="29">
        <v>0</v>
      </c>
      <c r="FW17" s="24">
        <v>0</v>
      </c>
      <c r="FX17" s="25">
        <v>0</v>
      </c>
      <c r="FY17" s="26">
        <v>0</v>
      </c>
      <c r="FZ17" s="27">
        <v>0</v>
      </c>
      <c r="GA17" s="25">
        <v>6669</v>
      </c>
      <c r="GB17" s="25">
        <v>75742</v>
      </c>
      <c r="GC17" s="25">
        <v>40932</v>
      </c>
      <c r="GD17" s="25">
        <v>34894</v>
      </c>
      <c r="GE17" s="25">
        <v>116726</v>
      </c>
      <c r="GF17" s="28">
        <v>274963</v>
      </c>
      <c r="GG17" s="29">
        <v>274963</v>
      </c>
      <c r="GH17" s="24">
        <v>0</v>
      </c>
      <c r="GI17" s="25">
        <v>0</v>
      </c>
      <c r="GJ17" s="26">
        <v>0</v>
      </c>
      <c r="GK17" s="27">
        <v>0</v>
      </c>
      <c r="GL17" s="25">
        <v>0</v>
      </c>
      <c r="GM17" s="25">
        <v>0</v>
      </c>
      <c r="GN17" s="25">
        <v>238</v>
      </c>
      <c r="GO17" s="25">
        <v>0</v>
      </c>
      <c r="GP17" s="25">
        <v>0</v>
      </c>
      <c r="GQ17" s="28">
        <v>238</v>
      </c>
      <c r="GR17" s="29">
        <v>238</v>
      </c>
      <c r="GS17" s="24">
        <v>0</v>
      </c>
      <c r="GT17" s="25">
        <v>0</v>
      </c>
      <c r="GU17" s="26">
        <v>0</v>
      </c>
      <c r="GV17" s="27">
        <v>0</v>
      </c>
      <c r="GW17" s="25">
        <v>0</v>
      </c>
      <c r="GX17" s="25">
        <v>0</v>
      </c>
      <c r="GY17" s="25">
        <v>0</v>
      </c>
      <c r="GZ17" s="25">
        <v>0</v>
      </c>
      <c r="HA17" s="25">
        <v>0</v>
      </c>
      <c r="HB17" s="28">
        <v>0</v>
      </c>
      <c r="HC17" s="29">
        <v>0</v>
      </c>
      <c r="HD17" s="24">
        <v>0</v>
      </c>
      <c r="HE17" s="25">
        <v>0</v>
      </c>
      <c r="HF17" s="26">
        <v>0</v>
      </c>
      <c r="HG17" s="404">
        <v>0</v>
      </c>
      <c r="HH17" s="25">
        <v>0</v>
      </c>
      <c r="HI17" s="25">
        <v>0</v>
      </c>
      <c r="HJ17" s="25">
        <v>0</v>
      </c>
      <c r="HK17" s="25">
        <v>0</v>
      </c>
      <c r="HL17" s="25">
        <v>0</v>
      </c>
      <c r="HM17" s="28">
        <v>0</v>
      </c>
      <c r="HN17" s="29">
        <v>0</v>
      </c>
      <c r="HO17" s="24">
        <v>0</v>
      </c>
      <c r="HP17" s="25">
        <v>0</v>
      </c>
      <c r="HQ17" s="26">
        <v>0</v>
      </c>
      <c r="HR17" s="27">
        <v>0</v>
      </c>
      <c r="HS17" s="25">
        <v>95975</v>
      </c>
      <c r="HT17" s="25">
        <v>175288</v>
      </c>
      <c r="HU17" s="25">
        <v>1034196</v>
      </c>
      <c r="HV17" s="25">
        <v>1771710</v>
      </c>
      <c r="HW17" s="25">
        <v>1347074</v>
      </c>
      <c r="HX17" s="28">
        <v>4424243</v>
      </c>
      <c r="HY17" s="29">
        <v>4424243</v>
      </c>
    </row>
    <row r="18" spans="2:233" ht="21" customHeight="1" x14ac:dyDescent="0.2">
      <c r="B18" s="106" t="s">
        <v>15</v>
      </c>
      <c r="C18" s="24">
        <v>0</v>
      </c>
      <c r="D18" s="25">
        <v>3420</v>
      </c>
      <c r="E18" s="26">
        <v>3420</v>
      </c>
      <c r="F18" s="27">
        <v>0</v>
      </c>
      <c r="G18" s="25">
        <v>285797</v>
      </c>
      <c r="H18" s="25">
        <v>239390</v>
      </c>
      <c r="I18" s="25">
        <v>1344806</v>
      </c>
      <c r="J18" s="25">
        <v>2515437</v>
      </c>
      <c r="K18" s="25">
        <v>1004467</v>
      </c>
      <c r="L18" s="28">
        <v>5389897</v>
      </c>
      <c r="M18" s="29">
        <v>5393317</v>
      </c>
      <c r="N18" s="24">
        <v>0</v>
      </c>
      <c r="O18" s="25">
        <v>0</v>
      </c>
      <c r="P18" s="26">
        <v>0</v>
      </c>
      <c r="Q18" s="404">
        <v>0</v>
      </c>
      <c r="R18" s="25">
        <v>32705</v>
      </c>
      <c r="S18" s="25">
        <v>24645</v>
      </c>
      <c r="T18" s="25">
        <v>880235</v>
      </c>
      <c r="U18" s="25">
        <v>1569720</v>
      </c>
      <c r="V18" s="25">
        <v>733790</v>
      </c>
      <c r="W18" s="28">
        <v>3241095</v>
      </c>
      <c r="X18" s="29">
        <v>3241095</v>
      </c>
      <c r="Y18" s="24">
        <v>0</v>
      </c>
      <c r="Z18" s="25">
        <v>0</v>
      </c>
      <c r="AA18" s="26">
        <v>0</v>
      </c>
      <c r="AB18" s="404">
        <v>0</v>
      </c>
      <c r="AC18" s="25">
        <v>221240</v>
      </c>
      <c r="AD18" s="25">
        <v>199905</v>
      </c>
      <c r="AE18" s="25">
        <v>297106</v>
      </c>
      <c r="AF18" s="25">
        <v>645241</v>
      </c>
      <c r="AG18" s="25">
        <v>176865</v>
      </c>
      <c r="AH18" s="28">
        <v>1540357</v>
      </c>
      <c r="AI18" s="29">
        <v>1540357</v>
      </c>
      <c r="AJ18" s="24">
        <v>0</v>
      </c>
      <c r="AK18" s="25">
        <v>0</v>
      </c>
      <c r="AL18" s="26">
        <v>0</v>
      </c>
      <c r="AM18" s="404">
        <v>0</v>
      </c>
      <c r="AN18" s="25">
        <v>0</v>
      </c>
      <c r="AO18" s="25">
        <v>0</v>
      </c>
      <c r="AP18" s="25">
        <v>0</v>
      </c>
      <c r="AQ18" s="25">
        <v>0</v>
      </c>
      <c r="AR18" s="25">
        <v>0</v>
      </c>
      <c r="AS18" s="28">
        <v>0</v>
      </c>
      <c r="AT18" s="29">
        <v>0</v>
      </c>
      <c r="AU18" s="24">
        <v>0</v>
      </c>
      <c r="AV18" s="25">
        <v>0</v>
      </c>
      <c r="AW18" s="26">
        <v>0</v>
      </c>
      <c r="AX18" s="404">
        <v>0</v>
      </c>
      <c r="AY18" s="25">
        <v>0</v>
      </c>
      <c r="AZ18" s="25">
        <v>0</v>
      </c>
      <c r="BA18" s="25">
        <v>0</v>
      </c>
      <c r="BB18" s="25">
        <v>0</v>
      </c>
      <c r="BC18" s="25">
        <v>0</v>
      </c>
      <c r="BD18" s="28">
        <v>0</v>
      </c>
      <c r="BE18" s="29">
        <v>0</v>
      </c>
      <c r="BF18" s="24">
        <v>0</v>
      </c>
      <c r="BG18" s="25">
        <v>0</v>
      </c>
      <c r="BH18" s="26">
        <v>0</v>
      </c>
      <c r="BI18" s="404">
        <v>0</v>
      </c>
      <c r="BJ18" s="25">
        <v>0</v>
      </c>
      <c r="BK18" s="25">
        <v>0</v>
      </c>
      <c r="BL18" s="25">
        <v>67890</v>
      </c>
      <c r="BM18" s="25">
        <v>130495</v>
      </c>
      <c r="BN18" s="25">
        <v>61515</v>
      </c>
      <c r="BO18" s="28">
        <v>259900</v>
      </c>
      <c r="BP18" s="29">
        <v>259900</v>
      </c>
      <c r="BQ18" s="24">
        <v>0</v>
      </c>
      <c r="BR18" s="25">
        <v>3420</v>
      </c>
      <c r="BS18" s="26">
        <v>3420</v>
      </c>
      <c r="BT18" s="27">
        <v>0</v>
      </c>
      <c r="BU18" s="25">
        <v>20867</v>
      </c>
      <c r="BV18" s="25">
        <v>14550</v>
      </c>
      <c r="BW18" s="25">
        <v>99575</v>
      </c>
      <c r="BX18" s="25">
        <v>163438</v>
      </c>
      <c r="BY18" s="25">
        <v>32297</v>
      </c>
      <c r="BZ18" s="28">
        <v>330727</v>
      </c>
      <c r="CA18" s="29">
        <v>334147</v>
      </c>
      <c r="CB18" s="24">
        <v>0</v>
      </c>
      <c r="CC18" s="25">
        <v>0</v>
      </c>
      <c r="CD18" s="26">
        <v>0</v>
      </c>
      <c r="CE18" s="27">
        <v>0</v>
      </c>
      <c r="CF18" s="25">
        <v>10985</v>
      </c>
      <c r="CG18" s="25">
        <v>290</v>
      </c>
      <c r="CH18" s="25">
        <v>0</v>
      </c>
      <c r="CI18" s="25">
        <v>6543</v>
      </c>
      <c r="CJ18" s="25">
        <v>0</v>
      </c>
      <c r="CK18" s="28">
        <v>17818</v>
      </c>
      <c r="CL18" s="29">
        <v>17818</v>
      </c>
      <c r="CM18" s="24">
        <v>0</v>
      </c>
      <c r="CN18" s="25">
        <v>0</v>
      </c>
      <c r="CO18" s="26">
        <v>0</v>
      </c>
      <c r="CP18" s="27">
        <v>0</v>
      </c>
      <c r="CQ18" s="25">
        <v>0</v>
      </c>
      <c r="CR18" s="25">
        <v>0</v>
      </c>
      <c r="CS18" s="25">
        <v>0</v>
      </c>
      <c r="CT18" s="25">
        <v>0</v>
      </c>
      <c r="CU18" s="25">
        <v>0</v>
      </c>
      <c r="CV18" s="28">
        <v>0</v>
      </c>
      <c r="CW18" s="29">
        <v>0</v>
      </c>
      <c r="CX18" s="24">
        <v>0</v>
      </c>
      <c r="CY18" s="25">
        <v>0</v>
      </c>
      <c r="CZ18" s="26">
        <v>0</v>
      </c>
      <c r="DA18" s="404">
        <v>0</v>
      </c>
      <c r="DB18" s="25">
        <v>0</v>
      </c>
      <c r="DC18" s="25">
        <v>0</v>
      </c>
      <c r="DD18" s="25">
        <v>0</v>
      </c>
      <c r="DE18" s="25">
        <v>0</v>
      </c>
      <c r="DF18" s="25">
        <v>0</v>
      </c>
      <c r="DG18" s="28">
        <v>0</v>
      </c>
      <c r="DH18" s="29">
        <v>0</v>
      </c>
      <c r="DI18" s="24">
        <v>0</v>
      </c>
      <c r="DJ18" s="25">
        <v>2745</v>
      </c>
      <c r="DK18" s="26">
        <v>2745</v>
      </c>
      <c r="DL18" s="27">
        <v>0</v>
      </c>
      <c r="DM18" s="25">
        <v>90363</v>
      </c>
      <c r="DN18" s="25">
        <v>80730</v>
      </c>
      <c r="DO18" s="25">
        <v>1293181</v>
      </c>
      <c r="DP18" s="25">
        <v>2388442</v>
      </c>
      <c r="DQ18" s="25">
        <v>1027806</v>
      </c>
      <c r="DR18" s="28">
        <v>4880522</v>
      </c>
      <c r="DS18" s="30">
        <v>4883267</v>
      </c>
      <c r="DT18" s="24">
        <v>0</v>
      </c>
      <c r="DU18" s="25">
        <v>0</v>
      </c>
      <c r="DV18" s="26">
        <v>0</v>
      </c>
      <c r="DW18" s="404">
        <v>0</v>
      </c>
      <c r="DX18" s="25">
        <v>15035</v>
      </c>
      <c r="DY18" s="25">
        <v>10881</v>
      </c>
      <c r="DZ18" s="25">
        <v>955682</v>
      </c>
      <c r="EA18" s="25">
        <v>1872995</v>
      </c>
      <c r="EB18" s="25">
        <v>834993</v>
      </c>
      <c r="EC18" s="28">
        <v>3689586</v>
      </c>
      <c r="ED18" s="29">
        <v>3689586</v>
      </c>
      <c r="EE18" s="24">
        <v>0</v>
      </c>
      <c r="EF18" s="25">
        <v>0</v>
      </c>
      <c r="EG18" s="26">
        <v>0</v>
      </c>
      <c r="EH18" s="404">
        <v>0</v>
      </c>
      <c r="EI18" s="25">
        <v>42055</v>
      </c>
      <c r="EJ18" s="25">
        <v>38067</v>
      </c>
      <c r="EK18" s="25">
        <v>22382</v>
      </c>
      <c r="EL18" s="25">
        <v>84196</v>
      </c>
      <c r="EM18" s="25">
        <v>37307</v>
      </c>
      <c r="EN18" s="28">
        <v>224007</v>
      </c>
      <c r="EO18" s="29">
        <v>224007</v>
      </c>
      <c r="EP18" s="24">
        <v>0</v>
      </c>
      <c r="EQ18" s="25">
        <v>0</v>
      </c>
      <c r="ER18" s="26">
        <v>0</v>
      </c>
      <c r="ES18" s="404">
        <v>0</v>
      </c>
      <c r="ET18" s="25">
        <v>0</v>
      </c>
      <c r="EU18" s="25">
        <v>0</v>
      </c>
      <c r="EV18" s="25">
        <v>0</v>
      </c>
      <c r="EW18" s="25">
        <v>0</v>
      </c>
      <c r="EX18" s="25">
        <v>0</v>
      </c>
      <c r="EY18" s="28">
        <v>0</v>
      </c>
      <c r="EZ18" s="29">
        <v>0</v>
      </c>
      <c r="FA18" s="24">
        <v>0</v>
      </c>
      <c r="FB18" s="25">
        <v>0</v>
      </c>
      <c r="FC18" s="26">
        <v>0</v>
      </c>
      <c r="FD18" s="404">
        <v>0</v>
      </c>
      <c r="FE18" s="25">
        <v>0</v>
      </c>
      <c r="FF18" s="25">
        <v>0</v>
      </c>
      <c r="FG18" s="25">
        <v>0</v>
      </c>
      <c r="FH18" s="25">
        <v>0</v>
      </c>
      <c r="FI18" s="25">
        <v>0</v>
      </c>
      <c r="FJ18" s="28">
        <v>0</v>
      </c>
      <c r="FK18" s="29">
        <v>0</v>
      </c>
      <c r="FL18" s="24">
        <v>0</v>
      </c>
      <c r="FM18" s="25">
        <v>0</v>
      </c>
      <c r="FN18" s="26">
        <v>0</v>
      </c>
      <c r="FO18" s="404">
        <v>0</v>
      </c>
      <c r="FP18" s="25">
        <v>0</v>
      </c>
      <c r="FQ18" s="25">
        <v>0</v>
      </c>
      <c r="FR18" s="25">
        <v>144646</v>
      </c>
      <c r="FS18" s="25">
        <v>195210</v>
      </c>
      <c r="FT18" s="25">
        <v>92446</v>
      </c>
      <c r="FU18" s="28">
        <v>432302</v>
      </c>
      <c r="FV18" s="29">
        <v>432302</v>
      </c>
      <c r="FW18" s="24">
        <v>0</v>
      </c>
      <c r="FX18" s="25">
        <v>2745</v>
      </c>
      <c r="FY18" s="26">
        <v>2745</v>
      </c>
      <c r="FZ18" s="27">
        <v>0</v>
      </c>
      <c r="GA18" s="25">
        <v>33175</v>
      </c>
      <c r="GB18" s="25">
        <v>31066</v>
      </c>
      <c r="GC18" s="25">
        <v>170471</v>
      </c>
      <c r="GD18" s="25">
        <v>235936</v>
      </c>
      <c r="GE18" s="25">
        <v>63060</v>
      </c>
      <c r="GF18" s="28">
        <v>533708</v>
      </c>
      <c r="GG18" s="29">
        <v>536453</v>
      </c>
      <c r="GH18" s="24">
        <v>0</v>
      </c>
      <c r="GI18" s="25">
        <v>0</v>
      </c>
      <c r="GJ18" s="26">
        <v>0</v>
      </c>
      <c r="GK18" s="27">
        <v>0</v>
      </c>
      <c r="GL18" s="25">
        <v>98</v>
      </c>
      <c r="GM18" s="25">
        <v>716</v>
      </c>
      <c r="GN18" s="25">
        <v>0</v>
      </c>
      <c r="GO18" s="25">
        <v>105</v>
      </c>
      <c r="GP18" s="25">
        <v>0</v>
      </c>
      <c r="GQ18" s="28">
        <v>919</v>
      </c>
      <c r="GR18" s="29">
        <v>919</v>
      </c>
      <c r="GS18" s="24">
        <v>0</v>
      </c>
      <c r="GT18" s="25">
        <v>0</v>
      </c>
      <c r="GU18" s="26">
        <v>0</v>
      </c>
      <c r="GV18" s="27">
        <v>0</v>
      </c>
      <c r="GW18" s="25">
        <v>0</v>
      </c>
      <c r="GX18" s="25">
        <v>0</v>
      </c>
      <c r="GY18" s="25">
        <v>0</v>
      </c>
      <c r="GZ18" s="25">
        <v>0</v>
      </c>
      <c r="HA18" s="25">
        <v>0</v>
      </c>
      <c r="HB18" s="28">
        <v>0</v>
      </c>
      <c r="HC18" s="29">
        <v>0</v>
      </c>
      <c r="HD18" s="24">
        <v>0</v>
      </c>
      <c r="HE18" s="25">
        <v>0</v>
      </c>
      <c r="HF18" s="26">
        <v>0</v>
      </c>
      <c r="HG18" s="404">
        <v>0</v>
      </c>
      <c r="HH18" s="25">
        <v>0</v>
      </c>
      <c r="HI18" s="25">
        <v>0</v>
      </c>
      <c r="HJ18" s="25">
        <v>0</v>
      </c>
      <c r="HK18" s="25">
        <v>0</v>
      </c>
      <c r="HL18" s="25">
        <v>0</v>
      </c>
      <c r="HM18" s="28">
        <v>0</v>
      </c>
      <c r="HN18" s="29">
        <v>0</v>
      </c>
      <c r="HO18" s="24">
        <v>0</v>
      </c>
      <c r="HP18" s="25">
        <v>6165</v>
      </c>
      <c r="HQ18" s="26">
        <v>6165</v>
      </c>
      <c r="HR18" s="27">
        <v>0</v>
      </c>
      <c r="HS18" s="25">
        <v>376160</v>
      </c>
      <c r="HT18" s="25">
        <v>320120</v>
      </c>
      <c r="HU18" s="25">
        <v>2637987</v>
      </c>
      <c r="HV18" s="25">
        <v>4903879</v>
      </c>
      <c r="HW18" s="25">
        <v>2032273</v>
      </c>
      <c r="HX18" s="28">
        <v>10270419</v>
      </c>
      <c r="HY18" s="29">
        <v>10276584</v>
      </c>
    </row>
    <row r="19" spans="2:233" ht="21" customHeight="1" x14ac:dyDescent="0.2">
      <c r="B19" s="106" t="s">
        <v>16</v>
      </c>
      <c r="C19" s="24">
        <v>0</v>
      </c>
      <c r="D19" s="25">
        <v>3645</v>
      </c>
      <c r="E19" s="26">
        <v>3645</v>
      </c>
      <c r="F19" s="27">
        <v>0</v>
      </c>
      <c r="G19" s="25">
        <v>498720</v>
      </c>
      <c r="H19" s="25">
        <v>859638</v>
      </c>
      <c r="I19" s="25">
        <v>2779708</v>
      </c>
      <c r="J19" s="25">
        <v>3582435</v>
      </c>
      <c r="K19" s="25">
        <v>1503755</v>
      </c>
      <c r="L19" s="28">
        <v>9224256</v>
      </c>
      <c r="M19" s="29">
        <v>9227901</v>
      </c>
      <c r="N19" s="24">
        <v>0</v>
      </c>
      <c r="O19" s="25">
        <v>0</v>
      </c>
      <c r="P19" s="26">
        <v>0</v>
      </c>
      <c r="Q19" s="404">
        <v>0</v>
      </c>
      <c r="R19" s="25">
        <v>59830</v>
      </c>
      <c r="S19" s="25">
        <v>83700</v>
      </c>
      <c r="T19" s="25">
        <v>1745650</v>
      </c>
      <c r="U19" s="25">
        <v>2699805</v>
      </c>
      <c r="V19" s="25">
        <v>1130350</v>
      </c>
      <c r="W19" s="28">
        <v>5719335</v>
      </c>
      <c r="X19" s="29">
        <v>5719335</v>
      </c>
      <c r="Y19" s="24">
        <v>0</v>
      </c>
      <c r="Z19" s="25">
        <v>0</v>
      </c>
      <c r="AA19" s="26">
        <v>0</v>
      </c>
      <c r="AB19" s="404">
        <v>0</v>
      </c>
      <c r="AC19" s="25">
        <v>415465</v>
      </c>
      <c r="AD19" s="25">
        <v>639158</v>
      </c>
      <c r="AE19" s="25">
        <v>887284</v>
      </c>
      <c r="AF19" s="25">
        <v>778595</v>
      </c>
      <c r="AG19" s="25">
        <v>313195</v>
      </c>
      <c r="AH19" s="28">
        <v>3033697</v>
      </c>
      <c r="AI19" s="29">
        <v>3033697</v>
      </c>
      <c r="AJ19" s="24">
        <v>0</v>
      </c>
      <c r="AK19" s="25">
        <v>0</v>
      </c>
      <c r="AL19" s="26">
        <v>0</v>
      </c>
      <c r="AM19" s="404">
        <v>0</v>
      </c>
      <c r="AN19" s="25">
        <v>0</v>
      </c>
      <c r="AO19" s="25">
        <v>0</v>
      </c>
      <c r="AP19" s="25">
        <v>0</v>
      </c>
      <c r="AQ19" s="25">
        <v>0</v>
      </c>
      <c r="AR19" s="25">
        <v>0</v>
      </c>
      <c r="AS19" s="28">
        <v>0</v>
      </c>
      <c r="AT19" s="29">
        <v>0</v>
      </c>
      <c r="AU19" s="24">
        <v>0</v>
      </c>
      <c r="AV19" s="25">
        <v>0</v>
      </c>
      <c r="AW19" s="26">
        <v>0</v>
      </c>
      <c r="AX19" s="404">
        <v>0</v>
      </c>
      <c r="AY19" s="25">
        <v>0</v>
      </c>
      <c r="AZ19" s="25">
        <v>0</v>
      </c>
      <c r="BA19" s="25">
        <v>5015</v>
      </c>
      <c r="BB19" s="25">
        <v>58755</v>
      </c>
      <c r="BC19" s="25">
        <v>29365</v>
      </c>
      <c r="BD19" s="28">
        <v>93135</v>
      </c>
      <c r="BE19" s="29">
        <v>93135</v>
      </c>
      <c r="BF19" s="24">
        <v>0</v>
      </c>
      <c r="BG19" s="25">
        <v>0</v>
      </c>
      <c r="BH19" s="26">
        <v>0</v>
      </c>
      <c r="BI19" s="404">
        <v>0</v>
      </c>
      <c r="BJ19" s="25">
        <v>0</v>
      </c>
      <c r="BK19" s="25">
        <v>0</v>
      </c>
      <c r="BL19" s="25">
        <v>57195</v>
      </c>
      <c r="BM19" s="25">
        <v>9620</v>
      </c>
      <c r="BN19" s="25">
        <v>15965</v>
      </c>
      <c r="BO19" s="28">
        <v>82780</v>
      </c>
      <c r="BP19" s="29">
        <v>82780</v>
      </c>
      <c r="BQ19" s="24">
        <v>0</v>
      </c>
      <c r="BR19" s="25">
        <v>3645</v>
      </c>
      <c r="BS19" s="26">
        <v>3645</v>
      </c>
      <c r="BT19" s="27">
        <v>0</v>
      </c>
      <c r="BU19" s="25">
        <v>23425</v>
      </c>
      <c r="BV19" s="25">
        <v>136780</v>
      </c>
      <c r="BW19" s="25">
        <v>84564</v>
      </c>
      <c r="BX19" s="25">
        <v>34980</v>
      </c>
      <c r="BY19" s="25">
        <v>14880</v>
      </c>
      <c r="BZ19" s="28">
        <v>294629</v>
      </c>
      <c r="CA19" s="29">
        <v>298274</v>
      </c>
      <c r="CB19" s="24">
        <v>0</v>
      </c>
      <c r="CC19" s="25">
        <v>0</v>
      </c>
      <c r="CD19" s="26">
        <v>0</v>
      </c>
      <c r="CE19" s="27">
        <v>0</v>
      </c>
      <c r="CF19" s="25">
        <v>0</v>
      </c>
      <c r="CG19" s="25">
        <v>0</v>
      </c>
      <c r="CH19" s="25">
        <v>0</v>
      </c>
      <c r="CI19" s="25">
        <v>680</v>
      </c>
      <c r="CJ19" s="25">
        <v>0</v>
      </c>
      <c r="CK19" s="28">
        <v>680</v>
      </c>
      <c r="CL19" s="29">
        <v>680</v>
      </c>
      <c r="CM19" s="24">
        <v>0</v>
      </c>
      <c r="CN19" s="25">
        <v>0</v>
      </c>
      <c r="CO19" s="26">
        <v>0</v>
      </c>
      <c r="CP19" s="27">
        <v>0</v>
      </c>
      <c r="CQ19" s="25">
        <v>0</v>
      </c>
      <c r="CR19" s="25">
        <v>0</v>
      </c>
      <c r="CS19" s="25">
        <v>0</v>
      </c>
      <c r="CT19" s="25">
        <v>0</v>
      </c>
      <c r="CU19" s="25">
        <v>0</v>
      </c>
      <c r="CV19" s="28">
        <v>0</v>
      </c>
      <c r="CW19" s="29">
        <v>0</v>
      </c>
      <c r="CX19" s="24">
        <v>0</v>
      </c>
      <c r="CY19" s="25">
        <v>0</v>
      </c>
      <c r="CZ19" s="26">
        <v>0</v>
      </c>
      <c r="DA19" s="404">
        <v>0</v>
      </c>
      <c r="DB19" s="25">
        <v>0</v>
      </c>
      <c r="DC19" s="25">
        <v>0</v>
      </c>
      <c r="DD19" s="25">
        <v>0</v>
      </c>
      <c r="DE19" s="25">
        <v>0</v>
      </c>
      <c r="DF19" s="25">
        <v>0</v>
      </c>
      <c r="DG19" s="28">
        <v>0</v>
      </c>
      <c r="DH19" s="29">
        <v>0</v>
      </c>
      <c r="DI19" s="24">
        <v>0</v>
      </c>
      <c r="DJ19" s="25">
        <v>6960</v>
      </c>
      <c r="DK19" s="26">
        <v>6960</v>
      </c>
      <c r="DL19" s="27">
        <v>0</v>
      </c>
      <c r="DM19" s="25">
        <v>247622</v>
      </c>
      <c r="DN19" s="25">
        <v>697367</v>
      </c>
      <c r="DO19" s="25">
        <v>3260935</v>
      </c>
      <c r="DP19" s="25">
        <v>3725000</v>
      </c>
      <c r="DQ19" s="25">
        <v>1695642</v>
      </c>
      <c r="DR19" s="28">
        <v>9626566</v>
      </c>
      <c r="DS19" s="30">
        <v>9633526</v>
      </c>
      <c r="DT19" s="24">
        <v>0</v>
      </c>
      <c r="DU19" s="25">
        <v>0</v>
      </c>
      <c r="DV19" s="26">
        <v>0</v>
      </c>
      <c r="DW19" s="404">
        <v>0</v>
      </c>
      <c r="DX19" s="25">
        <v>91977</v>
      </c>
      <c r="DY19" s="25">
        <v>222456</v>
      </c>
      <c r="DZ19" s="25">
        <v>2631720</v>
      </c>
      <c r="EA19" s="25">
        <v>3324103</v>
      </c>
      <c r="EB19" s="25">
        <v>1437749</v>
      </c>
      <c r="EC19" s="28">
        <v>7708005</v>
      </c>
      <c r="ED19" s="29">
        <v>7708005</v>
      </c>
      <c r="EE19" s="24">
        <v>0</v>
      </c>
      <c r="EF19" s="25">
        <v>0</v>
      </c>
      <c r="EG19" s="26">
        <v>0</v>
      </c>
      <c r="EH19" s="404">
        <v>0</v>
      </c>
      <c r="EI19" s="25">
        <v>109772</v>
      </c>
      <c r="EJ19" s="25">
        <v>265166</v>
      </c>
      <c r="EK19" s="25">
        <v>365434</v>
      </c>
      <c r="EL19" s="25">
        <v>249305</v>
      </c>
      <c r="EM19" s="25">
        <v>123464</v>
      </c>
      <c r="EN19" s="28">
        <v>1113141</v>
      </c>
      <c r="EO19" s="29">
        <v>1113141</v>
      </c>
      <c r="EP19" s="24">
        <v>0</v>
      </c>
      <c r="EQ19" s="25">
        <v>0</v>
      </c>
      <c r="ER19" s="26">
        <v>0</v>
      </c>
      <c r="ES19" s="404">
        <v>0</v>
      </c>
      <c r="ET19" s="25">
        <v>0</v>
      </c>
      <c r="EU19" s="25">
        <v>0</v>
      </c>
      <c r="EV19" s="25">
        <v>0</v>
      </c>
      <c r="EW19" s="25">
        <v>0</v>
      </c>
      <c r="EX19" s="25">
        <v>0</v>
      </c>
      <c r="EY19" s="28">
        <v>0</v>
      </c>
      <c r="EZ19" s="29">
        <v>0</v>
      </c>
      <c r="FA19" s="24">
        <v>0</v>
      </c>
      <c r="FB19" s="25">
        <v>0</v>
      </c>
      <c r="FC19" s="26">
        <v>0</v>
      </c>
      <c r="FD19" s="404">
        <v>0</v>
      </c>
      <c r="FE19" s="25">
        <v>0</v>
      </c>
      <c r="FF19" s="25">
        <v>0</v>
      </c>
      <c r="FG19" s="25">
        <v>413</v>
      </c>
      <c r="FH19" s="25">
        <v>14527</v>
      </c>
      <c r="FI19" s="25">
        <v>8728</v>
      </c>
      <c r="FJ19" s="28">
        <v>23668</v>
      </c>
      <c r="FK19" s="29">
        <v>23668</v>
      </c>
      <c r="FL19" s="24">
        <v>0</v>
      </c>
      <c r="FM19" s="25">
        <v>0</v>
      </c>
      <c r="FN19" s="26">
        <v>0</v>
      </c>
      <c r="FO19" s="404">
        <v>0</v>
      </c>
      <c r="FP19" s="25">
        <v>0</v>
      </c>
      <c r="FQ19" s="25">
        <v>0</v>
      </c>
      <c r="FR19" s="25">
        <v>107880</v>
      </c>
      <c r="FS19" s="25">
        <v>67100</v>
      </c>
      <c r="FT19" s="25">
        <v>79918</v>
      </c>
      <c r="FU19" s="28">
        <v>254898</v>
      </c>
      <c r="FV19" s="29">
        <v>254898</v>
      </c>
      <c r="FW19" s="24">
        <v>0</v>
      </c>
      <c r="FX19" s="25">
        <v>6960</v>
      </c>
      <c r="FY19" s="26">
        <v>6960</v>
      </c>
      <c r="FZ19" s="27">
        <v>0</v>
      </c>
      <c r="GA19" s="25">
        <v>45873</v>
      </c>
      <c r="GB19" s="25">
        <v>209745</v>
      </c>
      <c r="GC19" s="25">
        <v>155488</v>
      </c>
      <c r="GD19" s="25">
        <v>69951</v>
      </c>
      <c r="GE19" s="25">
        <v>45783</v>
      </c>
      <c r="GF19" s="28">
        <v>526840</v>
      </c>
      <c r="GG19" s="29">
        <v>533800</v>
      </c>
      <c r="GH19" s="24">
        <v>0</v>
      </c>
      <c r="GI19" s="25">
        <v>0</v>
      </c>
      <c r="GJ19" s="26">
        <v>0</v>
      </c>
      <c r="GK19" s="27">
        <v>0</v>
      </c>
      <c r="GL19" s="25">
        <v>0</v>
      </c>
      <c r="GM19" s="25">
        <v>0</v>
      </c>
      <c r="GN19" s="25">
        <v>0</v>
      </c>
      <c r="GO19" s="25">
        <v>14</v>
      </c>
      <c r="GP19" s="25">
        <v>0</v>
      </c>
      <c r="GQ19" s="28">
        <v>14</v>
      </c>
      <c r="GR19" s="29">
        <v>14</v>
      </c>
      <c r="GS19" s="24">
        <v>0</v>
      </c>
      <c r="GT19" s="25">
        <v>0</v>
      </c>
      <c r="GU19" s="26">
        <v>0</v>
      </c>
      <c r="GV19" s="27">
        <v>0</v>
      </c>
      <c r="GW19" s="25">
        <v>0</v>
      </c>
      <c r="GX19" s="25">
        <v>0</v>
      </c>
      <c r="GY19" s="25">
        <v>0</v>
      </c>
      <c r="GZ19" s="25">
        <v>0</v>
      </c>
      <c r="HA19" s="25">
        <v>0</v>
      </c>
      <c r="HB19" s="28">
        <v>0</v>
      </c>
      <c r="HC19" s="29">
        <v>0</v>
      </c>
      <c r="HD19" s="24">
        <v>0</v>
      </c>
      <c r="HE19" s="25">
        <v>0</v>
      </c>
      <c r="HF19" s="26">
        <v>0</v>
      </c>
      <c r="HG19" s="404">
        <v>0</v>
      </c>
      <c r="HH19" s="25">
        <v>0</v>
      </c>
      <c r="HI19" s="25">
        <v>0</v>
      </c>
      <c r="HJ19" s="25">
        <v>0</v>
      </c>
      <c r="HK19" s="25">
        <v>0</v>
      </c>
      <c r="HL19" s="25">
        <v>0</v>
      </c>
      <c r="HM19" s="28">
        <v>0</v>
      </c>
      <c r="HN19" s="29">
        <v>0</v>
      </c>
      <c r="HO19" s="24">
        <v>0</v>
      </c>
      <c r="HP19" s="25">
        <v>10605</v>
      </c>
      <c r="HQ19" s="26">
        <v>10605</v>
      </c>
      <c r="HR19" s="27">
        <v>0</v>
      </c>
      <c r="HS19" s="25">
        <v>746342</v>
      </c>
      <c r="HT19" s="25">
        <v>1557005</v>
      </c>
      <c r="HU19" s="25">
        <v>6040643</v>
      </c>
      <c r="HV19" s="25">
        <v>7307435</v>
      </c>
      <c r="HW19" s="25">
        <v>3199397</v>
      </c>
      <c r="HX19" s="28">
        <v>18850822</v>
      </c>
      <c r="HY19" s="29">
        <v>18861427</v>
      </c>
    </row>
    <row r="20" spans="2:233" ht="21" customHeight="1" x14ac:dyDescent="0.2">
      <c r="B20" s="106" t="s">
        <v>17</v>
      </c>
      <c r="C20" s="24">
        <v>0</v>
      </c>
      <c r="D20" s="25">
        <v>0</v>
      </c>
      <c r="E20" s="26">
        <v>0</v>
      </c>
      <c r="F20" s="27">
        <v>0</v>
      </c>
      <c r="G20" s="25">
        <v>279405</v>
      </c>
      <c r="H20" s="25">
        <v>922571</v>
      </c>
      <c r="I20" s="25">
        <v>2766675</v>
      </c>
      <c r="J20" s="25">
        <v>3325947</v>
      </c>
      <c r="K20" s="25">
        <v>2390710</v>
      </c>
      <c r="L20" s="28">
        <v>9685308</v>
      </c>
      <c r="M20" s="29">
        <v>9685308</v>
      </c>
      <c r="N20" s="24">
        <v>0</v>
      </c>
      <c r="O20" s="25">
        <v>0</v>
      </c>
      <c r="P20" s="26">
        <v>0</v>
      </c>
      <c r="Q20" s="404">
        <v>0</v>
      </c>
      <c r="R20" s="25">
        <v>60395</v>
      </c>
      <c r="S20" s="25">
        <v>135935</v>
      </c>
      <c r="T20" s="25">
        <v>1612515</v>
      </c>
      <c r="U20" s="25">
        <v>2183795</v>
      </c>
      <c r="V20" s="25">
        <v>1718625</v>
      </c>
      <c r="W20" s="28">
        <v>5711265</v>
      </c>
      <c r="X20" s="29">
        <v>5711265</v>
      </c>
      <c r="Y20" s="24">
        <v>0</v>
      </c>
      <c r="Z20" s="25">
        <v>0</v>
      </c>
      <c r="AA20" s="26">
        <v>0</v>
      </c>
      <c r="AB20" s="404">
        <v>0</v>
      </c>
      <c r="AC20" s="25">
        <v>169255</v>
      </c>
      <c r="AD20" s="25">
        <v>707286</v>
      </c>
      <c r="AE20" s="25">
        <v>717915</v>
      </c>
      <c r="AF20" s="25">
        <v>649982</v>
      </c>
      <c r="AG20" s="25">
        <v>270625</v>
      </c>
      <c r="AH20" s="28">
        <v>2515063</v>
      </c>
      <c r="AI20" s="29">
        <v>2515063</v>
      </c>
      <c r="AJ20" s="24">
        <v>0</v>
      </c>
      <c r="AK20" s="25">
        <v>0</v>
      </c>
      <c r="AL20" s="26">
        <v>0</v>
      </c>
      <c r="AM20" s="404">
        <v>0</v>
      </c>
      <c r="AN20" s="25">
        <v>0</v>
      </c>
      <c r="AO20" s="25">
        <v>0</v>
      </c>
      <c r="AP20" s="25">
        <v>0</v>
      </c>
      <c r="AQ20" s="25">
        <v>0</v>
      </c>
      <c r="AR20" s="25">
        <v>0</v>
      </c>
      <c r="AS20" s="28">
        <v>0</v>
      </c>
      <c r="AT20" s="29">
        <v>0</v>
      </c>
      <c r="AU20" s="24">
        <v>0</v>
      </c>
      <c r="AV20" s="25">
        <v>0</v>
      </c>
      <c r="AW20" s="26">
        <v>0</v>
      </c>
      <c r="AX20" s="404">
        <v>0</v>
      </c>
      <c r="AY20" s="25">
        <v>0</v>
      </c>
      <c r="AZ20" s="25">
        <v>0</v>
      </c>
      <c r="BA20" s="25">
        <v>0</v>
      </c>
      <c r="BB20" s="25">
        <v>40765</v>
      </c>
      <c r="BC20" s="25">
        <v>99695</v>
      </c>
      <c r="BD20" s="28">
        <v>140460</v>
      </c>
      <c r="BE20" s="29">
        <v>140460</v>
      </c>
      <c r="BF20" s="24">
        <v>0</v>
      </c>
      <c r="BG20" s="25">
        <v>0</v>
      </c>
      <c r="BH20" s="26">
        <v>0</v>
      </c>
      <c r="BI20" s="404">
        <v>0</v>
      </c>
      <c r="BJ20" s="25">
        <v>0</v>
      </c>
      <c r="BK20" s="25">
        <v>0</v>
      </c>
      <c r="BL20" s="25">
        <v>154535</v>
      </c>
      <c r="BM20" s="25">
        <v>244280</v>
      </c>
      <c r="BN20" s="25">
        <v>225990</v>
      </c>
      <c r="BO20" s="28">
        <v>624805</v>
      </c>
      <c r="BP20" s="29">
        <v>624805</v>
      </c>
      <c r="BQ20" s="24">
        <v>0</v>
      </c>
      <c r="BR20" s="25">
        <v>0</v>
      </c>
      <c r="BS20" s="26">
        <v>0</v>
      </c>
      <c r="BT20" s="27">
        <v>0</v>
      </c>
      <c r="BU20" s="25">
        <v>47870</v>
      </c>
      <c r="BV20" s="25">
        <v>73485</v>
      </c>
      <c r="BW20" s="25">
        <v>280985</v>
      </c>
      <c r="BX20" s="25">
        <v>204020</v>
      </c>
      <c r="BY20" s="25">
        <v>53950</v>
      </c>
      <c r="BZ20" s="28">
        <v>660310</v>
      </c>
      <c r="CA20" s="29">
        <v>660310</v>
      </c>
      <c r="CB20" s="24">
        <v>0</v>
      </c>
      <c r="CC20" s="25">
        <v>0</v>
      </c>
      <c r="CD20" s="26">
        <v>0</v>
      </c>
      <c r="CE20" s="27">
        <v>0</v>
      </c>
      <c r="CF20" s="25">
        <v>1885</v>
      </c>
      <c r="CG20" s="25">
        <v>5865</v>
      </c>
      <c r="CH20" s="25">
        <v>725</v>
      </c>
      <c r="CI20" s="25">
        <v>3105</v>
      </c>
      <c r="CJ20" s="25">
        <v>21825</v>
      </c>
      <c r="CK20" s="28">
        <v>33405</v>
      </c>
      <c r="CL20" s="29">
        <v>33405</v>
      </c>
      <c r="CM20" s="24">
        <v>0</v>
      </c>
      <c r="CN20" s="25">
        <v>0</v>
      </c>
      <c r="CO20" s="26">
        <v>0</v>
      </c>
      <c r="CP20" s="27">
        <v>0</v>
      </c>
      <c r="CQ20" s="25">
        <v>0</v>
      </c>
      <c r="CR20" s="25">
        <v>0</v>
      </c>
      <c r="CS20" s="25">
        <v>0</v>
      </c>
      <c r="CT20" s="25">
        <v>0</v>
      </c>
      <c r="CU20" s="25">
        <v>0</v>
      </c>
      <c r="CV20" s="28">
        <v>0</v>
      </c>
      <c r="CW20" s="29">
        <v>0</v>
      </c>
      <c r="CX20" s="24">
        <v>0</v>
      </c>
      <c r="CY20" s="25">
        <v>0</v>
      </c>
      <c r="CZ20" s="26">
        <v>0</v>
      </c>
      <c r="DA20" s="404">
        <v>0</v>
      </c>
      <c r="DB20" s="25">
        <v>0</v>
      </c>
      <c r="DC20" s="25">
        <v>0</v>
      </c>
      <c r="DD20" s="25">
        <v>0</v>
      </c>
      <c r="DE20" s="25">
        <v>0</v>
      </c>
      <c r="DF20" s="25">
        <v>0</v>
      </c>
      <c r="DG20" s="28">
        <v>0</v>
      </c>
      <c r="DH20" s="29">
        <v>0</v>
      </c>
      <c r="DI20" s="24">
        <v>0</v>
      </c>
      <c r="DJ20" s="25">
        <v>0</v>
      </c>
      <c r="DK20" s="26">
        <v>0</v>
      </c>
      <c r="DL20" s="27">
        <v>0</v>
      </c>
      <c r="DM20" s="25">
        <v>102908</v>
      </c>
      <c r="DN20" s="25">
        <v>338607</v>
      </c>
      <c r="DO20" s="25">
        <v>2912393</v>
      </c>
      <c r="DP20" s="25">
        <v>3874198</v>
      </c>
      <c r="DQ20" s="25">
        <v>2547451</v>
      </c>
      <c r="DR20" s="28">
        <v>9775557</v>
      </c>
      <c r="DS20" s="30">
        <v>9775557</v>
      </c>
      <c r="DT20" s="24">
        <v>0</v>
      </c>
      <c r="DU20" s="25">
        <v>0</v>
      </c>
      <c r="DV20" s="26">
        <v>0</v>
      </c>
      <c r="DW20" s="404">
        <v>0</v>
      </c>
      <c r="DX20" s="25">
        <v>62733</v>
      </c>
      <c r="DY20" s="25">
        <v>198400</v>
      </c>
      <c r="DZ20" s="25">
        <v>2148882</v>
      </c>
      <c r="EA20" s="25">
        <v>3203893</v>
      </c>
      <c r="EB20" s="25">
        <v>2042729</v>
      </c>
      <c r="EC20" s="28">
        <v>7656637</v>
      </c>
      <c r="ED20" s="29">
        <v>7656637</v>
      </c>
      <c r="EE20" s="24">
        <v>0</v>
      </c>
      <c r="EF20" s="25">
        <v>0</v>
      </c>
      <c r="EG20" s="26">
        <v>0</v>
      </c>
      <c r="EH20" s="404">
        <v>0</v>
      </c>
      <c r="EI20" s="25">
        <v>3101</v>
      </c>
      <c r="EJ20" s="25">
        <v>19442</v>
      </c>
      <c r="EK20" s="25">
        <v>83339</v>
      </c>
      <c r="EL20" s="25">
        <v>36092</v>
      </c>
      <c r="EM20" s="25">
        <v>28908</v>
      </c>
      <c r="EN20" s="28">
        <v>170882</v>
      </c>
      <c r="EO20" s="29">
        <v>170882</v>
      </c>
      <c r="EP20" s="24">
        <v>0</v>
      </c>
      <c r="EQ20" s="25">
        <v>0</v>
      </c>
      <c r="ER20" s="26">
        <v>0</v>
      </c>
      <c r="ES20" s="404">
        <v>0</v>
      </c>
      <c r="ET20" s="25">
        <v>0</v>
      </c>
      <c r="EU20" s="25">
        <v>0</v>
      </c>
      <c r="EV20" s="25">
        <v>0</v>
      </c>
      <c r="EW20" s="25">
        <v>0</v>
      </c>
      <c r="EX20" s="25">
        <v>0</v>
      </c>
      <c r="EY20" s="28">
        <v>0</v>
      </c>
      <c r="EZ20" s="29">
        <v>0</v>
      </c>
      <c r="FA20" s="24">
        <v>0</v>
      </c>
      <c r="FB20" s="25">
        <v>0</v>
      </c>
      <c r="FC20" s="26">
        <v>0</v>
      </c>
      <c r="FD20" s="404">
        <v>0</v>
      </c>
      <c r="FE20" s="25">
        <v>0</v>
      </c>
      <c r="FF20" s="25">
        <v>0</v>
      </c>
      <c r="FG20" s="25">
        <v>0</v>
      </c>
      <c r="FH20" s="25">
        <v>13981</v>
      </c>
      <c r="FI20" s="25">
        <v>868</v>
      </c>
      <c r="FJ20" s="28">
        <v>14849</v>
      </c>
      <c r="FK20" s="29">
        <v>14849</v>
      </c>
      <c r="FL20" s="24">
        <v>0</v>
      </c>
      <c r="FM20" s="25">
        <v>0</v>
      </c>
      <c r="FN20" s="26">
        <v>0</v>
      </c>
      <c r="FO20" s="404">
        <v>0</v>
      </c>
      <c r="FP20" s="25">
        <v>0</v>
      </c>
      <c r="FQ20" s="25">
        <v>0</v>
      </c>
      <c r="FR20" s="25">
        <v>312697</v>
      </c>
      <c r="FS20" s="25">
        <v>384524</v>
      </c>
      <c r="FT20" s="25">
        <v>320850</v>
      </c>
      <c r="FU20" s="28">
        <v>1018071</v>
      </c>
      <c r="FV20" s="29">
        <v>1018071</v>
      </c>
      <c r="FW20" s="24">
        <v>0</v>
      </c>
      <c r="FX20" s="25">
        <v>0</v>
      </c>
      <c r="FY20" s="26">
        <v>0</v>
      </c>
      <c r="FZ20" s="27">
        <v>0</v>
      </c>
      <c r="GA20" s="25">
        <v>36969</v>
      </c>
      <c r="GB20" s="25">
        <v>118276</v>
      </c>
      <c r="GC20" s="25">
        <v>367440</v>
      </c>
      <c r="GD20" s="25">
        <v>234192</v>
      </c>
      <c r="GE20" s="25">
        <v>142515</v>
      </c>
      <c r="GF20" s="28">
        <v>899392</v>
      </c>
      <c r="GG20" s="29">
        <v>899392</v>
      </c>
      <c r="GH20" s="24">
        <v>0</v>
      </c>
      <c r="GI20" s="25">
        <v>0</v>
      </c>
      <c r="GJ20" s="26">
        <v>0</v>
      </c>
      <c r="GK20" s="27">
        <v>0</v>
      </c>
      <c r="GL20" s="25">
        <v>105</v>
      </c>
      <c r="GM20" s="25">
        <v>2489</v>
      </c>
      <c r="GN20" s="25">
        <v>35</v>
      </c>
      <c r="GO20" s="25">
        <v>1516</v>
      </c>
      <c r="GP20" s="25">
        <v>11581</v>
      </c>
      <c r="GQ20" s="28">
        <v>15726</v>
      </c>
      <c r="GR20" s="29">
        <v>15726</v>
      </c>
      <c r="GS20" s="24">
        <v>0</v>
      </c>
      <c r="GT20" s="25">
        <v>0</v>
      </c>
      <c r="GU20" s="26">
        <v>0</v>
      </c>
      <c r="GV20" s="27">
        <v>0</v>
      </c>
      <c r="GW20" s="25">
        <v>0</v>
      </c>
      <c r="GX20" s="25">
        <v>0</v>
      </c>
      <c r="GY20" s="25">
        <v>0</v>
      </c>
      <c r="GZ20" s="25">
        <v>0</v>
      </c>
      <c r="HA20" s="25">
        <v>0</v>
      </c>
      <c r="HB20" s="28">
        <v>0</v>
      </c>
      <c r="HC20" s="29">
        <v>0</v>
      </c>
      <c r="HD20" s="24">
        <v>0</v>
      </c>
      <c r="HE20" s="25">
        <v>0</v>
      </c>
      <c r="HF20" s="26">
        <v>0</v>
      </c>
      <c r="HG20" s="404">
        <v>0</v>
      </c>
      <c r="HH20" s="25">
        <v>0</v>
      </c>
      <c r="HI20" s="25">
        <v>0</v>
      </c>
      <c r="HJ20" s="25">
        <v>0</v>
      </c>
      <c r="HK20" s="25">
        <v>0</v>
      </c>
      <c r="HL20" s="25">
        <v>0</v>
      </c>
      <c r="HM20" s="28">
        <v>0</v>
      </c>
      <c r="HN20" s="29">
        <v>0</v>
      </c>
      <c r="HO20" s="24">
        <v>0</v>
      </c>
      <c r="HP20" s="25">
        <v>0</v>
      </c>
      <c r="HQ20" s="26">
        <v>0</v>
      </c>
      <c r="HR20" s="27">
        <v>0</v>
      </c>
      <c r="HS20" s="25">
        <v>382313</v>
      </c>
      <c r="HT20" s="25">
        <v>1261178</v>
      </c>
      <c r="HU20" s="25">
        <v>5679068</v>
      </c>
      <c r="HV20" s="25">
        <v>7200145</v>
      </c>
      <c r="HW20" s="25">
        <v>4938161</v>
      </c>
      <c r="HX20" s="28">
        <v>19460865</v>
      </c>
      <c r="HY20" s="29">
        <v>19460865</v>
      </c>
    </row>
    <row r="21" spans="2:233" ht="21" customHeight="1" x14ac:dyDescent="0.2">
      <c r="B21" s="106" t="s">
        <v>18</v>
      </c>
      <c r="C21" s="24">
        <v>0</v>
      </c>
      <c r="D21" s="25">
        <v>6450</v>
      </c>
      <c r="E21" s="26">
        <v>6450</v>
      </c>
      <c r="F21" s="27">
        <v>0</v>
      </c>
      <c r="G21" s="25">
        <v>181238</v>
      </c>
      <c r="H21" s="25">
        <v>580570</v>
      </c>
      <c r="I21" s="25">
        <v>2112505</v>
      </c>
      <c r="J21" s="25">
        <v>2874050</v>
      </c>
      <c r="K21" s="25">
        <v>1966810</v>
      </c>
      <c r="L21" s="28">
        <v>7715173</v>
      </c>
      <c r="M21" s="29">
        <v>7721623</v>
      </c>
      <c r="N21" s="24">
        <v>0</v>
      </c>
      <c r="O21" s="25">
        <v>0</v>
      </c>
      <c r="P21" s="26">
        <v>0</v>
      </c>
      <c r="Q21" s="404">
        <v>0</v>
      </c>
      <c r="R21" s="25">
        <v>25265</v>
      </c>
      <c r="S21" s="25">
        <v>46035</v>
      </c>
      <c r="T21" s="25">
        <v>1350010</v>
      </c>
      <c r="U21" s="25">
        <v>2362600</v>
      </c>
      <c r="V21" s="25">
        <v>1550695</v>
      </c>
      <c r="W21" s="28">
        <v>5334605</v>
      </c>
      <c r="X21" s="29">
        <v>5334605</v>
      </c>
      <c r="Y21" s="24">
        <v>0</v>
      </c>
      <c r="Z21" s="25">
        <v>0</v>
      </c>
      <c r="AA21" s="26">
        <v>0</v>
      </c>
      <c r="AB21" s="404">
        <v>0</v>
      </c>
      <c r="AC21" s="25">
        <v>105423</v>
      </c>
      <c r="AD21" s="25">
        <v>478165</v>
      </c>
      <c r="AE21" s="25">
        <v>423085</v>
      </c>
      <c r="AF21" s="25">
        <v>261195</v>
      </c>
      <c r="AG21" s="25">
        <v>262015</v>
      </c>
      <c r="AH21" s="28">
        <v>1529883</v>
      </c>
      <c r="AI21" s="29">
        <v>1529883</v>
      </c>
      <c r="AJ21" s="24">
        <v>0</v>
      </c>
      <c r="AK21" s="25">
        <v>0</v>
      </c>
      <c r="AL21" s="26">
        <v>0</v>
      </c>
      <c r="AM21" s="404">
        <v>0</v>
      </c>
      <c r="AN21" s="25">
        <v>0</v>
      </c>
      <c r="AO21" s="25">
        <v>0</v>
      </c>
      <c r="AP21" s="25">
        <v>0</v>
      </c>
      <c r="AQ21" s="25">
        <v>0</v>
      </c>
      <c r="AR21" s="25">
        <v>0</v>
      </c>
      <c r="AS21" s="28">
        <v>0</v>
      </c>
      <c r="AT21" s="29">
        <v>0</v>
      </c>
      <c r="AU21" s="24">
        <v>0</v>
      </c>
      <c r="AV21" s="25">
        <v>0</v>
      </c>
      <c r="AW21" s="26">
        <v>0</v>
      </c>
      <c r="AX21" s="404">
        <v>0</v>
      </c>
      <c r="AY21" s="25">
        <v>0</v>
      </c>
      <c r="AZ21" s="25">
        <v>0</v>
      </c>
      <c r="BA21" s="25">
        <v>0</v>
      </c>
      <c r="BB21" s="25">
        <v>7565</v>
      </c>
      <c r="BC21" s="25">
        <v>70100</v>
      </c>
      <c r="BD21" s="28">
        <v>77665</v>
      </c>
      <c r="BE21" s="29">
        <v>77665</v>
      </c>
      <c r="BF21" s="24">
        <v>0</v>
      </c>
      <c r="BG21" s="25">
        <v>0</v>
      </c>
      <c r="BH21" s="26">
        <v>0</v>
      </c>
      <c r="BI21" s="404">
        <v>0</v>
      </c>
      <c r="BJ21" s="25">
        <v>0</v>
      </c>
      <c r="BK21" s="25">
        <v>2635</v>
      </c>
      <c r="BL21" s="25">
        <v>34405</v>
      </c>
      <c r="BM21" s="25">
        <v>122655</v>
      </c>
      <c r="BN21" s="25">
        <v>27280</v>
      </c>
      <c r="BO21" s="28">
        <v>186975</v>
      </c>
      <c r="BP21" s="29">
        <v>186975</v>
      </c>
      <c r="BQ21" s="24">
        <v>0</v>
      </c>
      <c r="BR21" s="25">
        <v>6450</v>
      </c>
      <c r="BS21" s="26">
        <v>6450</v>
      </c>
      <c r="BT21" s="27">
        <v>0</v>
      </c>
      <c r="BU21" s="25">
        <v>48860</v>
      </c>
      <c r="BV21" s="25">
        <v>53735</v>
      </c>
      <c r="BW21" s="25">
        <v>299220</v>
      </c>
      <c r="BX21" s="25">
        <v>109190</v>
      </c>
      <c r="BY21" s="25">
        <v>56720</v>
      </c>
      <c r="BZ21" s="28">
        <v>567725</v>
      </c>
      <c r="CA21" s="29">
        <v>574175</v>
      </c>
      <c r="CB21" s="24">
        <v>0</v>
      </c>
      <c r="CC21" s="25">
        <v>0</v>
      </c>
      <c r="CD21" s="26">
        <v>0</v>
      </c>
      <c r="CE21" s="27">
        <v>0</v>
      </c>
      <c r="CF21" s="25">
        <v>1690</v>
      </c>
      <c r="CG21" s="25">
        <v>0</v>
      </c>
      <c r="CH21" s="25">
        <v>5785</v>
      </c>
      <c r="CI21" s="25">
        <v>10845</v>
      </c>
      <c r="CJ21" s="25">
        <v>0</v>
      </c>
      <c r="CK21" s="28">
        <v>18320</v>
      </c>
      <c r="CL21" s="29">
        <v>18320</v>
      </c>
      <c r="CM21" s="24">
        <v>0</v>
      </c>
      <c r="CN21" s="25">
        <v>0</v>
      </c>
      <c r="CO21" s="26">
        <v>0</v>
      </c>
      <c r="CP21" s="27">
        <v>0</v>
      </c>
      <c r="CQ21" s="25">
        <v>0</v>
      </c>
      <c r="CR21" s="25">
        <v>0</v>
      </c>
      <c r="CS21" s="25">
        <v>0</v>
      </c>
      <c r="CT21" s="25">
        <v>0</v>
      </c>
      <c r="CU21" s="25">
        <v>0</v>
      </c>
      <c r="CV21" s="28">
        <v>0</v>
      </c>
      <c r="CW21" s="29">
        <v>0</v>
      </c>
      <c r="CX21" s="24">
        <v>0</v>
      </c>
      <c r="CY21" s="25">
        <v>0</v>
      </c>
      <c r="CZ21" s="26">
        <v>0</v>
      </c>
      <c r="DA21" s="404">
        <v>0</v>
      </c>
      <c r="DB21" s="25">
        <v>0</v>
      </c>
      <c r="DC21" s="25">
        <v>0</v>
      </c>
      <c r="DD21" s="25">
        <v>0</v>
      </c>
      <c r="DE21" s="25">
        <v>0</v>
      </c>
      <c r="DF21" s="25">
        <v>0</v>
      </c>
      <c r="DG21" s="28">
        <v>0</v>
      </c>
      <c r="DH21" s="29">
        <v>0</v>
      </c>
      <c r="DI21" s="24">
        <v>0</v>
      </c>
      <c r="DJ21" s="25">
        <v>14217</v>
      </c>
      <c r="DK21" s="26">
        <v>14217</v>
      </c>
      <c r="DL21" s="27">
        <v>0</v>
      </c>
      <c r="DM21" s="25">
        <v>161894</v>
      </c>
      <c r="DN21" s="25">
        <v>370919</v>
      </c>
      <c r="DO21" s="25">
        <v>2627564</v>
      </c>
      <c r="DP21" s="25">
        <v>3843317</v>
      </c>
      <c r="DQ21" s="25">
        <v>2467222</v>
      </c>
      <c r="DR21" s="28">
        <v>9470916</v>
      </c>
      <c r="DS21" s="30">
        <v>9485133</v>
      </c>
      <c r="DT21" s="24">
        <v>0</v>
      </c>
      <c r="DU21" s="25">
        <v>0</v>
      </c>
      <c r="DV21" s="26">
        <v>0</v>
      </c>
      <c r="DW21" s="404">
        <v>0</v>
      </c>
      <c r="DX21" s="25">
        <v>40176</v>
      </c>
      <c r="DY21" s="25">
        <v>123070</v>
      </c>
      <c r="DZ21" s="25">
        <v>1987943</v>
      </c>
      <c r="EA21" s="25">
        <v>3390657</v>
      </c>
      <c r="EB21" s="25">
        <v>2258102</v>
      </c>
      <c r="EC21" s="28">
        <v>7799948</v>
      </c>
      <c r="ED21" s="29">
        <v>7799948</v>
      </c>
      <c r="EE21" s="24">
        <v>0</v>
      </c>
      <c r="EF21" s="25">
        <v>0</v>
      </c>
      <c r="EG21" s="26">
        <v>0</v>
      </c>
      <c r="EH21" s="404">
        <v>0</v>
      </c>
      <c r="EI21" s="25">
        <v>39204</v>
      </c>
      <c r="EJ21" s="25">
        <v>116963</v>
      </c>
      <c r="EK21" s="25">
        <v>103954</v>
      </c>
      <c r="EL21" s="25">
        <v>6181</v>
      </c>
      <c r="EM21" s="25">
        <v>53386</v>
      </c>
      <c r="EN21" s="28">
        <v>319688</v>
      </c>
      <c r="EO21" s="29">
        <v>319688</v>
      </c>
      <c r="EP21" s="24">
        <v>0</v>
      </c>
      <c r="EQ21" s="25">
        <v>0</v>
      </c>
      <c r="ER21" s="26">
        <v>0</v>
      </c>
      <c r="ES21" s="404">
        <v>0</v>
      </c>
      <c r="ET21" s="25">
        <v>0</v>
      </c>
      <c r="EU21" s="25">
        <v>0</v>
      </c>
      <c r="EV21" s="25">
        <v>0</v>
      </c>
      <c r="EW21" s="25">
        <v>0</v>
      </c>
      <c r="EX21" s="25">
        <v>0</v>
      </c>
      <c r="EY21" s="28">
        <v>0</v>
      </c>
      <c r="EZ21" s="29">
        <v>0</v>
      </c>
      <c r="FA21" s="24">
        <v>0</v>
      </c>
      <c r="FB21" s="25">
        <v>0</v>
      </c>
      <c r="FC21" s="26">
        <v>0</v>
      </c>
      <c r="FD21" s="404">
        <v>0</v>
      </c>
      <c r="FE21" s="25">
        <v>0</v>
      </c>
      <c r="FF21" s="25">
        <v>0</v>
      </c>
      <c r="FG21" s="25">
        <v>0</v>
      </c>
      <c r="FH21" s="25">
        <v>630</v>
      </c>
      <c r="FI21" s="25">
        <v>1484</v>
      </c>
      <c r="FJ21" s="28">
        <v>2114</v>
      </c>
      <c r="FK21" s="29">
        <v>2114</v>
      </c>
      <c r="FL21" s="24">
        <v>0</v>
      </c>
      <c r="FM21" s="25">
        <v>0</v>
      </c>
      <c r="FN21" s="26">
        <v>0</v>
      </c>
      <c r="FO21" s="404">
        <v>0</v>
      </c>
      <c r="FP21" s="25">
        <v>0</v>
      </c>
      <c r="FQ21" s="25">
        <v>21576</v>
      </c>
      <c r="FR21" s="25">
        <v>50686</v>
      </c>
      <c r="FS21" s="25">
        <v>194002</v>
      </c>
      <c r="FT21" s="25">
        <v>43152</v>
      </c>
      <c r="FU21" s="28">
        <v>309416</v>
      </c>
      <c r="FV21" s="29">
        <v>309416</v>
      </c>
      <c r="FW21" s="24">
        <v>0</v>
      </c>
      <c r="FX21" s="25">
        <v>14217</v>
      </c>
      <c r="FY21" s="26">
        <v>14217</v>
      </c>
      <c r="FZ21" s="27">
        <v>0</v>
      </c>
      <c r="GA21" s="25">
        <v>80158</v>
      </c>
      <c r="GB21" s="25">
        <v>109310</v>
      </c>
      <c r="GC21" s="25">
        <v>484883</v>
      </c>
      <c r="GD21" s="25">
        <v>247449</v>
      </c>
      <c r="GE21" s="25">
        <v>111098</v>
      </c>
      <c r="GF21" s="28">
        <v>1032898</v>
      </c>
      <c r="GG21" s="29">
        <v>1047115</v>
      </c>
      <c r="GH21" s="24">
        <v>0</v>
      </c>
      <c r="GI21" s="25">
        <v>0</v>
      </c>
      <c r="GJ21" s="26">
        <v>0</v>
      </c>
      <c r="GK21" s="27">
        <v>0</v>
      </c>
      <c r="GL21" s="25">
        <v>2356</v>
      </c>
      <c r="GM21" s="25">
        <v>0</v>
      </c>
      <c r="GN21" s="25">
        <v>98</v>
      </c>
      <c r="GO21" s="25">
        <v>4398</v>
      </c>
      <c r="GP21" s="25">
        <v>0</v>
      </c>
      <c r="GQ21" s="28">
        <v>6852</v>
      </c>
      <c r="GR21" s="29">
        <v>6852</v>
      </c>
      <c r="GS21" s="24">
        <v>0</v>
      </c>
      <c r="GT21" s="25">
        <v>0</v>
      </c>
      <c r="GU21" s="26">
        <v>0</v>
      </c>
      <c r="GV21" s="27">
        <v>0</v>
      </c>
      <c r="GW21" s="25">
        <v>0</v>
      </c>
      <c r="GX21" s="25">
        <v>0</v>
      </c>
      <c r="GY21" s="25">
        <v>0</v>
      </c>
      <c r="GZ21" s="25">
        <v>0</v>
      </c>
      <c r="HA21" s="25">
        <v>0</v>
      </c>
      <c r="HB21" s="28">
        <v>0</v>
      </c>
      <c r="HC21" s="29">
        <v>0</v>
      </c>
      <c r="HD21" s="24">
        <v>0</v>
      </c>
      <c r="HE21" s="25">
        <v>0</v>
      </c>
      <c r="HF21" s="26">
        <v>0</v>
      </c>
      <c r="HG21" s="404">
        <v>0</v>
      </c>
      <c r="HH21" s="25">
        <v>0</v>
      </c>
      <c r="HI21" s="25">
        <v>0</v>
      </c>
      <c r="HJ21" s="25">
        <v>0</v>
      </c>
      <c r="HK21" s="25">
        <v>0</v>
      </c>
      <c r="HL21" s="25">
        <v>0</v>
      </c>
      <c r="HM21" s="28">
        <v>0</v>
      </c>
      <c r="HN21" s="29">
        <v>0</v>
      </c>
      <c r="HO21" s="24">
        <v>0</v>
      </c>
      <c r="HP21" s="25">
        <v>20667</v>
      </c>
      <c r="HQ21" s="26">
        <v>20667</v>
      </c>
      <c r="HR21" s="27">
        <v>0</v>
      </c>
      <c r="HS21" s="25">
        <v>343132</v>
      </c>
      <c r="HT21" s="25">
        <v>951489</v>
      </c>
      <c r="HU21" s="25">
        <v>4740069</v>
      </c>
      <c r="HV21" s="25">
        <v>6717367</v>
      </c>
      <c r="HW21" s="25">
        <v>4434032</v>
      </c>
      <c r="HX21" s="28">
        <v>17186089</v>
      </c>
      <c r="HY21" s="29">
        <v>17206756</v>
      </c>
    </row>
    <row r="22" spans="2:233" ht="21" customHeight="1" x14ac:dyDescent="0.2">
      <c r="B22" s="106" t="s">
        <v>19</v>
      </c>
      <c r="C22" s="24">
        <v>0</v>
      </c>
      <c r="D22" s="25">
        <v>0</v>
      </c>
      <c r="E22" s="26">
        <v>0</v>
      </c>
      <c r="F22" s="27">
        <v>0</v>
      </c>
      <c r="G22" s="25">
        <v>207665</v>
      </c>
      <c r="H22" s="25">
        <v>267350</v>
      </c>
      <c r="I22" s="25">
        <v>1434670</v>
      </c>
      <c r="J22" s="25">
        <v>1239030</v>
      </c>
      <c r="K22" s="25">
        <v>1036550</v>
      </c>
      <c r="L22" s="28">
        <v>4185265</v>
      </c>
      <c r="M22" s="29">
        <v>4185265</v>
      </c>
      <c r="N22" s="24">
        <v>0</v>
      </c>
      <c r="O22" s="25">
        <v>0</v>
      </c>
      <c r="P22" s="26">
        <v>0</v>
      </c>
      <c r="Q22" s="404">
        <v>0</v>
      </c>
      <c r="R22" s="25">
        <v>0</v>
      </c>
      <c r="S22" s="25">
        <v>43400</v>
      </c>
      <c r="T22" s="25">
        <v>846910</v>
      </c>
      <c r="U22" s="25">
        <v>988950</v>
      </c>
      <c r="V22" s="25">
        <v>896585</v>
      </c>
      <c r="W22" s="28">
        <v>2775845</v>
      </c>
      <c r="X22" s="29">
        <v>2775845</v>
      </c>
      <c r="Y22" s="24">
        <v>0</v>
      </c>
      <c r="Z22" s="25">
        <v>0</v>
      </c>
      <c r="AA22" s="26">
        <v>0</v>
      </c>
      <c r="AB22" s="404">
        <v>0</v>
      </c>
      <c r="AC22" s="25">
        <v>185135</v>
      </c>
      <c r="AD22" s="25">
        <v>196255</v>
      </c>
      <c r="AE22" s="25">
        <v>474920</v>
      </c>
      <c r="AF22" s="25">
        <v>188430</v>
      </c>
      <c r="AG22" s="25">
        <v>121540</v>
      </c>
      <c r="AH22" s="28">
        <v>1166280</v>
      </c>
      <c r="AI22" s="29">
        <v>1166280</v>
      </c>
      <c r="AJ22" s="24">
        <v>0</v>
      </c>
      <c r="AK22" s="25">
        <v>0</v>
      </c>
      <c r="AL22" s="26">
        <v>0</v>
      </c>
      <c r="AM22" s="404">
        <v>0</v>
      </c>
      <c r="AN22" s="25">
        <v>0</v>
      </c>
      <c r="AO22" s="25">
        <v>0</v>
      </c>
      <c r="AP22" s="25">
        <v>0</v>
      </c>
      <c r="AQ22" s="25">
        <v>0</v>
      </c>
      <c r="AR22" s="25">
        <v>0</v>
      </c>
      <c r="AS22" s="28">
        <v>0</v>
      </c>
      <c r="AT22" s="29">
        <v>0</v>
      </c>
      <c r="AU22" s="24">
        <v>0</v>
      </c>
      <c r="AV22" s="25">
        <v>0</v>
      </c>
      <c r="AW22" s="26">
        <v>0</v>
      </c>
      <c r="AX22" s="404">
        <v>0</v>
      </c>
      <c r="AY22" s="25">
        <v>0</v>
      </c>
      <c r="AZ22" s="25">
        <v>0</v>
      </c>
      <c r="BA22" s="25">
        <v>0</v>
      </c>
      <c r="BB22" s="25">
        <v>0</v>
      </c>
      <c r="BC22" s="25">
        <v>0</v>
      </c>
      <c r="BD22" s="28">
        <v>0</v>
      </c>
      <c r="BE22" s="29">
        <v>0</v>
      </c>
      <c r="BF22" s="24">
        <v>0</v>
      </c>
      <c r="BG22" s="25">
        <v>0</v>
      </c>
      <c r="BH22" s="26">
        <v>0</v>
      </c>
      <c r="BI22" s="404">
        <v>0</v>
      </c>
      <c r="BJ22" s="25">
        <v>0</v>
      </c>
      <c r="BK22" s="25">
        <v>0</v>
      </c>
      <c r="BL22" s="25">
        <v>0</v>
      </c>
      <c r="BM22" s="25">
        <v>0</v>
      </c>
      <c r="BN22" s="25">
        <v>0</v>
      </c>
      <c r="BO22" s="28">
        <v>0</v>
      </c>
      <c r="BP22" s="29">
        <v>0</v>
      </c>
      <c r="BQ22" s="24">
        <v>0</v>
      </c>
      <c r="BR22" s="25">
        <v>0</v>
      </c>
      <c r="BS22" s="26">
        <v>0</v>
      </c>
      <c r="BT22" s="27">
        <v>0</v>
      </c>
      <c r="BU22" s="25">
        <v>21460</v>
      </c>
      <c r="BV22" s="25">
        <v>27695</v>
      </c>
      <c r="BW22" s="25">
        <v>112100</v>
      </c>
      <c r="BX22" s="25">
        <v>45385</v>
      </c>
      <c r="BY22" s="25">
        <v>17990</v>
      </c>
      <c r="BZ22" s="28">
        <v>224630</v>
      </c>
      <c r="CA22" s="29">
        <v>224630</v>
      </c>
      <c r="CB22" s="24">
        <v>0</v>
      </c>
      <c r="CC22" s="25">
        <v>0</v>
      </c>
      <c r="CD22" s="26">
        <v>0</v>
      </c>
      <c r="CE22" s="27">
        <v>0</v>
      </c>
      <c r="CF22" s="25">
        <v>1070</v>
      </c>
      <c r="CG22" s="25">
        <v>0</v>
      </c>
      <c r="CH22" s="25">
        <v>740</v>
      </c>
      <c r="CI22" s="25">
        <v>16265</v>
      </c>
      <c r="CJ22" s="25">
        <v>435</v>
      </c>
      <c r="CK22" s="28">
        <v>18510</v>
      </c>
      <c r="CL22" s="29">
        <v>18510</v>
      </c>
      <c r="CM22" s="24">
        <v>0</v>
      </c>
      <c r="CN22" s="25">
        <v>0</v>
      </c>
      <c r="CO22" s="26">
        <v>0</v>
      </c>
      <c r="CP22" s="27">
        <v>0</v>
      </c>
      <c r="CQ22" s="25">
        <v>0</v>
      </c>
      <c r="CR22" s="25">
        <v>0</v>
      </c>
      <c r="CS22" s="25">
        <v>0</v>
      </c>
      <c r="CT22" s="25">
        <v>0</v>
      </c>
      <c r="CU22" s="25">
        <v>0</v>
      </c>
      <c r="CV22" s="28">
        <v>0</v>
      </c>
      <c r="CW22" s="29">
        <v>0</v>
      </c>
      <c r="CX22" s="24">
        <v>0</v>
      </c>
      <c r="CY22" s="25">
        <v>0</v>
      </c>
      <c r="CZ22" s="26">
        <v>0</v>
      </c>
      <c r="DA22" s="404">
        <v>0</v>
      </c>
      <c r="DB22" s="25">
        <v>0</v>
      </c>
      <c r="DC22" s="25">
        <v>0</v>
      </c>
      <c r="DD22" s="25">
        <v>0</v>
      </c>
      <c r="DE22" s="25">
        <v>0</v>
      </c>
      <c r="DF22" s="25">
        <v>0</v>
      </c>
      <c r="DG22" s="28">
        <v>0</v>
      </c>
      <c r="DH22" s="29">
        <v>0</v>
      </c>
      <c r="DI22" s="24">
        <v>0</v>
      </c>
      <c r="DJ22" s="25">
        <v>0</v>
      </c>
      <c r="DK22" s="26">
        <v>0</v>
      </c>
      <c r="DL22" s="27">
        <v>0</v>
      </c>
      <c r="DM22" s="25">
        <v>40458</v>
      </c>
      <c r="DN22" s="25">
        <v>179262</v>
      </c>
      <c r="DO22" s="25">
        <v>1761796</v>
      </c>
      <c r="DP22" s="25">
        <v>1488399</v>
      </c>
      <c r="DQ22" s="25">
        <v>1126728</v>
      </c>
      <c r="DR22" s="28">
        <v>4596643</v>
      </c>
      <c r="DS22" s="30">
        <v>4596643</v>
      </c>
      <c r="DT22" s="24">
        <v>0</v>
      </c>
      <c r="DU22" s="25">
        <v>0</v>
      </c>
      <c r="DV22" s="26">
        <v>0</v>
      </c>
      <c r="DW22" s="404">
        <v>0</v>
      </c>
      <c r="DX22" s="25">
        <v>0</v>
      </c>
      <c r="DY22" s="25">
        <v>86552</v>
      </c>
      <c r="DZ22" s="25">
        <v>1472341</v>
      </c>
      <c r="EA22" s="25">
        <v>1374623</v>
      </c>
      <c r="EB22" s="25">
        <v>1088634</v>
      </c>
      <c r="EC22" s="28">
        <v>4022150</v>
      </c>
      <c r="ED22" s="29">
        <v>4022150</v>
      </c>
      <c r="EE22" s="24">
        <v>0</v>
      </c>
      <c r="EF22" s="25">
        <v>0</v>
      </c>
      <c r="EG22" s="26">
        <v>0</v>
      </c>
      <c r="EH22" s="404">
        <v>0</v>
      </c>
      <c r="EI22" s="25">
        <v>15136</v>
      </c>
      <c r="EJ22" s="25">
        <v>51274</v>
      </c>
      <c r="EK22" s="25">
        <v>146475</v>
      </c>
      <c r="EL22" s="25">
        <v>47320</v>
      </c>
      <c r="EM22" s="25">
        <v>11280</v>
      </c>
      <c r="EN22" s="28">
        <v>271485</v>
      </c>
      <c r="EO22" s="29">
        <v>271485</v>
      </c>
      <c r="EP22" s="24">
        <v>0</v>
      </c>
      <c r="EQ22" s="25">
        <v>0</v>
      </c>
      <c r="ER22" s="26">
        <v>0</v>
      </c>
      <c r="ES22" s="404">
        <v>0</v>
      </c>
      <c r="ET22" s="25">
        <v>0</v>
      </c>
      <c r="EU22" s="25">
        <v>0</v>
      </c>
      <c r="EV22" s="25">
        <v>0</v>
      </c>
      <c r="EW22" s="25">
        <v>0</v>
      </c>
      <c r="EX22" s="25">
        <v>0</v>
      </c>
      <c r="EY22" s="28">
        <v>0</v>
      </c>
      <c r="EZ22" s="29">
        <v>0</v>
      </c>
      <c r="FA22" s="24">
        <v>0</v>
      </c>
      <c r="FB22" s="25">
        <v>0</v>
      </c>
      <c r="FC22" s="26">
        <v>0</v>
      </c>
      <c r="FD22" s="404">
        <v>0</v>
      </c>
      <c r="FE22" s="25">
        <v>0</v>
      </c>
      <c r="FF22" s="25">
        <v>0</v>
      </c>
      <c r="FG22" s="25">
        <v>0</v>
      </c>
      <c r="FH22" s="25">
        <v>0</v>
      </c>
      <c r="FI22" s="25">
        <v>0</v>
      </c>
      <c r="FJ22" s="28">
        <v>0</v>
      </c>
      <c r="FK22" s="29">
        <v>0</v>
      </c>
      <c r="FL22" s="24">
        <v>0</v>
      </c>
      <c r="FM22" s="25">
        <v>0</v>
      </c>
      <c r="FN22" s="26">
        <v>0</v>
      </c>
      <c r="FO22" s="404">
        <v>0</v>
      </c>
      <c r="FP22" s="25">
        <v>0</v>
      </c>
      <c r="FQ22" s="25">
        <v>0</v>
      </c>
      <c r="FR22" s="25">
        <v>0</v>
      </c>
      <c r="FS22" s="25">
        <v>0</v>
      </c>
      <c r="FT22" s="25">
        <v>0</v>
      </c>
      <c r="FU22" s="28">
        <v>0</v>
      </c>
      <c r="FV22" s="29">
        <v>0</v>
      </c>
      <c r="FW22" s="24">
        <v>0</v>
      </c>
      <c r="FX22" s="25">
        <v>0</v>
      </c>
      <c r="FY22" s="26">
        <v>0</v>
      </c>
      <c r="FZ22" s="27">
        <v>0</v>
      </c>
      <c r="GA22" s="25">
        <v>25301</v>
      </c>
      <c r="GB22" s="25">
        <v>41436</v>
      </c>
      <c r="GC22" s="25">
        <v>142924</v>
      </c>
      <c r="GD22" s="25">
        <v>64140</v>
      </c>
      <c r="GE22" s="25">
        <v>23592</v>
      </c>
      <c r="GF22" s="28">
        <v>297393</v>
      </c>
      <c r="GG22" s="29">
        <v>297393</v>
      </c>
      <c r="GH22" s="24">
        <v>0</v>
      </c>
      <c r="GI22" s="25">
        <v>0</v>
      </c>
      <c r="GJ22" s="26">
        <v>0</v>
      </c>
      <c r="GK22" s="27">
        <v>0</v>
      </c>
      <c r="GL22" s="25">
        <v>21</v>
      </c>
      <c r="GM22" s="25">
        <v>0</v>
      </c>
      <c r="GN22" s="25">
        <v>56</v>
      </c>
      <c r="GO22" s="25">
        <v>2316</v>
      </c>
      <c r="GP22" s="25">
        <v>3222</v>
      </c>
      <c r="GQ22" s="28">
        <v>5615</v>
      </c>
      <c r="GR22" s="29">
        <v>5615</v>
      </c>
      <c r="GS22" s="24">
        <v>0</v>
      </c>
      <c r="GT22" s="25">
        <v>0</v>
      </c>
      <c r="GU22" s="26">
        <v>0</v>
      </c>
      <c r="GV22" s="27">
        <v>0</v>
      </c>
      <c r="GW22" s="25">
        <v>0</v>
      </c>
      <c r="GX22" s="25">
        <v>0</v>
      </c>
      <c r="GY22" s="25">
        <v>0</v>
      </c>
      <c r="GZ22" s="25">
        <v>0</v>
      </c>
      <c r="HA22" s="25">
        <v>0</v>
      </c>
      <c r="HB22" s="28">
        <v>0</v>
      </c>
      <c r="HC22" s="29">
        <v>0</v>
      </c>
      <c r="HD22" s="24">
        <v>0</v>
      </c>
      <c r="HE22" s="25">
        <v>0</v>
      </c>
      <c r="HF22" s="26">
        <v>0</v>
      </c>
      <c r="HG22" s="404">
        <v>0</v>
      </c>
      <c r="HH22" s="25">
        <v>0</v>
      </c>
      <c r="HI22" s="25">
        <v>0</v>
      </c>
      <c r="HJ22" s="25">
        <v>0</v>
      </c>
      <c r="HK22" s="25">
        <v>0</v>
      </c>
      <c r="HL22" s="25">
        <v>0</v>
      </c>
      <c r="HM22" s="28">
        <v>0</v>
      </c>
      <c r="HN22" s="29">
        <v>0</v>
      </c>
      <c r="HO22" s="24">
        <v>0</v>
      </c>
      <c r="HP22" s="25">
        <v>0</v>
      </c>
      <c r="HQ22" s="26">
        <v>0</v>
      </c>
      <c r="HR22" s="27">
        <v>0</v>
      </c>
      <c r="HS22" s="25">
        <v>248123</v>
      </c>
      <c r="HT22" s="25">
        <v>446612</v>
      </c>
      <c r="HU22" s="25">
        <v>3196466</v>
      </c>
      <c r="HV22" s="25">
        <v>2727429</v>
      </c>
      <c r="HW22" s="25">
        <v>2163278</v>
      </c>
      <c r="HX22" s="28">
        <v>8781908</v>
      </c>
      <c r="HY22" s="29">
        <v>8781908</v>
      </c>
    </row>
    <row r="23" spans="2:233" ht="21" customHeight="1" x14ac:dyDescent="0.2">
      <c r="B23" s="106" t="s">
        <v>20</v>
      </c>
      <c r="C23" s="24">
        <v>0</v>
      </c>
      <c r="D23" s="25">
        <v>290</v>
      </c>
      <c r="E23" s="26">
        <v>290</v>
      </c>
      <c r="F23" s="27">
        <v>0</v>
      </c>
      <c r="G23" s="25">
        <v>116520</v>
      </c>
      <c r="H23" s="25">
        <v>362745</v>
      </c>
      <c r="I23" s="25">
        <v>1033795</v>
      </c>
      <c r="J23" s="25">
        <v>1729740</v>
      </c>
      <c r="K23" s="25">
        <v>843140</v>
      </c>
      <c r="L23" s="28">
        <v>4085940</v>
      </c>
      <c r="M23" s="29">
        <v>4086230</v>
      </c>
      <c r="N23" s="24">
        <v>0</v>
      </c>
      <c r="O23" s="25">
        <v>0</v>
      </c>
      <c r="P23" s="26">
        <v>0</v>
      </c>
      <c r="Q23" s="404">
        <v>0</v>
      </c>
      <c r="R23" s="25">
        <v>32465</v>
      </c>
      <c r="S23" s="25">
        <v>147250</v>
      </c>
      <c r="T23" s="25">
        <v>869075</v>
      </c>
      <c r="U23" s="25">
        <v>1440155</v>
      </c>
      <c r="V23" s="25">
        <v>681130</v>
      </c>
      <c r="W23" s="28">
        <v>3170075</v>
      </c>
      <c r="X23" s="29">
        <v>3170075</v>
      </c>
      <c r="Y23" s="24">
        <v>0</v>
      </c>
      <c r="Z23" s="25">
        <v>0</v>
      </c>
      <c r="AA23" s="26">
        <v>0</v>
      </c>
      <c r="AB23" s="404">
        <v>0</v>
      </c>
      <c r="AC23" s="25">
        <v>73470</v>
      </c>
      <c r="AD23" s="25">
        <v>159235</v>
      </c>
      <c r="AE23" s="25">
        <v>100595</v>
      </c>
      <c r="AF23" s="25">
        <v>253355</v>
      </c>
      <c r="AG23" s="25">
        <v>45880</v>
      </c>
      <c r="AH23" s="28">
        <v>632535</v>
      </c>
      <c r="AI23" s="29">
        <v>632535</v>
      </c>
      <c r="AJ23" s="24">
        <v>0</v>
      </c>
      <c r="AK23" s="25">
        <v>0</v>
      </c>
      <c r="AL23" s="26">
        <v>0</v>
      </c>
      <c r="AM23" s="404">
        <v>0</v>
      </c>
      <c r="AN23" s="25">
        <v>0</v>
      </c>
      <c r="AO23" s="25">
        <v>0</v>
      </c>
      <c r="AP23" s="25">
        <v>0</v>
      </c>
      <c r="AQ23" s="25">
        <v>0</v>
      </c>
      <c r="AR23" s="25">
        <v>0</v>
      </c>
      <c r="AS23" s="28">
        <v>0</v>
      </c>
      <c r="AT23" s="29">
        <v>0</v>
      </c>
      <c r="AU23" s="24">
        <v>0</v>
      </c>
      <c r="AV23" s="25">
        <v>0</v>
      </c>
      <c r="AW23" s="26">
        <v>0</v>
      </c>
      <c r="AX23" s="404">
        <v>0</v>
      </c>
      <c r="AY23" s="25">
        <v>0</v>
      </c>
      <c r="AZ23" s="25">
        <v>0</v>
      </c>
      <c r="BA23" s="25">
        <v>0</v>
      </c>
      <c r="BB23" s="25">
        <v>0</v>
      </c>
      <c r="BC23" s="25">
        <v>65410</v>
      </c>
      <c r="BD23" s="28">
        <v>65410</v>
      </c>
      <c r="BE23" s="29">
        <v>65410</v>
      </c>
      <c r="BF23" s="24">
        <v>0</v>
      </c>
      <c r="BG23" s="25">
        <v>0</v>
      </c>
      <c r="BH23" s="26">
        <v>0</v>
      </c>
      <c r="BI23" s="404">
        <v>0</v>
      </c>
      <c r="BJ23" s="25">
        <v>0</v>
      </c>
      <c r="BK23" s="25">
        <v>0</v>
      </c>
      <c r="BL23" s="25">
        <v>0</v>
      </c>
      <c r="BM23" s="25">
        <v>0</v>
      </c>
      <c r="BN23" s="25">
        <v>0</v>
      </c>
      <c r="BO23" s="28">
        <v>0</v>
      </c>
      <c r="BP23" s="29">
        <v>0</v>
      </c>
      <c r="BQ23" s="24">
        <v>0</v>
      </c>
      <c r="BR23" s="25">
        <v>290</v>
      </c>
      <c r="BS23" s="26">
        <v>290</v>
      </c>
      <c r="BT23" s="27">
        <v>0</v>
      </c>
      <c r="BU23" s="25">
        <v>9445</v>
      </c>
      <c r="BV23" s="25">
        <v>55120</v>
      </c>
      <c r="BW23" s="25">
        <v>62530</v>
      </c>
      <c r="BX23" s="25">
        <v>35505</v>
      </c>
      <c r="BY23" s="25">
        <v>50720</v>
      </c>
      <c r="BZ23" s="28">
        <v>213320</v>
      </c>
      <c r="CA23" s="29">
        <v>213610</v>
      </c>
      <c r="CB23" s="24">
        <v>0</v>
      </c>
      <c r="CC23" s="25">
        <v>0</v>
      </c>
      <c r="CD23" s="26">
        <v>0</v>
      </c>
      <c r="CE23" s="27">
        <v>0</v>
      </c>
      <c r="CF23" s="25">
        <v>1140</v>
      </c>
      <c r="CG23" s="25">
        <v>1140</v>
      </c>
      <c r="CH23" s="25">
        <v>1595</v>
      </c>
      <c r="CI23" s="25">
        <v>725</v>
      </c>
      <c r="CJ23" s="25">
        <v>0</v>
      </c>
      <c r="CK23" s="28">
        <v>4600</v>
      </c>
      <c r="CL23" s="29">
        <v>4600</v>
      </c>
      <c r="CM23" s="24">
        <v>0</v>
      </c>
      <c r="CN23" s="25">
        <v>0</v>
      </c>
      <c r="CO23" s="26">
        <v>0</v>
      </c>
      <c r="CP23" s="27">
        <v>0</v>
      </c>
      <c r="CQ23" s="25">
        <v>0</v>
      </c>
      <c r="CR23" s="25">
        <v>0</v>
      </c>
      <c r="CS23" s="25">
        <v>0</v>
      </c>
      <c r="CT23" s="25">
        <v>0</v>
      </c>
      <c r="CU23" s="25">
        <v>0</v>
      </c>
      <c r="CV23" s="28">
        <v>0</v>
      </c>
      <c r="CW23" s="29">
        <v>0</v>
      </c>
      <c r="CX23" s="24">
        <v>0</v>
      </c>
      <c r="CY23" s="25">
        <v>0</v>
      </c>
      <c r="CZ23" s="26">
        <v>0</v>
      </c>
      <c r="DA23" s="404">
        <v>0</v>
      </c>
      <c r="DB23" s="25">
        <v>0</v>
      </c>
      <c r="DC23" s="25">
        <v>0</v>
      </c>
      <c r="DD23" s="25">
        <v>0</v>
      </c>
      <c r="DE23" s="25">
        <v>0</v>
      </c>
      <c r="DF23" s="25">
        <v>0</v>
      </c>
      <c r="DG23" s="28">
        <v>0</v>
      </c>
      <c r="DH23" s="29">
        <v>0</v>
      </c>
      <c r="DI23" s="24">
        <v>0</v>
      </c>
      <c r="DJ23" s="25">
        <v>2784</v>
      </c>
      <c r="DK23" s="26">
        <v>2784</v>
      </c>
      <c r="DL23" s="27">
        <v>0</v>
      </c>
      <c r="DM23" s="25">
        <v>109408</v>
      </c>
      <c r="DN23" s="25">
        <v>345807</v>
      </c>
      <c r="DO23" s="25">
        <v>1825591</v>
      </c>
      <c r="DP23" s="25">
        <v>2449374</v>
      </c>
      <c r="DQ23" s="25">
        <v>1039633</v>
      </c>
      <c r="DR23" s="28">
        <v>5769813</v>
      </c>
      <c r="DS23" s="30">
        <v>5772597</v>
      </c>
      <c r="DT23" s="24">
        <v>0</v>
      </c>
      <c r="DU23" s="25">
        <v>0</v>
      </c>
      <c r="DV23" s="26">
        <v>0</v>
      </c>
      <c r="DW23" s="404">
        <v>0</v>
      </c>
      <c r="DX23" s="25">
        <v>55986</v>
      </c>
      <c r="DY23" s="25">
        <v>213714</v>
      </c>
      <c r="DZ23" s="25">
        <v>1649189</v>
      </c>
      <c r="EA23" s="25">
        <v>2278843</v>
      </c>
      <c r="EB23" s="25">
        <v>942217</v>
      </c>
      <c r="EC23" s="28">
        <v>5139949</v>
      </c>
      <c r="ED23" s="29">
        <v>5139949</v>
      </c>
      <c r="EE23" s="24">
        <v>0</v>
      </c>
      <c r="EF23" s="25">
        <v>0</v>
      </c>
      <c r="EG23" s="26">
        <v>0</v>
      </c>
      <c r="EH23" s="404">
        <v>0</v>
      </c>
      <c r="EI23" s="25">
        <v>25079</v>
      </c>
      <c r="EJ23" s="25">
        <v>24485</v>
      </c>
      <c r="EK23" s="25">
        <v>12400</v>
      </c>
      <c r="EL23" s="25">
        <v>53117</v>
      </c>
      <c r="EM23" s="25">
        <v>1302</v>
      </c>
      <c r="EN23" s="28">
        <v>116383</v>
      </c>
      <c r="EO23" s="29">
        <v>116383</v>
      </c>
      <c r="EP23" s="24">
        <v>0</v>
      </c>
      <c r="EQ23" s="25">
        <v>0</v>
      </c>
      <c r="ER23" s="26">
        <v>0</v>
      </c>
      <c r="ES23" s="404">
        <v>0</v>
      </c>
      <c r="ET23" s="25">
        <v>0</v>
      </c>
      <c r="EU23" s="25">
        <v>0</v>
      </c>
      <c r="EV23" s="25">
        <v>0</v>
      </c>
      <c r="EW23" s="25">
        <v>0</v>
      </c>
      <c r="EX23" s="25">
        <v>0</v>
      </c>
      <c r="EY23" s="28">
        <v>0</v>
      </c>
      <c r="EZ23" s="29">
        <v>0</v>
      </c>
      <c r="FA23" s="24">
        <v>0</v>
      </c>
      <c r="FB23" s="25">
        <v>0</v>
      </c>
      <c r="FC23" s="26">
        <v>0</v>
      </c>
      <c r="FD23" s="404">
        <v>0</v>
      </c>
      <c r="FE23" s="25">
        <v>0</v>
      </c>
      <c r="FF23" s="25">
        <v>0</v>
      </c>
      <c r="FG23" s="25">
        <v>0</v>
      </c>
      <c r="FH23" s="25">
        <v>0</v>
      </c>
      <c r="FI23" s="25">
        <v>434</v>
      </c>
      <c r="FJ23" s="28">
        <v>434</v>
      </c>
      <c r="FK23" s="29">
        <v>434</v>
      </c>
      <c r="FL23" s="24">
        <v>0</v>
      </c>
      <c r="FM23" s="25">
        <v>0</v>
      </c>
      <c r="FN23" s="26">
        <v>0</v>
      </c>
      <c r="FO23" s="404">
        <v>0</v>
      </c>
      <c r="FP23" s="25">
        <v>0</v>
      </c>
      <c r="FQ23" s="25">
        <v>0</v>
      </c>
      <c r="FR23" s="25">
        <v>0</v>
      </c>
      <c r="FS23" s="25">
        <v>0</v>
      </c>
      <c r="FT23" s="25">
        <v>0</v>
      </c>
      <c r="FU23" s="28">
        <v>0</v>
      </c>
      <c r="FV23" s="29">
        <v>0</v>
      </c>
      <c r="FW23" s="24">
        <v>0</v>
      </c>
      <c r="FX23" s="25">
        <v>2784</v>
      </c>
      <c r="FY23" s="26">
        <v>2784</v>
      </c>
      <c r="FZ23" s="27">
        <v>0</v>
      </c>
      <c r="GA23" s="25">
        <v>27269</v>
      </c>
      <c r="GB23" s="25">
        <v>106534</v>
      </c>
      <c r="GC23" s="25">
        <v>159348</v>
      </c>
      <c r="GD23" s="25">
        <v>115266</v>
      </c>
      <c r="GE23" s="25">
        <v>92100</v>
      </c>
      <c r="GF23" s="28">
        <v>500517</v>
      </c>
      <c r="GG23" s="29">
        <v>503301</v>
      </c>
      <c r="GH23" s="24">
        <v>0</v>
      </c>
      <c r="GI23" s="25">
        <v>0</v>
      </c>
      <c r="GJ23" s="26">
        <v>0</v>
      </c>
      <c r="GK23" s="27">
        <v>0</v>
      </c>
      <c r="GL23" s="25">
        <v>1074</v>
      </c>
      <c r="GM23" s="25">
        <v>1074</v>
      </c>
      <c r="GN23" s="25">
        <v>4654</v>
      </c>
      <c r="GO23" s="25">
        <v>2148</v>
      </c>
      <c r="GP23" s="25">
        <v>3580</v>
      </c>
      <c r="GQ23" s="28">
        <v>12530</v>
      </c>
      <c r="GR23" s="29">
        <v>12530</v>
      </c>
      <c r="GS23" s="24">
        <v>0</v>
      </c>
      <c r="GT23" s="25">
        <v>0</v>
      </c>
      <c r="GU23" s="26">
        <v>0</v>
      </c>
      <c r="GV23" s="27">
        <v>0</v>
      </c>
      <c r="GW23" s="25">
        <v>0</v>
      </c>
      <c r="GX23" s="25">
        <v>0</v>
      </c>
      <c r="GY23" s="25">
        <v>0</v>
      </c>
      <c r="GZ23" s="25">
        <v>0</v>
      </c>
      <c r="HA23" s="25">
        <v>0</v>
      </c>
      <c r="HB23" s="28">
        <v>0</v>
      </c>
      <c r="HC23" s="29">
        <v>0</v>
      </c>
      <c r="HD23" s="24">
        <v>0</v>
      </c>
      <c r="HE23" s="25">
        <v>0</v>
      </c>
      <c r="HF23" s="26">
        <v>0</v>
      </c>
      <c r="HG23" s="404">
        <v>0</v>
      </c>
      <c r="HH23" s="25">
        <v>0</v>
      </c>
      <c r="HI23" s="25">
        <v>0</v>
      </c>
      <c r="HJ23" s="25">
        <v>0</v>
      </c>
      <c r="HK23" s="25">
        <v>0</v>
      </c>
      <c r="HL23" s="25">
        <v>0</v>
      </c>
      <c r="HM23" s="28">
        <v>0</v>
      </c>
      <c r="HN23" s="29">
        <v>0</v>
      </c>
      <c r="HO23" s="24">
        <v>0</v>
      </c>
      <c r="HP23" s="25">
        <v>3074</v>
      </c>
      <c r="HQ23" s="26">
        <v>3074</v>
      </c>
      <c r="HR23" s="27">
        <v>0</v>
      </c>
      <c r="HS23" s="25">
        <v>225928</v>
      </c>
      <c r="HT23" s="25">
        <v>708552</v>
      </c>
      <c r="HU23" s="25">
        <v>2859386</v>
      </c>
      <c r="HV23" s="25">
        <v>4179114</v>
      </c>
      <c r="HW23" s="25">
        <v>1882773</v>
      </c>
      <c r="HX23" s="28">
        <v>9855753</v>
      </c>
      <c r="HY23" s="29">
        <v>9858827</v>
      </c>
    </row>
    <row r="24" spans="2:233" ht="21" customHeight="1" x14ac:dyDescent="0.2">
      <c r="B24" s="106" t="s">
        <v>21</v>
      </c>
      <c r="C24" s="24">
        <v>0</v>
      </c>
      <c r="D24" s="25">
        <v>3265</v>
      </c>
      <c r="E24" s="26">
        <v>3265</v>
      </c>
      <c r="F24" s="27">
        <v>0</v>
      </c>
      <c r="G24" s="25">
        <v>117835</v>
      </c>
      <c r="H24" s="25">
        <v>285254</v>
      </c>
      <c r="I24" s="25">
        <v>1639256</v>
      </c>
      <c r="J24" s="25">
        <v>1742893</v>
      </c>
      <c r="K24" s="25">
        <v>1365594</v>
      </c>
      <c r="L24" s="28">
        <v>5150832</v>
      </c>
      <c r="M24" s="29">
        <v>5154097</v>
      </c>
      <c r="N24" s="24">
        <v>0</v>
      </c>
      <c r="O24" s="25">
        <v>0</v>
      </c>
      <c r="P24" s="26">
        <v>0</v>
      </c>
      <c r="Q24" s="404">
        <v>0</v>
      </c>
      <c r="R24" s="25">
        <v>35495</v>
      </c>
      <c r="S24" s="25">
        <v>148364</v>
      </c>
      <c r="T24" s="25">
        <v>1255182</v>
      </c>
      <c r="U24" s="25">
        <v>1387668</v>
      </c>
      <c r="V24" s="25">
        <v>985550</v>
      </c>
      <c r="W24" s="28">
        <v>3812259</v>
      </c>
      <c r="X24" s="29">
        <v>3812259</v>
      </c>
      <c r="Y24" s="24">
        <v>0</v>
      </c>
      <c r="Z24" s="25">
        <v>0</v>
      </c>
      <c r="AA24" s="26">
        <v>0</v>
      </c>
      <c r="AB24" s="404">
        <v>0</v>
      </c>
      <c r="AC24" s="25">
        <v>66450</v>
      </c>
      <c r="AD24" s="25">
        <v>93485</v>
      </c>
      <c r="AE24" s="25">
        <v>197295</v>
      </c>
      <c r="AF24" s="25">
        <v>263215</v>
      </c>
      <c r="AG24" s="25">
        <v>168795</v>
      </c>
      <c r="AH24" s="28">
        <v>789240</v>
      </c>
      <c r="AI24" s="29">
        <v>789240</v>
      </c>
      <c r="AJ24" s="24">
        <v>0</v>
      </c>
      <c r="AK24" s="25">
        <v>0</v>
      </c>
      <c r="AL24" s="26">
        <v>0</v>
      </c>
      <c r="AM24" s="404">
        <v>0</v>
      </c>
      <c r="AN24" s="25">
        <v>0</v>
      </c>
      <c r="AO24" s="25">
        <v>0</v>
      </c>
      <c r="AP24" s="25">
        <v>0</v>
      </c>
      <c r="AQ24" s="25">
        <v>0</v>
      </c>
      <c r="AR24" s="25">
        <v>0</v>
      </c>
      <c r="AS24" s="28">
        <v>0</v>
      </c>
      <c r="AT24" s="29">
        <v>0</v>
      </c>
      <c r="AU24" s="24">
        <v>0</v>
      </c>
      <c r="AV24" s="25">
        <v>0</v>
      </c>
      <c r="AW24" s="26">
        <v>0</v>
      </c>
      <c r="AX24" s="404">
        <v>0</v>
      </c>
      <c r="AY24" s="25">
        <v>0</v>
      </c>
      <c r="AZ24" s="25">
        <v>0</v>
      </c>
      <c r="BA24" s="25">
        <v>19465</v>
      </c>
      <c r="BB24" s="25">
        <v>32550</v>
      </c>
      <c r="BC24" s="25">
        <v>82040</v>
      </c>
      <c r="BD24" s="28">
        <v>134055</v>
      </c>
      <c r="BE24" s="29">
        <v>134055</v>
      </c>
      <c r="BF24" s="24">
        <v>0</v>
      </c>
      <c r="BG24" s="25">
        <v>0</v>
      </c>
      <c r="BH24" s="26">
        <v>0</v>
      </c>
      <c r="BI24" s="404">
        <v>0</v>
      </c>
      <c r="BJ24" s="25">
        <v>0</v>
      </c>
      <c r="BK24" s="25">
        <v>0</v>
      </c>
      <c r="BL24" s="25">
        <v>0</v>
      </c>
      <c r="BM24" s="25">
        <v>0</v>
      </c>
      <c r="BN24" s="25">
        <v>0</v>
      </c>
      <c r="BO24" s="28">
        <v>0</v>
      </c>
      <c r="BP24" s="29">
        <v>0</v>
      </c>
      <c r="BQ24" s="24">
        <v>0</v>
      </c>
      <c r="BR24" s="25">
        <v>3265</v>
      </c>
      <c r="BS24" s="26">
        <v>3265</v>
      </c>
      <c r="BT24" s="27">
        <v>0</v>
      </c>
      <c r="BU24" s="25">
        <v>15890</v>
      </c>
      <c r="BV24" s="25">
        <v>43405</v>
      </c>
      <c r="BW24" s="25">
        <v>161664</v>
      </c>
      <c r="BX24" s="25">
        <v>58445</v>
      </c>
      <c r="BY24" s="25">
        <v>129209</v>
      </c>
      <c r="BZ24" s="28">
        <v>408613</v>
      </c>
      <c r="CA24" s="29">
        <v>411878</v>
      </c>
      <c r="CB24" s="24">
        <v>0</v>
      </c>
      <c r="CC24" s="25">
        <v>0</v>
      </c>
      <c r="CD24" s="26">
        <v>0</v>
      </c>
      <c r="CE24" s="27">
        <v>0</v>
      </c>
      <c r="CF24" s="25">
        <v>0</v>
      </c>
      <c r="CG24" s="25">
        <v>0</v>
      </c>
      <c r="CH24" s="25">
        <v>5650</v>
      </c>
      <c r="CI24" s="25">
        <v>1015</v>
      </c>
      <c r="CJ24" s="25">
        <v>0</v>
      </c>
      <c r="CK24" s="28">
        <v>6665</v>
      </c>
      <c r="CL24" s="29">
        <v>6665</v>
      </c>
      <c r="CM24" s="24">
        <v>0</v>
      </c>
      <c r="CN24" s="25">
        <v>0</v>
      </c>
      <c r="CO24" s="26">
        <v>0</v>
      </c>
      <c r="CP24" s="27">
        <v>0</v>
      </c>
      <c r="CQ24" s="25">
        <v>0</v>
      </c>
      <c r="CR24" s="25">
        <v>0</v>
      </c>
      <c r="CS24" s="25">
        <v>0</v>
      </c>
      <c r="CT24" s="25">
        <v>0</v>
      </c>
      <c r="CU24" s="25">
        <v>0</v>
      </c>
      <c r="CV24" s="28">
        <v>0</v>
      </c>
      <c r="CW24" s="29">
        <v>0</v>
      </c>
      <c r="CX24" s="24">
        <v>0</v>
      </c>
      <c r="CY24" s="25">
        <v>0</v>
      </c>
      <c r="CZ24" s="26">
        <v>0</v>
      </c>
      <c r="DA24" s="404">
        <v>0</v>
      </c>
      <c r="DB24" s="25">
        <v>0</v>
      </c>
      <c r="DC24" s="25">
        <v>0</v>
      </c>
      <c r="DD24" s="25">
        <v>0</v>
      </c>
      <c r="DE24" s="25">
        <v>0</v>
      </c>
      <c r="DF24" s="25">
        <v>0</v>
      </c>
      <c r="DG24" s="28">
        <v>0</v>
      </c>
      <c r="DH24" s="29">
        <v>0</v>
      </c>
      <c r="DI24" s="24">
        <v>0</v>
      </c>
      <c r="DJ24" s="25">
        <v>4744</v>
      </c>
      <c r="DK24" s="26">
        <v>4744</v>
      </c>
      <c r="DL24" s="27">
        <v>0</v>
      </c>
      <c r="DM24" s="25">
        <v>89054</v>
      </c>
      <c r="DN24" s="25">
        <v>283597</v>
      </c>
      <c r="DO24" s="25">
        <v>2120583</v>
      </c>
      <c r="DP24" s="25">
        <v>2210393</v>
      </c>
      <c r="DQ24" s="25">
        <v>1594144</v>
      </c>
      <c r="DR24" s="28">
        <v>6297771</v>
      </c>
      <c r="DS24" s="30">
        <v>6302515</v>
      </c>
      <c r="DT24" s="24">
        <v>0</v>
      </c>
      <c r="DU24" s="25">
        <v>0</v>
      </c>
      <c r="DV24" s="26">
        <v>0</v>
      </c>
      <c r="DW24" s="404">
        <v>0</v>
      </c>
      <c r="DX24" s="25">
        <v>28365</v>
      </c>
      <c r="DY24" s="25">
        <v>170378</v>
      </c>
      <c r="DZ24" s="25">
        <v>1780808</v>
      </c>
      <c r="EA24" s="25">
        <v>2012224</v>
      </c>
      <c r="EB24" s="25">
        <v>1379490</v>
      </c>
      <c r="EC24" s="28">
        <v>5371265</v>
      </c>
      <c r="ED24" s="29">
        <v>5371265</v>
      </c>
      <c r="EE24" s="24">
        <v>0</v>
      </c>
      <c r="EF24" s="25">
        <v>0</v>
      </c>
      <c r="EG24" s="26">
        <v>0</v>
      </c>
      <c r="EH24" s="404">
        <v>0</v>
      </c>
      <c r="EI24" s="25">
        <v>1239</v>
      </c>
      <c r="EJ24" s="25">
        <v>23193</v>
      </c>
      <c r="EK24" s="25">
        <v>3206</v>
      </c>
      <c r="EL24" s="25">
        <v>39430</v>
      </c>
      <c r="EM24" s="25">
        <v>29047</v>
      </c>
      <c r="EN24" s="28">
        <v>96115</v>
      </c>
      <c r="EO24" s="29">
        <v>96115</v>
      </c>
      <c r="EP24" s="24">
        <v>0</v>
      </c>
      <c r="EQ24" s="25">
        <v>0</v>
      </c>
      <c r="ER24" s="26">
        <v>0</v>
      </c>
      <c r="ES24" s="404">
        <v>0</v>
      </c>
      <c r="ET24" s="25">
        <v>0</v>
      </c>
      <c r="EU24" s="25">
        <v>0</v>
      </c>
      <c r="EV24" s="25">
        <v>0</v>
      </c>
      <c r="EW24" s="25">
        <v>0</v>
      </c>
      <c r="EX24" s="25">
        <v>0</v>
      </c>
      <c r="EY24" s="28">
        <v>0</v>
      </c>
      <c r="EZ24" s="29">
        <v>0</v>
      </c>
      <c r="FA24" s="24">
        <v>0</v>
      </c>
      <c r="FB24" s="25">
        <v>0</v>
      </c>
      <c r="FC24" s="26">
        <v>0</v>
      </c>
      <c r="FD24" s="404">
        <v>0</v>
      </c>
      <c r="FE24" s="25">
        <v>0</v>
      </c>
      <c r="FF24" s="25">
        <v>0</v>
      </c>
      <c r="FG24" s="25">
        <v>7429</v>
      </c>
      <c r="FH24" s="25">
        <v>1085</v>
      </c>
      <c r="FI24" s="25">
        <v>14415</v>
      </c>
      <c r="FJ24" s="28">
        <v>22929</v>
      </c>
      <c r="FK24" s="29">
        <v>22929</v>
      </c>
      <c r="FL24" s="24">
        <v>0</v>
      </c>
      <c r="FM24" s="25">
        <v>0</v>
      </c>
      <c r="FN24" s="26">
        <v>0</v>
      </c>
      <c r="FO24" s="404">
        <v>0</v>
      </c>
      <c r="FP24" s="25">
        <v>0</v>
      </c>
      <c r="FQ24" s="25">
        <v>0</v>
      </c>
      <c r="FR24" s="25">
        <v>0</v>
      </c>
      <c r="FS24" s="25">
        <v>0</v>
      </c>
      <c r="FT24" s="25">
        <v>0</v>
      </c>
      <c r="FU24" s="28">
        <v>0</v>
      </c>
      <c r="FV24" s="29">
        <v>0</v>
      </c>
      <c r="FW24" s="24">
        <v>0</v>
      </c>
      <c r="FX24" s="25">
        <v>4744</v>
      </c>
      <c r="FY24" s="26">
        <v>4744</v>
      </c>
      <c r="FZ24" s="27">
        <v>0</v>
      </c>
      <c r="GA24" s="25">
        <v>59450</v>
      </c>
      <c r="GB24" s="25">
        <v>90026</v>
      </c>
      <c r="GC24" s="25">
        <v>325948</v>
      </c>
      <c r="GD24" s="25">
        <v>151926</v>
      </c>
      <c r="GE24" s="25">
        <v>171192</v>
      </c>
      <c r="GF24" s="28">
        <v>798542</v>
      </c>
      <c r="GG24" s="29">
        <v>803286</v>
      </c>
      <c r="GH24" s="24">
        <v>0</v>
      </c>
      <c r="GI24" s="25">
        <v>0</v>
      </c>
      <c r="GJ24" s="26">
        <v>0</v>
      </c>
      <c r="GK24" s="27">
        <v>0</v>
      </c>
      <c r="GL24" s="25">
        <v>0</v>
      </c>
      <c r="GM24" s="25">
        <v>0</v>
      </c>
      <c r="GN24" s="25">
        <v>3192</v>
      </c>
      <c r="GO24" s="25">
        <v>5728</v>
      </c>
      <c r="GP24" s="25">
        <v>0</v>
      </c>
      <c r="GQ24" s="28">
        <v>8920</v>
      </c>
      <c r="GR24" s="29">
        <v>8920</v>
      </c>
      <c r="GS24" s="24">
        <v>0</v>
      </c>
      <c r="GT24" s="25">
        <v>0</v>
      </c>
      <c r="GU24" s="26">
        <v>0</v>
      </c>
      <c r="GV24" s="27">
        <v>0</v>
      </c>
      <c r="GW24" s="25">
        <v>0</v>
      </c>
      <c r="GX24" s="25">
        <v>0</v>
      </c>
      <c r="GY24" s="25">
        <v>0</v>
      </c>
      <c r="GZ24" s="25">
        <v>0</v>
      </c>
      <c r="HA24" s="25">
        <v>0</v>
      </c>
      <c r="HB24" s="28">
        <v>0</v>
      </c>
      <c r="HC24" s="29">
        <v>0</v>
      </c>
      <c r="HD24" s="24">
        <v>0</v>
      </c>
      <c r="HE24" s="25">
        <v>0</v>
      </c>
      <c r="HF24" s="26">
        <v>0</v>
      </c>
      <c r="HG24" s="404">
        <v>0</v>
      </c>
      <c r="HH24" s="25">
        <v>0</v>
      </c>
      <c r="HI24" s="25">
        <v>0</v>
      </c>
      <c r="HJ24" s="25">
        <v>0</v>
      </c>
      <c r="HK24" s="25">
        <v>0</v>
      </c>
      <c r="HL24" s="25">
        <v>0</v>
      </c>
      <c r="HM24" s="28">
        <v>0</v>
      </c>
      <c r="HN24" s="29">
        <v>0</v>
      </c>
      <c r="HO24" s="24">
        <v>0</v>
      </c>
      <c r="HP24" s="25">
        <v>8009</v>
      </c>
      <c r="HQ24" s="26">
        <v>8009</v>
      </c>
      <c r="HR24" s="27">
        <v>0</v>
      </c>
      <c r="HS24" s="25">
        <v>206889</v>
      </c>
      <c r="HT24" s="25">
        <v>568851</v>
      </c>
      <c r="HU24" s="25">
        <v>3759839</v>
      </c>
      <c r="HV24" s="25">
        <v>3953286</v>
      </c>
      <c r="HW24" s="25">
        <v>2959738</v>
      </c>
      <c r="HX24" s="28">
        <v>11448603</v>
      </c>
      <c r="HY24" s="29">
        <v>11456612</v>
      </c>
    </row>
    <row r="25" spans="2:233" ht="21" customHeight="1" x14ac:dyDescent="0.2">
      <c r="B25" s="106" t="s">
        <v>22</v>
      </c>
      <c r="C25" s="24">
        <v>0</v>
      </c>
      <c r="D25" s="25">
        <v>0</v>
      </c>
      <c r="E25" s="26">
        <v>0</v>
      </c>
      <c r="F25" s="27">
        <v>0</v>
      </c>
      <c r="G25" s="25">
        <v>134045</v>
      </c>
      <c r="H25" s="25">
        <v>195410</v>
      </c>
      <c r="I25" s="25">
        <v>594441</v>
      </c>
      <c r="J25" s="25">
        <v>1249305</v>
      </c>
      <c r="K25" s="25">
        <v>405325</v>
      </c>
      <c r="L25" s="28">
        <v>2578526</v>
      </c>
      <c r="M25" s="29">
        <v>2578526</v>
      </c>
      <c r="N25" s="24">
        <v>0</v>
      </c>
      <c r="O25" s="25">
        <v>0</v>
      </c>
      <c r="P25" s="26">
        <v>0</v>
      </c>
      <c r="Q25" s="404">
        <v>0</v>
      </c>
      <c r="R25" s="25">
        <v>35495</v>
      </c>
      <c r="S25" s="25">
        <v>27280</v>
      </c>
      <c r="T25" s="25">
        <v>364521</v>
      </c>
      <c r="U25" s="25">
        <v>710270</v>
      </c>
      <c r="V25" s="25">
        <v>181970</v>
      </c>
      <c r="W25" s="28">
        <v>1319536</v>
      </c>
      <c r="X25" s="29">
        <v>1319536</v>
      </c>
      <c r="Y25" s="24">
        <v>0</v>
      </c>
      <c r="Z25" s="25">
        <v>0</v>
      </c>
      <c r="AA25" s="26">
        <v>0</v>
      </c>
      <c r="AB25" s="404">
        <v>0</v>
      </c>
      <c r="AC25" s="25">
        <v>98115</v>
      </c>
      <c r="AD25" s="25">
        <v>165725</v>
      </c>
      <c r="AE25" s="25">
        <v>95850</v>
      </c>
      <c r="AF25" s="25">
        <v>392720</v>
      </c>
      <c r="AG25" s="25">
        <v>128030</v>
      </c>
      <c r="AH25" s="28">
        <v>880440</v>
      </c>
      <c r="AI25" s="29">
        <v>880440</v>
      </c>
      <c r="AJ25" s="24">
        <v>0</v>
      </c>
      <c r="AK25" s="25">
        <v>0</v>
      </c>
      <c r="AL25" s="26">
        <v>0</v>
      </c>
      <c r="AM25" s="404">
        <v>0</v>
      </c>
      <c r="AN25" s="25">
        <v>0</v>
      </c>
      <c r="AO25" s="25">
        <v>0</v>
      </c>
      <c r="AP25" s="25">
        <v>0</v>
      </c>
      <c r="AQ25" s="25">
        <v>0</v>
      </c>
      <c r="AR25" s="25">
        <v>0</v>
      </c>
      <c r="AS25" s="28">
        <v>0</v>
      </c>
      <c r="AT25" s="29">
        <v>0</v>
      </c>
      <c r="AU25" s="24">
        <v>0</v>
      </c>
      <c r="AV25" s="25">
        <v>0</v>
      </c>
      <c r="AW25" s="26">
        <v>0</v>
      </c>
      <c r="AX25" s="404">
        <v>0</v>
      </c>
      <c r="AY25" s="25">
        <v>0</v>
      </c>
      <c r="AZ25" s="25">
        <v>0</v>
      </c>
      <c r="BA25" s="25">
        <v>0</v>
      </c>
      <c r="BB25" s="25">
        <v>27280</v>
      </c>
      <c r="BC25" s="25">
        <v>27280</v>
      </c>
      <c r="BD25" s="28">
        <v>54560</v>
      </c>
      <c r="BE25" s="29">
        <v>54560</v>
      </c>
      <c r="BF25" s="24">
        <v>0</v>
      </c>
      <c r="BG25" s="25">
        <v>0</v>
      </c>
      <c r="BH25" s="26">
        <v>0</v>
      </c>
      <c r="BI25" s="404">
        <v>0</v>
      </c>
      <c r="BJ25" s="25">
        <v>0</v>
      </c>
      <c r="BK25" s="25">
        <v>0</v>
      </c>
      <c r="BL25" s="25">
        <v>32550</v>
      </c>
      <c r="BM25" s="25">
        <v>62620</v>
      </c>
      <c r="BN25" s="25">
        <v>68045</v>
      </c>
      <c r="BO25" s="28">
        <v>163215</v>
      </c>
      <c r="BP25" s="29">
        <v>163215</v>
      </c>
      <c r="BQ25" s="24">
        <v>0</v>
      </c>
      <c r="BR25" s="25">
        <v>0</v>
      </c>
      <c r="BS25" s="26">
        <v>0</v>
      </c>
      <c r="BT25" s="27">
        <v>0</v>
      </c>
      <c r="BU25" s="25">
        <v>435</v>
      </c>
      <c r="BV25" s="25">
        <v>2405</v>
      </c>
      <c r="BW25" s="25">
        <v>101520</v>
      </c>
      <c r="BX25" s="25">
        <v>56415</v>
      </c>
      <c r="BY25" s="25">
        <v>0</v>
      </c>
      <c r="BZ25" s="28">
        <v>160775</v>
      </c>
      <c r="CA25" s="29">
        <v>160775</v>
      </c>
      <c r="CB25" s="24">
        <v>0</v>
      </c>
      <c r="CC25" s="25">
        <v>0</v>
      </c>
      <c r="CD25" s="26">
        <v>0</v>
      </c>
      <c r="CE25" s="27">
        <v>0</v>
      </c>
      <c r="CF25" s="25">
        <v>0</v>
      </c>
      <c r="CG25" s="25">
        <v>0</v>
      </c>
      <c r="CH25" s="25">
        <v>0</v>
      </c>
      <c r="CI25" s="25">
        <v>0</v>
      </c>
      <c r="CJ25" s="25">
        <v>0</v>
      </c>
      <c r="CK25" s="28">
        <v>0</v>
      </c>
      <c r="CL25" s="29">
        <v>0</v>
      </c>
      <c r="CM25" s="24">
        <v>0</v>
      </c>
      <c r="CN25" s="25">
        <v>0</v>
      </c>
      <c r="CO25" s="26">
        <v>0</v>
      </c>
      <c r="CP25" s="27">
        <v>0</v>
      </c>
      <c r="CQ25" s="25">
        <v>0</v>
      </c>
      <c r="CR25" s="25">
        <v>0</v>
      </c>
      <c r="CS25" s="25">
        <v>0</v>
      </c>
      <c r="CT25" s="25">
        <v>0</v>
      </c>
      <c r="CU25" s="25">
        <v>0</v>
      </c>
      <c r="CV25" s="28">
        <v>0</v>
      </c>
      <c r="CW25" s="29">
        <v>0</v>
      </c>
      <c r="CX25" s="24">
        <v>0</v>
      </c>
      <c r="CY25" s="25">
        <v>0</v>
      </c>
      <c r="CZ25" s="26">
        <v>0</v>
      </c>
      <c r="DA25" s="404">
        <v>0</v>
      </c>
      <c r="DB25" s="25">
        <v>0</v>
      </c>
      <c r="DC25" s="25">
        <v>0</v>
      </c>
      <c r="DD25" s="25">
        <v>0</v>
      </c>
      <c r="DE25" s="25">
        <v>0</v>
      </c>
      <c r="DF25" s="25">
        <v>0</v>
      </c>
      <c r="DG25" s="28">
        <v>0</v>
      </c>
      <c r="DH25" s="29">
        <v>0</v>
      </c>
      <c r="DI25" s="24">
        <v>0</v>
      </c>
      <c r="DJ25" s="25">
        <v>0</v>
      </c>
      <c r="DK25" s="26">
        <v>0</v>
      </c>
      <c r="DL25" s="27">
        <v>0</v>
      </c>
      <c r="DM25" s="25">
        <v>44184</v>
      </c>
      <c r="DN25" s="25">
        <v>40894</v>
      </c>
      <c r="DO25" s="25">
        <v>644456</v>
      </c>
      <c r="DP25" s="25">
        <v>1104117</v>
      </c>
      <c r="DQ25" s="25">
        <v>384746</v>
      </c>
      <c r="DR25" s="28">
        <v>2218397</v>
      </c>
      <c r="DS25" s="30">
        <v>2218397</v>
      </c>
      <c r="DT25" s="24">
        <v>0</v>
      </c>
      <c r="DU25" s="25">
        <v>0</v>
      </c>
      <c r="DV25" s="26">
        <v>0</v>
      </c>
      <c r="DW25" s="404">
        <v>0</v>
      </c>
      <c r="DX25" s="25">
        <v>28365</v>
      </c>
      <c r="DY25" s="25">
        <v>32457</v>
      </c>
      <c r="DZ25" s="25">
        <v>428017</v>
      </c>
      <c r="EA25" s="25">
        <v>869406</v>
      </c>
      <c r="EB25" s="25">
        <v>287888</v>
      </c>
      <c r="EC25" s="28">
        <v>1646133</v>
      </c>
      <c r="ED25" s="29">
        <v>1646133</v>
      </c>
      <c r="EE25" s="24">
        <v>0</v>
      </c>
      <c r="EF25" s="25">
        <v>0</v>
      </c>
      <c r="EG25" s="26">
        <v>0</v>
      </c>
      <c r="EH25" s="404">
        <v>0</v>
      </c>
      <c r="EI25" s="25">
        <v>14415</v>
      </c>
      <c r="EJ25" s="25">
        <v>1953</v>
      </c>
      <c r="EK25" s="25">
        <v>1792</v>
      </c>
      <c r="EL25" s="25">
        <v>56939</v>
      </c>
      <c r="EM25" s="25">
        <v>1302</v>
      </c>
      <c r="EN25" s="28">
        <v>76401</v>
      </c>
      <c r="EO25" s="29">
        <v>76401</v>
      </c>
      <c r="EP25" s="24">
        <v>0</v>
      </c>
      <c r="EQ25" s="25">
        <v>0</v>
      </c>
      <c r="ER25" s="26">
        <v>0</v>
      </c>
      <c r="ES25" s="404">
        <v>0</v>
      </c>
      <c r="ET25" s="25">
        <v>0</v>
      </c>
      <c r="EU25" s="25">
        <v>0</v>
      </c>
      <c r="EV25" s="25">
        <v>0</v>
      </c>
      <c r="EW25" s="25">
        <v>0</v>
      </c>
      <c r="EX25" s="25">
        <v>0</v>
      </c>
      <c r="EY25" s="28">
        <v>0</v>
      </c>
      <c r="EZ25" s="29">
        <v>0</v>
      </c>
      <c r="FA25" s="24">
        <v>0</v>
      </c>
      <c r="FB25" s="25">
        <v>0</v>
      </c>
      <c r="FC25" s="26">
        <v>0</v>
      </c>
      <c r="FD25" s="404">
        <v>0</v>
      </c>
      <c r="FE25" s="25">
        <v>0</v>
      </c>
      <c r="FF25" s="25">
        <v>0</v>
      </c>
      <c r="FG25" s="25">
        <v>0</v>
      </c>
      <c r="FH25" s="25">
        <v>11315</v>
      </c>
      <c r="FI25" s="25">
        <v>434</v>
      </c>
      <c r="FJ25" s="28">
        <v>11749</v>
      </c>
      <c r="FK25" s="29">
        <v>11749</v>
      </c>
      <c r="FL25" s="24">
        <v>0</v>
      </c>
      <c r="FM25" s="25">
        <v>0</v>
      </c>
      <c r="FN25" s="26">
        <v>0</v>
      </c>
      <c r="FO25" s="404">
        <v>0</v>
      </c>
      <c r="FP25" s="25">
        <v>0</v>
      </c>
      <c r="FQ25" s="25">
        <v>0</v>
      </c>
      <c r="FR25" s="25">
        <v>86304</v>
      </c>
      <c r="FS25" s="25">
        <v>101494</v>
      </c>
      <c r="FT25" s="25">
        <v>95108</v>
      </c>
      <c r="FU25" s="28">
        <v>282906</v>
      </c>
      <c r="FV25" s="29">
        <v>282906</v>
      </c>
      <c r="FW25" s="24">
        <v>0</v>
      </c>
      <c r="FX25" s="25">
        <v>0</v>
      </c>
      <c r="FY25" s="26">
        <v>0</v>
      </c>
      <c r="FZ25" s="27">
        <v>0</v>
      </c>
      <c r="GA25" s="25">
        <v>1404</v>
      </c>
      <c r="GB25" s="25">
        <v>6484</v>
      </c>
      <c r="GC25" s="25">
        <v>128343</v>
      </c>
      <c r="GD25" s="25">
        <v>64963</v>
      </c>
      <c r="GE25" s="25">
        <v>0</v>
      </c>
      <c r="GF25" s="28">
        <v>201194</v>
      </c>
      <c r="GG25" s="29">
        <v>201194</v>
      </c>
      <c r="GH25" s="24">
        <v>0</v>
      </c>
      <c r="GI25" s="25">
        <v>0</v>
      </c>
      <c r="GJ25" s="26">
        <v>0</v>
      </c>
      <c r="GK25" s="27">
        <v>0</v>
      </c>
      <c r="GL25" s="25">
        <v>0</v>
      </c>
      <c r="GM25" s="25">
        <v>0</v>
      </c>
      <c r="GN25" s="25">
        <v>0</v>
      </c>
      <c r="GO25" s="25">
        <v>0</v>
      </c>
      <c r="GP25" s="25">
        <v>14</v>
      </c>
      <c r="GQ25" s="28">
        <v>14</v>
      </c>
      <c r="GR25" s="29">
        <v>14</v>
      </c>
      <c r="GS25" s="24">
        <v>0</v>
      </c>
      <c r="GT25" s="25">
        <v>0</v>
      </c>
      <c r="GU25" s="26">
        <v>0</v>
      </c>
      <c r="GV25" s="27">
        <v>0</v>
      </c>
      <c r="GW25" s="25">
        <v>0</v>
      </c>
      <c r="GX25" s="25">
        <v>0</v>
      </c>
      <c r="GY25" s="25">
        <v>0</v>
      </c>
      <c r="GZ25" s="25">
        <v>0</v>
      </c>
      <c r="HA25" s="25">
        <v>0</v>
      </c>
      <c r="HB25" s="28">
        <v>0</v>
      </c>
      <c r="HC25" s="29">
        <v>0</v>
      </c>
      <c r="HD25" s="24">
        <v>0</v>
      </c>
      <c r="HE25" s="25">
        <v>0</v>
      </c>
      <c r="HF25" s="26">
        <v>0</v>
      </c>
      <c r="HG25" s="404">
        <v>0</v>
      </c>
      <c r="HH25" s="25">
        <v>0</v>
      </c>
      <c r="HI25" s="25">
        <v>0</v>
      </c>
      <c r="HJ25" s="25">
        <v>0</v>
      </c>
      <c r="HK25" s="25">
        <v>0</v>
      </c>
      <c r="HL25" s="25">
        <v>0</v>
      </c>
      <c r="HM25" s="28">
        <v>0</v>
      </c>
      <c r="HN25" s="29">
        <v>0</v>
      </c>
      <c r="HO25" s="24">
        <v>0</v>
      </c>
      <c r="HP25" s="25">
        <v>0</v>
      </c>
      <c r="HQ25" s="26">
        <v>0</v>
      </c>
      <c r="HR25" s="27">
        <v>0</v>
      </c>
      <c r="HS25" s="25">
        <v>178229</v>
      </c>
      <c r="HT25" s="25">
        <v>236304</v>
      </c>
      <c r="HU25" s="25">
        <v>1238897</v>
      </c>
      <c r="HV25" s="25">
        <v>2353422</v>
      </c>
      <c r="HW25" s="25">
        <v>790071</v>
      </c>
      <c r="HX25" s="28">
        <v>4796923</v>
      </c>
      <c r="HY25" s="29">
        <v>4796923</v>
      </c>
    </row>
    <row r="26" spans="2:233" ht="21" customHeight="1" x14ac:dyDescent="0.2">
      <c r="B26" s="106" t="s">
        <v>23</v>
      </c>
      <c r="C26" s="24">
        <v>0</v>
      </c>
      <c r="D26" s="25">
        <v>0</v>
      </c>
      <c r="E26" s="26">
        <v>0</v>
      </c>
      <c r="F26" s="27">
        <v>0</v>
      </c>
      <c r="G26" s="25">
        <v>265512</v>
      </c>
      <c r="H26" s="25">
        <v>177100</v>
      </c>
      <c r="I26" s="25">
        <v>1057701</v>
      </c>
      <c r="J26" s="25">
        <v>1292907</v>
      </c>
      <c r="K26" s="25">
        <v>883300</v>
      </c>
      <c r="L26" s="28">
        <v>3676520</v>
      </c>
      <c r="M26" s="29">
        <v>3676520</v>
      </c>
      <c r="N26" s="24">
        <v>0</v>
      </c>
      <c r="O26" s="25">
        <v>0</v>
      </c>
      <c r="P26" s="26">
        <v>0</v>
      </c>
      <c r="Q26" s="404">
        <v>0</v>
      </c>
      <c r="R26" s="25">
        <v>70835</v>
      </c>
      <c r="S26" s="25">
        <v>136105</v>
      </c>
      <c r="T26" s="25">
        <v>739860</v>
      </c>
      <c r="U26" s="25">
        <v>957130</v>
      </c>
      <c r="V26" s="25">
        <v>562980</v>
      </c>
      <c r="W26" s="28">
        <v>2466910</v>
      </c>
      <c r="X26" s="29">
        <v>2466910</v>
      </c>
      <c r="Y26" s="24">
        <v>0</v>
      </c>
      <c r="Z26" s="25">
        <v>0</v>
      </c>
      <c r="AA26" s="26">
        <v>0</v>
      </c>
      <c r="AB26" s="404">
        <v>0</v>
      </c>
      <c r="AC26" s="25">
        <v>156175</v>
      </c>
      <c r="AD26" s="25">
        <v>39010</v>
      </c>
      <c r="AE26" s="25">
        <v>220261</v>
      </c>
      <c r="AF26" s="25">
        <v>213275</v>
      </c>
      <c r="AG26" s="25">
        <v>201190</v>
      </c>
      <c r="AH26" s="28">
        <v>829911</v>
      </c>
      <c r="AI26" s="29">
        <v>829911</v>
      </c>
      <c r="AJ26" s="24">
        <v>0</v>
      </c>
      <c r="AK26" s="25">
        <v>0</v>
      </c>
      <c r="AL26" s="26">
        <v>0</v>
      </c>
      <c r="AM26" s="404">
        <v>0</v>
      </c>
      <c r="AN26" s="25">
        <v>0</v>
      </c>
      <c r="AO26" s="25">
        <v>0</v>
      </c>
      <c r="AP26" s="25">
        <v>0</v>
      </c>
      <c r="AQ26" s="25">
        <v>0</v>
      </c>
      <c r="AR26" s="25">
        <v>0</v>
      </c>
      <c r="AS26" s="28">
        <v>0</v>
      </c>
      <c r="AT26" s="29">
        <v>0</v>
      </c>
      <c r="AU26" s="24">
        <v>0</v>
      </c>
      <c r="AV26" s="25">
        <v>0</v>
      </c>
      <c r="AW26" s="26">
        <v>0</v>
      </c>
      <c r="AX26" s="404">
        <v>0</v>
      </c>
      <c r="AY26" s="25">
        <v>0</v>
      </c>
      <c r="AZ26" s="25">
        <v>0</v>
      </c>
      <c r="BA26" s="25">
        <v>0</v>
      </c>
      <c r="BB26" s="25">
        <v>49290</v>
      </c>
      <c r="BC26" s="25">
        <v>87420</v>
      </c>
      <c r="BD26" s="28">
        <v>136710</v>
      </c>
      <c r="BE26" s="29">
        <v>136710</v>
      </c>
      <c r="BF26" s="24">
        <v>0</v>
      </c>
      <c r="BG26" s="25">
        <v>0</v>
      </c>
      <c r="BH26" s="26">
        <v>0</v>
      </c>
      <c r="BI26" s="404">
        <v>0</v>
      </c>
      <c r="BJ26" s="25">
        <v>0</v>
      </c>
      <c r="BK26" s="25">
        <v>0</v>
      </c>
      <c r="BL26" s="25">
        <v>0</v>
      </c>
      <c r="BM26" s="25">
        <v>0</v>
      </c>
      <c r="BN26" s="25">
        <v>0</v>
      </c>
      <c r="BO26" s="28">
        <v>0</v>
      </c>
      <c r="BP26" s="29">
        <v>0</v>
      </c>
      <c r="BQ26" s="24">
        <v>0</v>
      </c>
      <c r="BR26" s="25">
        <v>0</v>
      </c>
      <c r="BS26" s="26">
        <v>0</v>
      </c>
      <c r="BT26" s="27">
        <v>0</v>
      </c>
      <c r="BU26" s="25">
        <v>38502</v>
      </c>
      <c r="BV26" s="25">
        <v>1985</v>
      </c>
      <c r="BW26" s="25">
        <v>97580</v>
      </c>
      <c r="BX26" s="25">
        <v>73212</v>
      </c>
      <c r="BY26" s="25">
        <v>31710</v>
      </c>
      <c r="BZ26" s="28">
        <v>242989</v>
      </c>
      <c r="CA26" s="29">
        <v>242989</v>
      </c>
      <c r="CB26" s="24">
        <v>0</v>
      </c>
      <c r="CC26" s="25">
        <v>0</v>
      </c>
      <c r="CD26" s="26">
        <v>0</v>
      </c>
      <c r="CE26" s="27">
        <v>0</v>
      </c>
      <c r="CF26" s="25">
        <v>0</v>
      </c>
      <c r="CG26" s="25">
        <v>0</v>
      </c>
      <c r="CH26" s="25">
        <v>0</v>
      </c>
      <c r="CI26" s="25">
        <v>0</v>
      </c>
      <c r="CJ26" s="25">
        <v>0</v>
      </c>
      <c r="CK26" s="28">
        <v>0</v>
      </c>
      <c r="CL26" s="29">
        <v>0</v>
      </c>
      <c r="CM26" s="24">
        <v>0</v>
      </c>
      <c r="CN26" s="25">
        <v>0</v>
      </c>
      <c r="CO26" s="26">
        <v>0</v>
      </c>
      <c r="CP26" s="27">
        <v>0</v>
      </c>
      <c r="CQ26" s="25">
        <v>0</v>
      </c>
      <c r="CR26" s="25">
        <v>0</v>
      </c>
      <c r="CS26" s="25">
        <v>0</v>
      </c>
      <c r="CT26" s="25">
        <v>0</v>
      </c>
      <c r="CU26" s="25">
        <v>0</v>
      </c>
      <c r="CV26" s="28">
        <v>0</v>
      </c>
      <c r="CW26" s="29">
        <v>0</v>
      </c>
      <c r="CX26" s="24">
        <v>0</v>
      </c>
      <c r="CY26" s="25">
        <v>0</v>
      </c>
      <c r="CZ26" s="26">
        <v>0</v>
      </c>
      <c r="DA26" s="404">
        <v>0</v>
      </c>
      <c r="DB26" s="25">
        <v>0</v>
      </c>
      <c r="DC26" s="25">
        <v>0</v>
      </c>
      <c r="DD26" s="25">
        <v>0</v>
      </c>
      <c r="DE26" s="25">
        <v>0</v>
      </c>
      <c r="DF26" s="25">
        <v>0</v>
      </c>
      <c r="DG26" s="28">
        <v>0</v>
      </c>
      <c r="DH26" s="29">
        <v>0</v>
      </c>
      <c r="DI26" s="24">
        <v>0</v>
      </c>
      <c r="DJ26" s="25">
        <v>0</v>
      </c>
      <c r="DK26" s="26">
        <v>0</v>
      </c>
      <c r="DL26" s="27">
        <v>0</v>
      </c>
      <c r="DM26" s="25">
        <v>153202</v>
      </c>
      <c r="DN26" s="25">
        <v>139789</v>
      </c>
      <c r="DO26" s="25">
        <v>1200247</v>
      </c>
      <c r="DP26" s="25">
        <v>1393860</v>
      </c>
      <c r="DQ26" s="25">
        <v>729914</v>
      </c>
      <c r="DR26" s="28">
        <v>3617012</v>
      </c>
      <c r="DS26" s="30">
        <v>3617012</v>
      </c>
      <c r="DT26" s="24">
        <v>0</v>
      </c>
      <c r="DU26" s="25">
        <v>0</v>
      </c>
      <c r="DV26" s="26">
        <v>0</v>
      </c>
      <c r="DW26" s="404">
        <v>0</v>
      </c>
      <c r="DX26" s="25">
        <v>73656</v>
      </c>
      <c r="DY26" s="25">
        <v>119318</v>
      </c>
      <c r="DZ26" s="25">
        <v>1014394</v>
      </c>
      <c r="EA26" s="25">
        <v>1251462</v>
      </c>
      <c r="EB26" s="25">
        <v>617377</v>
      </c>
      <c r="EC26" s="28">
        <v>3076207</v>
      </c>
      <c r="ED26" s="29">
        <v>3076207</v>
      </c>
      <c r="EE26" s="24">
        <v>0</v>
      </c>
      <c r="EF26" s="25">
        <v>0</v>
      </c>
      <c r="EG26" s="26">
        <v>0</v>
      </c>
      <c r="EH26" s="404">
        <v>0</v>
      </c>
      <c r="EI26" s="25">
        <v>46428</v>
      </c>
      <c r="EJ26" s="25">
        <v>1428</v>
      </c>
      <c r="EK26" s="25">
        <v>25498</v>
      </c>
      <c r="EL26" s="25">
        <v>4697</v>
      </c>
      <c r="EM26" s="25">
        <v>39587</v>
      </c>
      <c r="EN26" s="28">
        <v>117638</v>
      </c>
      <c r="EO26" s="29">
        <v>117638</v>
      </c>
      <c r="EP26" s="24">
        <v>0</v>
      </c>
      <c r="EQ26" s="25">
        <v>0</v>
      </c>
      <c r="ER26" s="26">
        <v>0</v>
      </c>
      <c r="ES26" s="404">
        <v>0</v>
      </c>
      <c r="ET26" s="25">
        <v>0</v>
      </c>
      <c r="EU26" s="25">
        <v>0</v>
      </c>
      <c r="EV26" s="25">
        <v>0</v>
      </c>
      <c r="EW26" s="25">
        <v>0</v>
      </c>
      <c r="EX26" s="25">
        <v>0</v>
      </c>
      <c r="EY26" s="28">
        <v>0</v>
      </c>
      <c r="EZ26" s="29">
        <v>0</v>
      </c>
      <c r="FA26" s="24">
        <v>0</v>
      </c>
      <c r="FB26" s="25">
        <v>0</v>
      </c>
      <c r="FC26" s="26">
        <v>0</v>
      </c>
      <c r="FD26" s="404">
        <v>0</v>
      </c>
      <c r="FE26" s="25">
        <v>0</v>
      </c>
      <c r="FF26" s="25">
        <v>0</v>
      </c>
      <c r="FG26" s="25">
        <v>0</v>
      </c>
      <c r="FH26" s="25">
        <v>217</v>
      </c>
      <c r="FI26" s="25">
        <v>13981</v>
      </c>
      <c r="FJ26" s="28">
        <v>14198</v>
      </c>
      <c r="FK26" s="29">
        <v>14198</v>
      </c>
      <c r="FL26" s="24">
        <v>0</v>
      </c>
      <c r="FM26" s="25">
        <v>0</v>
      </c>
      <c r="FN26" s="26">
        <v>0</v>
      </c>
      <c r="FO26" s="404">
        <v>0</v>
      </c>
      <c r="FP26" s="25">
        <v>0</v>
      </c>
      <c r="FQ26" s="25">
        <v>0</v>
      </c>
      <c r="FR26" s="25">
        <v>0</v>
      </c>
      <c r="FS26" s="25">
        <v>0</v>
      </c>
      <c r="FT26" s="25">
        <v>0</v>
      </c>
      <c r="FU26" s="28">
        <v>0</v>
      </c>
      <c r="FV26" s="29">
        <v>0</v>
      </c>
      <c r="FW26" s="24">
        <v>0</v>
      </c>
      <c r="FX26" s="25">
        <v>0</v>
      </c>
      <c r="FY26" s="26">
        <v>0</v>
      </c>
      <c r="FZ26" s="27">
        <v>0</v>
      </c>
      <c r="GA26" s="25">
        <v>33118</v>
      </c>
      <c r="GB26" s="25">
        <v>19043</v>
      </c>
      <c r="GC26" s="25">
        <v>160355</v>
      </c>
      <c r="GD26" s="25">
        <v>137484</v>
      </c>
      <c r="GE26" s="25">
        <v>58969</v>
      </c>
      <c r="GF26" s="28">
        <v>408969</v>
      </c>
      <c r="GG26" s="29">
        <v>408969</v>
      </c>
      <c r="GH26" s="24">
        <v>0</v>
      </c>
      <c r="GI26" s="25">
        <v>0</v>
      </c>
      <c r="GJ26" s="26">
        <v>0</v>
      </c>
      <c r="GK26" s="27">
        <v>0</v>
      </c>
      <c r="GL26" s="25">
        <v>0</v>
      </c>
      <c r="GM26" s="25">
        <v>0</v>
      </c>
      <c r="GN26" s="25">
        <v>0</v>
      </c>
      <c r="GO26" s="25">
        <v>0</v>
      </c>
      <c r="GP26" s="25">
        <v>0</v>
      </c>
      <c r="GQ26" s="28">
        <v>0</v>
      </c>
      <c r="GR26" s="29">
        <v>0</v>
      </c>
      <c r="GS26" s="24">
        <v>0</v>
      </c>
      <c r="GT26" s="25">
        <v>0</v>
      </c>
      <c r="GU26" s="26">
        <v>0</v>
      </c>
      <c r="GV26" s="27">
        <v>0</v>
      </c>
      <c r="GW26" s="25">
        <v>0</v>
      </c>
      <c r="GX26" s="25">
        <v>0</v>
      </c>
      <c r="GY26" s="25">
        <v>0</v>
      </c>
      <c r="GZ26" s="25">
        <v>0</v>
      </c>
      <c r="HA26" s="25">
        <v>0</v>
      </c>
      <c r="HB26" s="28">
        <v>0</v>
      </c>
      <c r="HC26" s="29">
        <v>0</v>
      </c>
      <c r="HD26" s="24">
        <v>0</v>
      </c>
      <c r="HE26" s="25">
        <v>0</v>
      </c>
      <c r="HF26" s="26">
        <v>0</v>
      </c>
      <c r="HG26" s="404">
        <v>0</v>
      </c>
      <c r="HH26" s="25">
        <v>0</v>
      </c>
      <c r="HI26" s="25">
        <v>0</v>
      </c>
      <c r="HJ26" s="25">
        <v>0</v>
      </c>
      <c r="HK26" s="25">
        <v>0</v>
      </c>
      <c r="HL26" s="25">
        <v>0</v>
      </c>
      <c r="HM26" s="28">
        <v>0</v>
      </c>
      <c r="HN26" s="29">
        <v>0</v>
      </c>
      <c r="HO26" s="24">
        <v>0</v>
      </c>
      <c r="HP26" s="25">
        <v>0</v>
      </c>
      <c r="HQ26" s="26">
        <v>0</v>
      </c>
      <c r="HR26" s="27">
        <v>0</v>
      </c>
      <c r="HS26" s="25">
        <v>418714</v>
      </c>
      <c r="HT26" s="25">
        <v>316889</v>
      </c>
      <c r="HU26" s="25">
        <v>2257948</v>
      </c>
      <c r="HV26" s="25">
        <v>2686767</v>
      </c>
      <c r="HW26" s="25">
        <v>1613214</v>
      </c>
      <c r="HX26" s="28">
        <v>7293532</v>
      </c>
      <c r="HY26" s="29">
        <v>7293532</v>
      </c>
    </row>
    <row r="27" spans="2:233" ht="21" customHeight="1" x14ac:dyDescent="0.2">
      <c r="B27" s="106" t="s">
        <v>24</v>
      </c>
      <c r="C27" s="24">
        <v>0</v>
      </c>
      <c r="D27" s="25">
        <v>0</v>
      </c>
      <c r="E27" s="26">
        <v>0</v>
      </c>
      <c r="F27" s="27">
        <v>0</v>
      </c>
      <c r="G27" s="25">
        <v>47825</v>
      </c>
      <c r="H27" s="25">
        <v>51655</v>
      </c>
      <c r="I27" s="25">
        <v>209675</v>
      </c>
      <c r="J27" s="25">
        <v>782390</v>
      </c>
      <c r="K27" s="25">
        <v>355416</v>
      </c>
      <c r="L27" s="28">
        <v>1446961</v>
      </c>
      <c r="M27" s="29">
        <v>1446961</v>
      </c>
      <c r="N27" s="24">
        <v>0</v>
      </c>
      <c r="O27" s="25">
        <v>0</v>
      </c>
      <c r="P27" s="26">
        <v>0</v>
      </c>
      <c r="Q27" s="404">
        <v>0</v>
      </c>
      <c r="R27" s="25">
        <v>0</v>
      </c>
      <c r="S27" s="25">
        <v>2635</v>
      </c>
      <c r="T27" s="25">
        <v>130935</v>
      </c>
      <c r="U27" s="25">
        <v>652340</v>
      </c>
      <c r="V27" s="25">
        <v>217310</v>
      </c>
      <c r="W27" s="28">
        <v>1003220</v>
      </c>
      <c r="X27" s="29">
        <v>1003220</v>
      </c>
      <c r="Y27" s="24">
        <v>0</v>
      </c>
      <c r="Z27" s="25">
        <v>0</v>
      </c>
      <c r="AA27" s="26">
        <v>0</v>
      </c>
      <c r="AB27" s="404">
        <v>0</v>
      </c>
      <c r="AC27" s="25">
        <v>36105</v>
      </c>
      <c r="AD27" s="25">
        <v>48585</v>
      </c>
      <c r="AE27" s="25">
        <v>32550</v>
      </c>
      <c r="AF27" s="25">
        <v>113725</v>
      </c>
      <c r="AG27" s="25">
        <v>93746</v>
      </c>
      <c r="AH27" s="28">
        <v>324711</v>
      </c>
      <c r="AI27" s="29">
        <v>324711</v>
      </c>
      <c r="AJ27" s="24">
        <v>0</v>
      </c>
      <c r="AK27" s="25">
        <v>0</v>
      </c>
      <c r="AL27" s="26">
        <v>0</v>
      </c>
      <c r="AM27" s="404">
        <v>0</v>
      </c>
      <c r="AN27" s="25">
        <v>0</v>
      </c>
      <c r="AO27" s="25">
        <v>0</v>
      </c>
      <c r="AP27" s="25">
        <v>0</v>
      </c>
      <c r="AQ27" s="25">
        <v>0</v>
      </c>
      <c r="AR27" s="25">
        <v>0</v>
      </c>
      <c r="AS27" s="28">
        <v>0</v>
      </c>
      <c r="AT27" s="29">
        <v>0</v>
      </c>
      <c r="AU27" s="24">
        <v>0</v>
      </c>
      <c r="AV27" s="25">
        <v>0</v>
      </c>
      <c r="AW27" s="26">
        <v>0</v>
      </c>
      <c r="AX27" s="404">
        <v>0</v>
      </c>
      <c r="AY27" s="25">
        <v>0</v>
      </c>
      <c r="AZ27" s="25">
        <v>0</v>
      </c>
      <c r="BA27" s="25">
        <v>0</v>
      </c>
      <c r="BB27" s="25">
        <v>0</v>
      </c>
      <c r="BC27" s="25">
        <v>32705</v>
      </c>
      <c r="BD27" s="28">
        <v>32705</v>
      </c>
      <c r="BE27" s="29">
        <v>32705</v>
      </c>
      <c r="BF27" s="24">
        <v>0</v>
      </c>
      <c r="BG27" s="25">
        <v>0</v>
      </c>
      <c r="BH27" s="26">
        <v>0</v>
      </c>
      <c r="BI27" s="404">
        <v>0</v>
      </c>
      <c r="BJ27" s="25">
        <v>0</v>
      </c>
      <c r="BK27" s="25">
        <v>0</v>
      </c>
      <c r="BL27" s="25">
        <v>0</v>
      </c>
      <c r="BM27" s="25">
        <v>0</v>
      </c>
      <c r="BN27" s="25">
        <v>0</v>
      </c>
      <c r="BO27" s="28">
        <v>0</v>
      </c>
      <c r="BP27" s="29">
        <v>0</v>
      </c>
      <c r="BQ27" s="24">
        <v>0</v>
      </c>
      <c r="BR27" s="25">
        <v>0</v>
      </c>
      <c r="BS27" s="26">
        <v>0</v>
      </c>
      <c r="BT27" s="27">
        <v>0</v>
      </c>
      <c r="BU27" s="25">
        <v>10215</v>
      </c>
      <c r="BV27" s="25">
        <v>435</v>
      </c>
      <c r="BW27" s="25">
        <v>46190</v>
      </c>
      <c r="BX27" s="25">
        <v>16325</v>
      </c>
      <c r="BY27" s="25">
        <v>11655</v>
      </c>
      <c r="BZ27" s="28">
        <v>84820</v>
      </c>
      <c r="CA27" s="29">
        <v>84820</v>
      </c>
      <c r="CB27" s="24">
        <v>0</v>
      </c>
      <c r="CC27" s="25">
        <v>0</v>
      </c>
      <c r="CD27" s="26">
        <v>0</v>
      </c>
      <c r="CE27" s="27">
        <v>0</v>
      </c>
      <c r="CF27" s="25">
        <v>1505</v>
      </c>
      <c r="CG27" s="25">
        <v>0</v>
      </c>
      <c r="CH27" s="25">
        <v>0</v>
      </c>
      <c r="CI27" s="25">
        <v>0</v>
      </c>
      <c r="CJ27" s="25">
        <v>0</v>
      </c>
      <c r="CK27" s="28">
        <v>1505</v>
      </c>
      <c r="CL27" s="29">
        <v>1505</v>
      </c>
      <c r="CM27" s="24">
        <v>0</v>
      </c>
      <c r="CN27" s="25">
        <v>0</v>
      </c>
      <c r="CO27" s="26">
        <v>0</v>
      </c>
      <c r="CP27" s="27">
        <v>0</v>
      </c>
      <c r="CQ27" s="25">
        <v>0</v>
      </c>
      <c r="CR27" s="25">
        <v>0</v>
      </c>
      <c r="CS27" s="25">
        <v>0</v>
      </c>
      <c r="CT27" s="25">
        <v>0</v>
      </c>
      <c r="CU27" s="25">
        <v>0</v>
      </c>
      <c r="CV27" s="28">
        <v>0</v>
      </c>
      <c r="CW27" s="29">
        <v>0</v>
      </c>
      <c r="CX27" s="24">
        <v>0</v>
      </c>
      <c r="CY27" s="25">
        <v>0</v>
      </c>
      <c r="CZ27" s="26">
        <v>0</v>
      </c>
      <c r="DA27" s="404">
        <v>0</v>
      </c>
      <c r="DB27" s="25">
        <v>0</v>
      </c>
      <c r="DC27" s="25">
        <v>0</v>
      </c>
      <c r="DD27" s="25">
        <v>0</v>
      </c>
      <c r="DE27" s="25">
        <v>0</v>
      </c>
      <c r="DF27" s="25">
        <v>0</v>
      </c>
      <c r="DG27" s="28">
        <v>0</v>
      </c>
      <c r="DH27" s="29">
        <v>0</v>
      </c>
      <c r="DI27" s="24">
        <v>0</v>
      </c>
      <c r="DJ27" s="25">
        <v>0</v>
      </c>
      <c r="DK27" s="26">
        <v>0</v>
      </c>
      <c r="DL27" s="27">
        <v>0</v>
      </c>
      <c r="DM27" s="25">
        <v>18367</v>
      </c>
      <c r="DN27" s="25">
        <v>58665</v>
      </c>
      <c r="DO27" s="25">
        <v>341273</v>
      </c>
      <c r="DP27" s="25">
        <v>825744</v>
      </c>
      <c r="DQ27" s="25">
        <v>394182</v>
      </c>
      <c r="DR27" s="28">
        <v>1638231</v>
      </c>
      <c r="DS27" s="30">
        <v>1638231</v>
      </c>
      <c r="DT27" s="24">
        <v>0</v>
      </c>
      <c r="DU27" s="25">
        <v>0</v>
      </c>
      <c r="DV27" s="26">
        <v>0</v>
      </c>
      <c r="DW27" s="404">
        <v>0</v>
      </c>
      <c r="DX27" s="25">
        <v>0</v>
      </c>
      <c r="DY27" s="25">
        <v>21576</v>
      </c>
      <c r="DZ27" s="25">
        <v>211294</v>
      </c>
      <c r="EA27" s="25">
        <v>806585</v>
      </c>
      <c r="EB27" s="25">
        <v>337808</v>
      </c>
      <c r="EC27" s="28">
        <v>1377263</v>
      </c>
      <c r="ED27" s="29">
        <v>1377263</v>
      </c>
      <c r="EE27" s="24">
        <v>0</v>
      </c>
      <c r="EF27" s="25">
        <v>0</v>
      </c>
      <c r="EG27" s="26">
        <v>0</v>
      </c>
      <c r="EH27" s="404">
        <v>0</v>
      </c>
      <c r="EI27" s="25">
        <v>497</v>
      </c>
      <c r="EJ27" s="25">
        <v>36036</v>
      </c>
      <c r="EK27" s="25">
        <v>64945</v>
      </c>
      <c r="EL27" s="25">
        <v>1512</v>
      </c>
      <c r="EM27" s="25">
        <v>38500</v>
      </c>
      <c r="EN27" s="28">
        <v>141490</v>
      </c>
      <c r="EO27" s="29">
        <v>141490</v>
      </c>
      <c r="EP27" s="24">
        <v>0</v>
      </c>
      <c r="EQ27" s="25">
        <v>0</v>
      </c>
      <c r="ER27" s="26">
        <v>0</v>
      </c>
      <c r="ES27" s="404">
        <v>0</v>
      </c>
      <c r="ET27" s="25">
        <v>0</v>
      </c>
      <c r="EU27" s="25">
        <v>0</v>
      </c>
      <c r="EV27" s="25">
        <v>0</v>
      </c>
      <c r="EW27" s="25">
        <v>0</v>
      </c>
      <c r="EX27" s="25">
        <v>0</v>
      </c>
      <c r="EY27" s="28">
        <v>0</v>
      </c>
      <c r="EZ27" s="29">
        <v>0</v>
      </c>
      <c r="FA27" s="24">
        <v>0</v>
      </c>
      <c r="FB27" s="25">
        <v>0</v>
      </c>
      <c r="FC27" s="26">
        <v>0</v>
      </c>
      <c r="FD27" s="404">
        <v>0</v>
      </c>
      <c r="FE27" s="25">
        <v>0</v>
      </c>
      <c r="FF27" s="25">
        <v>0</v>
      </c>
      <c r="FG27" s="25">
        <v>0</v>
      </c>
      <c r="FH27" s="25">
        <v>0</v>
      </c>
      <c r="FI27" s="25">
        <v>217</v>
      </c>
      <c r="FJ27" s="28">
        <v>217</v>
      </c>
      <c r="FK27" s="29">
        <v>217</v>
      </c>
      <c r="FL27" s="24">
        <v>0</v>
      </c>
      <c r="FM27" s="25">
        <v>0</v>
      </c>
      <c r="FN27" s="26">
        <v>0</v>
      </c>
      <c r="FO27" s="404">
        <v>0</v>
      </c>
      <c r="FP27" s="25">
        <v>0</v>
      </c>
      <c r="FQ27" s="25">
        <v>0</v>
      </c>
      <c r="FR27" s="25">
        <v>0</v>
      </c>
      <c r="FS27" s="25">
        <v>0</v>
      </c>
      <c r="FT27" s="25">
        <v>0</v>
      </c>
      <c r="FU27" s="28">
        <v>0</v>
      </c>
      <c r="FV27" s="29">
        <v>0</v>
      </c>
      <c r="FW27" s="24">
        <v>0</v>
      </c>
      <c r="FX27" s="25">
        <v>0</v>
      </c>
      <c r="FY27" s="26">
        <v>0</v>
      </c>
      <c r="FZ27" s="27">
        <v>0</v>
      </c>
      <c r="GA27" s="25">
        <v>17786</v>
      </c>
      <c r="GB27" s="25">
        <v>1053</v>
      </c>
      <c r="GC27" s="25">
        <v>65034</v>
      </c>
      <c r="GD27" s="25">
        <v>17647</v>
      </c>
      <c r="GE27" s="25">
        <v>17657</v>
      </c>
      <c r="GF27" s="28">
        <v>119177</v>
      </c>
      <c r="GG27" s="29">
        <v>119177</v>
      </c>
      <c r="GH27" s="24">
        <v>0</v>
      </c>
      <c r="GI27" s="25">
        <v>0</v>
      </c>
      <c r="GJ27" s="26">
        <v>0</v>
      </c>
      <c r="GK27" s="27">
        <v>0</v>
      </c>
      <c r="GL27" s="25">
        <v>84</v>
      </c>
      <c r="GM27" s="25">
        <v>0</v>
      </c>
      <c r="GN27" s="25">
        <v>0</v>
      </c>
      <c r="GO27" s="25">
        <v>0</v>
      </c>
      <c r="GP27" s="25">
        <v>0</v>
      </c>
      <c r="GQ27" s="28">
        <v>84</v>
      </c>
      <c r="GR27" s="29">
        <v>84</v>
      </c>
      <c r="GS27" s="24">
        <v>0</v>
      </c>
      <c r="GT27" s="25">
        <v>0</v>
      </c>
      <c r="GU27" s="26">
        <v>0</v>
      </c>
      <c r="GV27" s="27">
        <v>0</v>
      </c>
      <c r="GW27" s="25">
        <v>0</v>
      </c>
      <c r="GX27" s="25">
        <v>0</v>
      </c>
      <c r="GY27" s="25">
        <v>0</v>
      </c>
      <c r="GZ27" s="25">
        <v>0</v>
      </c>
      <c r="HA27" s="25">
        <v>0</v>
      </c>
      <c r="HB27" s="28">
        <v>0</v>
      </c>
      <c r="HC27" s="29">
        <v>0</v>
      </c>
      <c r="HD27" s="24">
        <v>0</v>
      </c>
      <c r="HE27" s="25">
        <v>0</v>
      </c>
      <c r="HF27" s="26">
        <v>0</v>
      </c>
      <c r="HG27" s="404">
        <v>0</v>
      </c>
      <c r="HH27" s="25">
        <v>0</v>
      </c>
      <c r="HI27" s="25">
        <v>0</v>
      </c>
      <c r="HJ27" s="25">
        <v>0</v>
      </c>
      <c r="HK27" s="25">
        <v>0</v>
      </c>
      <c r="HL27" s="25">
        <v>0</v>
      </c>
      <c r="HM27" s="28">
        <v>0</v>
      </c>
      <c r="HN27" s="29">
        <v>0</v>
      </c>
      <c r="HO27" s="24">
        <v>0</v>
      </c>
      <c r="HP27" s="25">
        <v>0</v>
      </c>
      <c r="HQ27" s="26">
        <v>0</v>
      </c>
      <c r="HR27" s="27">
        <v>0</v>
      </c>
      <c r="HS27" s="25">
        <v>66192</v>
      </c>
      <c r="HT27" s="25">
        <v>110320</v>
      </c>
      <c r="HU27" s="25">
        <v>550948</v>
      </c>
      <c r="HV27" s="25">
        <v>1608134</v>
      </c>
      <c r="HW27" s="25">
        <v>749598</v>
      </c>
      <c r="HX27" s="28">
        <v>3085192</v>
      </c>
      <c r="HY27" s="29">
        <v>3085192</v>
      </c>
    </row>
    <row r="28" spans="2:233" ht="21" customHeight="1" x14ac:dyDescent="0.2">
      <c r="B28" s="106" t="s">
        <v>25</v>
      </c>
      <c r="C28" s="24">
        <v>1160</v>
      </c>
      <c r="D28" s="25">
        <v>0</v>
      </c>
      <c r="E28" s="26">
        <v>1160</v>
      </c>
      <c r="F28" s="27">
        <v>0</v>
      </c>
      <c r="G28" s="25">
        <v>44950</v>
      </c>
      <c r="H28" s="25">
        <v>275412</v>
      </c>
      <c r="I28" s="25">
        <v>502255</v>
      </c>
      <c r="J28" s="25">
        <v>589656</v>
      </c>
      <c r="K28" s="25">
        <v>226635</v>
      </c>
      <c r="L28" s="28">
        <v>1638908</v>
      </c>
      <c r="M28" s="29">
        <v>1640068</v>
      </c>
      <c r="N28" s="24">
        <v>0</v>
      </c>
      <c r="O28" s="25">
        <v>0</v>
      </c>
      <c r="P28" s="26">
        <v>0</v>
      </c>
      <c r="Q28" s="404">
        <v>0</v>
      </c>
      <c r="R28" s="25">
        <v>0</v>
      </c>
      <c r="S28" s="25">
        <v>24645</v>
      </c>
      <c r="T28" s="25">
        <v>344630</v>
      </c>
      <c r="U28" s="25">
        <v>289565</v>
      </c>
      <c r="V28" s="25">
        <v>193675</v>
      </c>
      <c r="W28" s="28">
        <v>852515</v>
      </c>
      <c r="X28" s="29">
        <v>852515</v>
      </c>
      <c r="Y28" s="24">
        <v>0</v>
      </c>
      <c r="Z28" s="25">
        <v>0</v>
      </c>
      <c r="AA28" s="26">
        <v>0</v>
      </c>
      <c r="AB28" s="404">
        <v>0</v>
      </c>
      <c r="AC28" s="25">
        <v>33300</v>
      </c>
      <c r="AD28" s="25">
        <v>228780</v>
      </c>
      <c r="AE28" s="25">
        <v>78360</v>
      </c>
      <c r="AF28" s="25">
        <v>288806</v>
      </c>
      <c r="AG28" s="25">
        <v>255</v>
      </c>
      <c r="AH28" s="28">
        <v>629501</v>
      </c>
      <c r="AI28" s="29">
        <v>629501</v>
      </c>
      <c r="AJ28" s="24">
        <v>0</v>
      </c>
      <c r="AK28" s="25">
        <v>0</v>
      </c>
      <c r="AL28" s="26">
        <v>0</v>
      </c>
      <c r="AM28" s="404">
        <v>0</v>
      </c>
      <c r="AN28" s="25">
        <v>0</v>
      </c>
      <c r="AO28" s="25">
        <v>0</v>
      </c>
      <c r="AP28" s="25">
        <v>0</v>
      </c>
      <c r="AQ28" s="25">
        <v>0</v>
      </c>
      <c r="AR28" s="25">
        <v>0</v>
      </c>
      <c r="AS28" s="28">
        <v>0</v>
      </c>
      <c r="AT28" s="29">
        <v>0</v>
      </c>
      <c r="AU28" s="24">
        <v>0</v>
      </c>
      <c r="AV28" s="25">
        <v>0</v>
      </c>
      <c r="AW28" s="26">
        <v>0</v>
      </c>
      <c r="AX28" s="404">
        <v>0</v>
      </c>
      <c r="AY28" s="25">
        <v>0</v>
      </c>
      <c r="AZ28" s="25">
        <v>0</v>
      </c>
      <c r="BA28" s="25">
        <v>0</v>
      </c>
      <c r="BB28" s="25">
        <v>0</v>
      </c>
      <c r="BC28" s="25">
        <v>32705</v>
      </c>
      <c r="BD28" s="28">
        <v>32705</v>
      </c>
      <c r="BE28" s="29">
        <v>32705</v>
      </c>
      <c r="BF28" s="24">
        <v>0</v>
      </c>
      <c r="BG28" s="25">
        <v>0</v>
      </c>
      <c r="BH28" s="26">
        <v>0</v>
      </c>
      <c r="BI28" s="404">
        <v>0</v>
      </c>
      <c r="BJ28" s="25">
        <v>0</v>
      </c>
      <c r="BK28" s="25">
        <v>0</v>
      </c>
      <c r="BL28" s="25">
        <v>0</v>
      </c>
      <c r="BM28" s="25">
        <v>0</v>
      </c>
      <c r="BN28" s="25">
        <v>0</v>
      </c>
      <c r="BO28" s="28">
        <v>0</v>
      </c>
      <c r="BP28" s="29">
        <v>0</v>
      </c>
      <c r="BQ28" s="24">
        <v>1160</v>
      </c>
      <c r="BR28" s="25">
        <v>0</v>
      </c>
      <c r="BS28" s="26">
        <v>1160</v>
      </c>
      <c r="BT28" s="27">
        <v>0</v>
      </c>
      <c r="BU28" s="25">
        <v>11650</v>
      </c>
      <c r="BV28" s="25">
        <v>21987</v>
      </c>
      <c r="BW28" s="25">
        <v>78820</v>
      </c>
      <c r="BX28" s="25">
        <v>11285</v>
      </c>
      <c r="BY28" s="25">
        <v>0</v>
      </c>
      <c r="BZ28" s="28">
        <v>123742</v>
      </c>
      <c r="CA28" s="29">
        <v>124902</v>
      </c>
      <c r="CB28" s="24">
        <v>0</v>
      </c>
      <c r="CC28" s="25">
        <v>0</v>
      </c>
      <c r="CD28" s="26">
        <v>0</v>
      </c>
      <c r="CE28" s="27">
        <v>0</v>
      </c>
      <c r="CF28" s="25">
        <v>0</v>
      </c>
      <c r="CG28" s="25">
        <v>0</v>
      </c>
      <c r="CH28" s="25">
        <v>445</v>
      </c>
      <c r="CI28" s="25">
        <v>0</v>
      </c>
      <c r="CJ28" s="25">
        <v>0</v>
      </c>
      <c r="CK28" s="28">
        <v>445</v>
      </c>
      <c r="CL28" s="29">
        <v>445</v>
      </c>
      <c r="CM28" s="24">
        <v>0</v>
      </c>
      <c r="CN28" s="25">
        <v>0</v>
      </c>
      <c r="CO28" s="26">
        <v>0</v>
      </c>
      <c r="CP28" s="27">
        <v>0</v>
      </c>
      <c r="CQ28" s="25">
        <v>0</v>
      </c>
      <c r="CR28" s="25">
        <v>0</v>
      </c>
      <c r="CS28" s="25">
        <v>0</v>
      </c>
      <c r="CT28" s="25">
        <v>0</v>
      </c>
      <c r="CU28" s="25">
        <v>0</v>
      </c>
      <c r="CV28" s="28">
        <v>0</v>
      </c>
      <c r="CW28" s="29">
        <v>0</v>
      </c>
      <c r="CX28" s="24">
        <v>0</v>
      </c>
      <c r="CY28" s="25">
        <v>0</v>
      </c>
      <c r="CZ28" s="26">
        <v>0</v>
      </c>
      <c r="DA28" s="404">
        <v>0</v>
      </c>
      <c r="DB28" s="25">
        <v>0</v>
      </c>
      <c r="DC28" s="25">
        <v>0</v>
      </c>
      <c r="DD28" s="25">
        <v>0</v>
      </c>
      <c r="DE28" s="25">
        <v>0</v>
      </c>
      <c r="DF28" s="25">
        <v>0</v>
      </c>
      <c r="DG28" s="28">
        <v>0</v>
      </c>
      <c r="DH28" s="29">
        <v>0</v>
      </c>
      <c r="DI28" s="24">
        <v>6264</v>
      </c>
      <c r="DJ28" s="25">
        <v>0</v>
      </c>
      <c r="DK28" s="26">
        <v>6264</v>
      </c>
      <c r="DL28" s="27">
        <v>0</v>
      </c>
      <c r="DM28" s="25">
        <v>8550</v>
      </c>
      <c r="DN28" s="25">
        <v>130841</v>
      </c>
      <c r="DO28" s="25">
        <v>638726</v>
      </c>
      <c r="DP28" s="25">
        <v>760307</v>
      </c>
      <c r="DQ28" s="25">
        <v>255581</v>
      </c>
      <c r="DR28" s="28">
        <v>1794005</v>
      </c>
      <c r="DS28" s="30">
        <v>1800269</v>
      </c>
      <c r="DT28" s="24">
        <v>0</v>
      </c>
      <c r="DU28" s="25">
        <v>0</v>
      </c>
      <c r="DV28" s="26">
        <v>0</v>
      </c>
      <c r="DW28" s="404">
        <v>0</v>
      </c>
      <c r="DX28" s="25">
        <v>0</v>
      </c>
      <c r="DY28" s="25">
        <v>21576</v>
      </c>
      <c r="DZ28" s="25">
        <v>518632</v>
      </c>
      <c r="EA28" s="25">
        <v>681735</v>
      </c>
      <c r="EB28" s="25">
        <v>255343</v>
      </c>
      <c r="EC28" s="28">
        <v>1477286</v>
      </c>
      <c r="ED28" s="29">
        <v>1477286</v>
      </c>
      <c r="EE28" s="24">
        <v>0</v>
      </c>
      <c r="EF28" s="25">
        <v>0</v>
      </c>
      <c r="EG28" s="26">
        <v>0</v>
      </c>
      <c r="EH28" s="404">
        <v>0</v>
      </c>
      <c r="EI28" s="25">
        <v>266</v>
      </c>
      <c r="EJ28" s="25">
        <v>29698</v>
      </c>
      <c r="EK28" s="25">
        <v>27337</v>
      </c>
      <c r="EL28" s="25">
        <v>49376</v>
      </c>
      <c r="EM28" s="25">
        <v>21</v>
      </c>
      <c r="EN28" s="28">
        <v>106698</v>
      </c>
      <c r="EO28" s="29">
        <v>106698</v>
      </c>
      <c r="EP28" s="24">
        <v>0</v>
      </c>
      <c r="EQ28" s="25">
        <v>0</v>
      </c>
      <c r="ER28" s="26">
        <v>0</v>
      </c>
      <c r="ES28" s="404">
        <v>0</v>
      </c>
      <c r="ET28" s="25">
        <v>0</v>
      </c>
      <c r="EU28" s="25">
        <v>0</v>
      </c>
      <c r="EV28" s="25">
        <v>0</v>
      </c>
      <c r="EW28" s="25">
        <v>0</v>
      </c>
      <c r="EX28" s="25">
        <v>0</v>
      </c>
      <c r="EY28" s="28">
        <v>0</v>
      </c>
      <c r="EZ28" s="29">
        <v>0</v>
      </c>
      <c r="FA28" s="24">
        <v>0</v>
      </c>
      <c r="FB28" s="25">
        <v>0</v>
      </c>
      <c r="FC28" s="26">
        <v>0</v>
      </c>
      <c r="FD28" s="404">
        <v>0</v>
      </c>
      <c r="FE28" s="25">
        <v>0</v>
      </c>
      <c r="FF28" s="25">
        <v>0</v>
      </c>
      <c r="FG28" s="25">
        <v>0</v>
      </c>
      <c r="FH28" s="25">
        <v>0</v>
      </c>
      <c r="FI28" s="25">
        <v>217</v>
      </c>
      <c r="FJ28" s="28">
        <v>217</v>
      </c>
      <c r="FK28" s="29">
        <v>217</v>
      </c>
      <c r="FL28" s="24">
        <v>0</v>
      </c>
      <c r="FM28" s="25">
        <v>0</v>
      </c>
      <c r="FN28" s="26">
        <v>0</v>
      </c>
      <c r="FO28" s="404">
        <v>0</v>
      </c>
      <c r="FP28" s="25">
        <v>0</v>
      </c>
      <c r="FQ28" s="25">
        <v>0</v>
      </c>
      <c r="FR28" s="25">
        <v>0</v>
      </c>
      <c r="FS28" s="25">
        <v>0</v>
      </c>
      <c r="FT28" s="25">
        <v>0</v>
      </c>
      <c r="FU28" s="28">
        <v>0</v>
      </c>
      <c r="FV28" s="29">
        <v>0</v>
      </c>
      <c r="FW28" s="24">
        <v>6264</v>
      </c>
      <c r="FX28" s="25">
        <v>0</v>
      </c>
      <c r="FY28" s="26">
        <v>6264</v>
      </c>
      <c r="FZ28" s="27">
        <v>0</v>
      </c>
      <c r="GA28" s="25">
        <v>8284</v>
      </c>
      <c r="GB28" s="25">
        <v>79567</v>
      </c>
      <c r="GC28" s="25">
        <v>91683</v>
      </c>
      <c r="GD28" s="25">
        <v>29196</v>
      </c>
      <c r="GE28" s="25">
        <v>0</v>
      </c>
      <c r="GF28" s="28">
        <v>208730</v>
      </c>
      <c r="GG28" s="29">
        <v>214994</v>
      </c>
      <c r="GH28" s="24">
        <v>0</v>
      </c>
      <c r="GI28" s="25">
        <v>0</v>
      </c>
      <c r="GJ28" s="26">
        <v>0</v>
      </c>
      <c r="GK28" s="27">
        <v>0</v>
      </c>
      <c r="GL28" s="25">
        <v>0</v>
      </c>
      <c r="GM28" s="25">
        <v>0</v>
      </c>
      <c r="GN28" s="25">
        <v>1074</v>
      </c>
      <c r="GO28" s="25">
        <v>0</v>
      </c>
      <c r="GP28" s="25">
        <v>0</v>
      </c>
      <c r="GQ28" s="28">
        <v>1074</v>
      </c>
      <c r="GR28" s="29">
        <v>1074</v>
      </c>
      <c r="GS28" s="24">
        <v>0</v>
      </c>
      <c r="GT28" s="25">
        <v>0</v>
      </c>
      <c r="GU28" s="26">
        <v>0</v>
      </c>
      <c r="GV28" s="27">
        <v>0</v>
      </c>
      <c r="GW28" s="25">
        <v>0</v>
      </c>
      <c r="GX28" s="25">
        <v>0</v>
      </c>
      <c r="GY28" s="25">
        <v>0</v>
      </c>
      <c r="GZ28" s="25">
        <v>0</v>
      </c>
      <c r="HA28" s="25">
        <v>0</v>
      </c>
      <c r="HB28" s="28">
        <v>0</v>
      </c>
      <c r="HC28" s="29">
        <v>0</v>
      </c>
      <c r="HD28" s="24">
        <v>0</v>
      </c>
      <c r="HE28" s="25">
        <v>0</v>
      </c>
      <c r="HF28" s="26">
        <v>0</v>
      </c>
      <c r="HG28" s="404">
        <v>0</v>
      </c>
      <c r="HH28" s="25">
        <v>0</v>
      </c>
      <c r="HI28" s="25">
        <v>0</v>
      </c>
      <c r="HJ28" s="25">
        <v>0</v>
      </c>
      <c r="HK28" s="25">
        <v>0</v>
      </c>
      <c r="HL28" s="25">
        <v>0</v>
      </c>
      <c r="HM28" s="28">
        <v>0</v>
      </c>
      <c r="HN28" s="29">
        <v>0</v>
      </c>
      <c r="HO28" s="24">
        <v>7424</v>
      </c>
      <c r="HP28" s="25">
        <v>0</v>
      </c>
      <c r="HQ28" s="26">
        <v>7424</v>
      </c>
      <c r="HR28" s="27">
        <v>0</v>
      </c>
      <c r="HS28" s="25">
        <v>53500</v>
      </c>
      <c r="HT28" s="25">
        <v>406253</v>
      </c>
      <c r="HU28" s="25">
        <v>1140981</v>
      </c>
      <c r="HV28" s="25">
        <v>1349963</v>
      </c>
      <c r="HW28" s="25">
        <v>482216</v>
      </c>
      <c r="HX28" s="28">
        <v>3432913</v>
      </c>
      <c r="HY28" s="29">
        <v>3440337</v>
      </c>
    </row>
    <row r="29" spans="2:233" ht="21" customHeight="1" x14ac:dyDescent="0.2">
      <c r="B29" s="106" t="s">
        <v>26</v>
      </c>
      <c r="C29" s="24">
        <v>505</v>
      </c>
      <c r="D29" s="25">
        <v>0</v>
      </c>
      <c r="E29" s="26">
        <v>505</v>
      </c>
      <c r="F29" s="27">
        <v>0</v>
      </c>
      <c r="G29" s="25">
        <v>46730</v>
      </c>
      <c r="H29" s="25">
        <v>116281</v>
      </c>
      <c r="I29" s="25">
        <v>395640</v>
      </c>
      <c r="J29" s="25">
        <v>608994</v>
      </c>
      <c r="K29" s="25">
        <v>482945</v>
      </c>
      <c r="L29" s="28">
        <v>1650590</v>
      </c>
      <c r="M29" s="29">
        <v>1651095</v>
      </c>
      <c r="N29" s="24">
        <v>0</v>
      </c>
      <c r="O29" s="25">
        <v>0</v>
      </c>
      <c r="P29" s="26">
        <v>0</v>
      </c>
      <c r="Q29" s="404">
        <v>0</v>
      </c>
      <c r="R29" s="25">
        <v>2635</v>
      </c>
      <c r="S29" s="25">
        <v>35340</v>
      </c>
      <c r="T29" s="25">
        <v>203825</v>
      </c>
      <c r="U29" s="25">
        <v>368040</v>
      </c>
      <c r="V29" s="25">
        <v>390710</v>
      </c>
      <c r="W29" s="28">
        <v>1000550</v>
      </c>
      <c r="X29" s="29">
        <v>1000550</v>
      </c>
      <c r="Y29" s="24">
        <v>0</v>
      </c>
      <c r="Z29" s="25">
        <v>0</v>
      </c>
      <c r="AA29" s="26">
        <v>0</v>
      </c>
      <c r="AB29" s="404">
        <v>0</v>
      </c>
      <c r="AC29" s="25">
        <v>32705</v>
      </c>
      <c r="AD29" s="25">
        <v>68045</v>
      </c>
      <c r="AE29" s="25">
        <v>138710</v>
      </c>
      <c r="AF29" s="25">
        <v>227619</v>
      </c>
      <c r="AG29" s="25">
        <v>59455</v>
      </c>
      <c r="AH29" s="28">
        <v>526534</v>
      </c>
      <c r="AI29" s="29">
        <v>526534</v>
      </c>
      <c r="AJ29" s="24">
        <v>0</v>
      </c>
      <c r="AK29" s="25">
        <v>0</v>
      </c>
      <c r="AL29" s="26">
        <v>0</v>
      </c>
      <c r="AM29" s="404">
        <v>0</v>
      </c>
      <c r="AN29" s="25">
        <v>0</v>
      </c>
      <c r="AO29" s="25">
        <v>0</v>
      </c>
      <c r="AP29" s="25">
        <v>0</v>
      </c>
      <c r="AQ29" s="25">
        <v>0</v>
      </c>
      <c r="AR29" s="25">
        <v>0</v>
      </c>
      <c r="AS29" s="28">
        <v>0</v>
      </c>
      <c r="AT29" s="29">
        <v>0</v>
      </c>
      <c r="AU29" s="24">
        <v>0</v>
      </c>
      <c r="AV29" s="25">
        <v>0</v>
      </c>
      <c r="AW29" s="26">
        <v>0</v>
      </c>
      <c r="AX29" s="404">
        <v>0</v>
      </c>
      <c r="AY29" s="25">
        <v>7155</v>
      </c>
      <c r="AZ29" s="25">
        <v>2635</v>
      </c>
      <c r="BA29" s="25">
        <v>0</v>
      </c>
      <c r="BB29" s="25">
        <v>0</v>
      </c>
      <c r="BC29" s="25">
        <v>2040</v>
      </c>
      <c r="BD29" s="28">
        <v>11830</v>
      </c>
      <c r="BE29" s="29">
        <v>11830</v>
      </c>
      <c r="BF29" s="24">
        <v>0</v>
      </c>
      <c r="BG29" s="25">
        <v>0</v>
      </c>
      <c r="BH29" s="26">
        <v>0</v>
      </c>
      <c r="BI29" s="404">
        <v>0</v>
      </c>
      <c r="BJ29" s="25">
        <v>0</v>
      </c>
      <c r="BK29" s="25">
        <v>0</v>
      </c>
      <c r="BL29" s="25">
        <v>0</v>
      </c>
      <c r="BM29" s="25">
        <v>0</v>
      </c>
      <c r="BN29" s="25">
        <v>0</v>
      </c>
      <c r="BO29" s="28">
        <v>0</v>
      </c>
      <c r="BP29" s="29">
        <v>0</v>
      </c>
      <c r="BQ29" s="24">
        <v>505</v>
      </c>
      <c r="BR29" s="25">
        <v>0</v>
      </c>
      <c r="BS29" s="26">
        <v>505</v>
      </c>
      <c r="BT29" s="27">
        <v>0</v>
      </c>
      <c r="BU29" s="25">
        <v>4235</v>
      </c>
      <c r="BV29" s="25">
        <v>9681</v>
      </c>
      <c r="BW29" s="25">
        <v>52525</v>
      </c>
      <c r="BX29" s="25">
        <v>9275</v>
      </c>
      <c r="BY29" s="25">
        <v>30740</v>
      </c>
      <c r="BZ29" s="28">
        <v>106456</v>
      </c>
      <c r="CA29" s="29">
        <v>106961</v>
      </c>
      <c r="CB29" s="24">
        <v>0</v>
      </c>
      <c r="CC29" s="25">
        <v>0</v>
      </c>
      <c r="CD29" s="26">
        <v>0</v>
      </c>
      <c r="CE29" s="27">
        <v>0</v>
      </c>
      <c r="CF29" s="25">
        <v>0</v>
      </c>
      <c r="CG29" s="25">
        <v>580</v>
      </c>
      <c r="CH29" s="25">
        <v>580</v>
      </c>
      <c r="CI29" s="25">
        <v>4060</v>
      </c>
      <c r="CJ29" s="25">
        <v>0</v>
      </c>
      <c r="CK29" s="28">
        <v>5220</v>
      </c>
      <c r="CL29" s="29">
        <v>5220</v>
      </c>
      <c r="CM29" s="24">
        <v>0</v>
      </c>
      <c r="CN29" s="25">
        <v>0</v>
      </c>
      <c r="CO29" s="26">
        <v>0</v>
      </c>
      <c r="CP29" s="27">
        <v>0</v>
      </c>
      <c r="CQ29" s="25">
        <v>0</v>
      </c>
      <c r="CR29" s="25">
        <v>0</v>
      </c>
      <c r="CS29" s="25">
        <v>0</v>
      </c>
      <c r="CT29" s="25">
        <v>0</v>
      </c>
      <c r="CU29" s="25">
        <v>0</v>
      </c>
      <c r="CV29" s="28">
        <v>0</v>
      </c>
      <c r="CW29" s="29">
        <v>0</v>
      </c>
      <c r="CX29" s="24">
        <v>0</v>
      </c>
      <c r="CY29" s="25">
        <v>0</v>
      </c>
      <c r="CZ29" s="26">
        <v>0</v>
      </c>
      <c r="DA29" s="404">
        <v>0</v>
      </c>
      <c r="DB29" s="25">
        <v>0</v>
      </c>
      <c r="DC29" s="25">
        <v>0</v>
      </c>
      <c r="DD29" s="25">
        <v>0</v>
      </c>
      <c r="DE29" s="25">
        <v>0</v>
      </c>
      <c r="DF29" s="25">
        <v>0</v>
      </c>
      <c r="DG29" s="28">
        <v>0</v>
      </c>
      <c r="DH29" s="29">
        <v>0</v>
      </c>
      <c r="DI29" s="24">
        <v>2088</v>
      </c>
      <c r="DJ29" s="25">
        <v>0</v>
      </c>
      <c r="DK29" s="26">
        <v>2088</v>
      </c>
      <c r="DL29" s="27">
        <v>0</v>
      </c>
      <c r="DM29" s="25">
        <v>35776</v>
      </c>
      <c r="DN29" s="25">
        <v>93386</v>
      </c>
      <c r="DO29" s="25">
        <v>396800</v>
      </c>
      <c r="DP29" s="25">
        <v>608765</v>
      </c>
      <c r="DQ29" s="25">
        <v>501578</v>
      </c>
      <c r="DR29" s="28">
        <v>1636305</v>
      </c>
      <c r="DS29" s="30">
        <v>1638393</v>
      </c>
      <c r="DT29" s="24">
        <v>0</v>
      </c>
      <c r="DU29" s="25">
        <v>0</v>
      </c>
      <c r="DV29" s="26">
        <v>0</v>
      </c>
      <c r="DW29" s="404">
        <v>0</v>
      </c>
      <c r="DX29" s="25">
        <v>21576</v>
      </c>
      <c r="DY29" s="25">
        <v>51801</v>
      </c>
      <c r="DZ29" s="25">
        <v>324446</v>
      </c>
      <c r="EA29" s="25">
        <v>545873</v>
      </c>
      <c r="EB29" s="25">
        <v>427623</v>
      </c>
      <c r="EC29" s="28">
        <v>1371319</v>
      </c>
      <c r="ED29" s="29">
        <v>1371319</v>
      </c>
      <c r="EE29" s="24">
        <v>0</v>
      </c>
      <c r="EF29" s="25">
        <v>0</v>
      </c>
      <c r="EG29" s="26">
        <v>0</v>
      </c>
      <c r="EH29" s="404">
        <v>0</v>
      </c>
      <c r="EI29" s="25">
        <v>217</v>
      </c>
      <c r="EJ29" s="25">
        <v>651</v>
      </c>
      <c r="EK29" s="25">
        <v>14660</v>
      </c>
      <c r="EL29" s="25">
        <v>39432</v>
      </c>
      <c r="EM29" s="25">
        <v>847</v>
      </c>
      <c r="EN29" s="28">
        <v>55807</v>
      </c>
      <c r="EO29" s="29">
        <v>55807</v>
      </c>
      <c r="EP29" s="24">
        <v>0</v>
      </c>
      <c r="EQ29" s="25">
        <v>0</v>
      </c>
      <c r="ER29" s="26">
        <v>0</v>
      </c>
      <c r="ES29" s="404">
        <v>0</v>
      </c>
      <c r="ET29" s="25">
        <v>0</v>
      </c>
      <c r="EU29" s="25">
        <v>0</v>
      </c>
      <c r="EV29" s="25">
        <v>0</v>
      </c>
      <c r="EW29" s="25">
        <v>0</v>
      </c>
      <c r="EX29" s="25">
        <v>0</v>
      </c>
      <c r="EY29" s="28">
        <v>0</v>
      </c>
      <c r="EZ29" s="29">
        <v>0</v>
      </c>
      <c r="FA29" s="24">
        <v>0</v>
      </c>
      <c r="FB29" s="25">
        <v>0</v>
      </c>
      <c r="FC29" s="26">
        <v>0</v>
      </c>
      <c r="FD29" s="404">
        <v>0</v>
      </c>
      <c r="FE29" s="25">
        <v>63</v>
      </c>
      <c r="FF29" s="25">
        <v>217</v>
      </c>
      <c r="FG29" s="25">
        <v>0</v>
      </c>
      <c r="FH29" s="25">
        <v>0</v>
      </c>
      <c r="FI29" s="25">
        <v>434</v>
      </c>
      <c r="FJ29" s="28">
        <v>714</v>
      </c>
      <c r="FK29" s="29">
        <v>714</v>
      </c>
      <c r="FL29" s="24">
        <v>0</v>
      </c>
      <c r="FM29" s="25">
        <v>0</v>
      </c>
      <c r="FN29" s="26">
        <v>0</v>
      </c>
      <c r="FO29" s="404">
        <v>0</v>
      </c>
      <c r="FP29" s="25">
        <v>0</v>
      </c>
      <c r="FQ29" s="25">
        <v>0</v>
      </c>
      <c r="FR29" s="25">
        <v>0</v>
      </c>
      <c r="FS29" s="25">
        <v>0</v>
      </c>
      <c r="FT29" s="25">
        <v>0</v>
      </c>
      <c r="FU29" s="28">
        <v>0</v>
      </c>
      <c r="FV29" s="29">
        <v>0</v>
      </c>
      <c r="FW29" s="24">
        <v>2088</v>
      </c>
      <c r="FX29" s="25">
        <v>0</v>
      </c>
      <c r="FY29" s="26">
        <v>2088</v>
      </c>
      <c r="FZ29" s="27">
        <v>0</v>
      </c>
      <c r="GA29" s="25">
        <v>13920</v>
      </c>
      <c r="GB29" s="25">
        <v>39285</v>
      </c>
      <c r="GC29" s="25">
        <v>57666</v>
      </c>
      <c r="GD29" s="25">
        <v>23264</v>
      </c>
      <c r="GE29" s="25">
        <v>72674</v>
      </c>
      <c r="GF29" s="28">
        <v>206809</v>
      </c>
      <c r="GG29" s="29">
        <v>208897</v>
      </c>
      <c r="GH29" s="24">
        <v>0</v>
      </c>
      <c r="GI29" s="25">
        <v>0</v>
      </c>
      <c r="GJ29" s="26">
        <v>0</v>
      </c>
      <c r="GK29" s="27">
        <v>0</v>
      </c>
      <c r="GL29" s="25">
        <v>0</v>
      </c>
      <c r="GM29" s="25">
        <v>1432</v>
      </c>
      <c r="GN29" s="25">
        <v>28</v>
      </c>
      <c r="GO29" s="25">
        <v>196</v>
      </c>
      <c r="GP29" s="25">
        <v>0</v>
      </c>
      <c r="GQ29" s="28">
        <v>1656</v>
      </c>
      <c r="GR29" s="29">
        <v>1656</v>
      </c>
      <c r="GS29" s="24">
        <v>0</v>
      </c>
      <c r="GT29" s="25">
        <v>0</v>
      </c>
      <c r="GU29" s="26">
        <v>0</v>
      </c>
      <c r="GV29" s="27">
        <v>0</v>
      </c>
      <c r="GW29" s="25">
        <v>0</v>
      </c>
      <c r="GX29" s="25">
        <v>0</v>
      </c>
      <c r="GY29" s="25">
        <v>0</v>
      </c>
      <c r="GZ29" s="25">
        <v>0</v>
      </c>
      <c r="HA29" s="25">
        <v>0</v>
      </c>
      <c r="HB29" s="28">
        <v>0</v>
      </c>
      <c r="HC29" s="29">
        <v>0</v>
      </c>
      <c r="HD29" s="24">
        <v>0</v>
      </c>
      <c r="HE29" s="25">
        <v>0</v>
      </c>
      <c r="HF29" s="26">
        <v>0</v>
      </c>
      <c r="HG29" s="404">
        <v>0</v>
      </c>
      <c r="HH29" s="25">
        <v>0</v>
      </c>
      <c r="HI29" s="25">
        <v>0</v>
      </c>
      <c r="HJ29" s="25">
        <v>0</v>
      </c>
      <c r="HK29" s="25">
        <v>0</v>
      </c>
      <c r="HL29" s="25">
        <v>0</v>
      </c>
      <c r="HM29" s="28">
        <v>0</v>
      </c>
      <c r="HN29" s="29">
        <v>0</v>
      </c>
      <c r="HO29" s="24">
        <v>2593</v>
      </c>
      <c r="HP29" s="25">
        <v>0</v>
      </c>
      <c r="HQ29" s="26">
        <v>2593</v>
      </c>
      <c r="HR29" s="27">
        <v>0</v>
      </c>
      <c r="HS29" s="25">
        <v>82506</v>
      </c>
      <c r="HT29" s="25">
        <v>209667</v>
      </c>
      <c r="HU29" s="25">
        <v>792440</v>
      </c>
      <c r="HV29" s="25">
        <v>1217759</v>
      </c>
      <c r="HW29" s="25">
        <v>984523</v>
      </c>
      <c r="HX29" s="28">
        <v>3286895</v>
      </c>
      <c r="HY29" s="29">
        <v>3289488</v>
      </c>
    </row>
    <row r="30" spans="2:233" ht="21" customHeight="1" x14ac:dyDescent="0.2">
      <c r="B30" s="106" t="s">
        <v>27</v>
      </c>
      <c r="C30" s="24">
        <v>0</v>
      </c>
      <c r="D30" s="25">
        <v>0</v>
      </c>
      <c r="E30" s="26">
        <v>0</v>
      </c>
      <c r="F30" s="27">
        <v>0</v>
      </c>
      <c r="G30" s="25">
        <v>103820</v>
      </c>
      <c r="H30" s="25">
        <v>145234</v>
      </c>
      <c r="I30" s="25">
        <v>370561</v>
      </c>
      <c r="J30" s="25">
        <v>733382</v>
      </c>
      <c r="K30" s="25">
        <v>321330</v>
      </c>
      <c r="L30" s="28">
        <v>1674327</v>
      </c>
      <c r="M30" s="29">
        <v>1674327</v>
      </c>
      <c r="N30" s="24">
        <v>0</v>
      </c>
      <c r="O30" s="25">
        <v>0</v>
      </c>
      <c r="P30" s="26">
        <v>0</v>
      </c>
      <c r="Q30" s="404">
        <v>0</v>
      </c>
      <c r="R30" s="25">
        <v>65410</v>
      </c>
      <c r="S30" s="25">
        <v>2635</v>
      </c>
      <c r="T30" s="25">
        <v>226385</v>
      </c>
      <c r="U30" s="25">
        <v>511650</v>
      </c>
      <c r="V30" s="25">
        <v>304330</v>
      </c>
      <c r="W30" s="28">
        <v>1110410</v>
      </c>
      <c r="X30" s="29">
        <v>1110410</v>
      </c>
      <c r="Y30" s="24">
        <v>0</v>
      </c>
      <c r="Z30" s="25">
        <v>0</v>
      </c>
      <c r="AA30" s="26">
        <v>0</v>
      </c>
      <c r="AB30" s="404">
        <v>0</v>
      </c>
      <c r="AC30" s="25">
        <v>37975</v>
      </c>
      <c r="AD30" s="25">
        <v>117335</v>
      </c>
      <c r="AE30" s="25">
        <v>67805</v>
      </c>
      <c r="AF30" s="25">
        <v>173630</v>
      </c>
      <c r="AG30" s="25">
        <v>3650</v>
      </c>
      <c r="AH30" s="28">
        <v>400395</v>
      </c>
      <c r="AI30" s="29">
        <v>400395</v>
      </c>
      <c r="AJ30" s="24">
        <v>0</v>
      </c>
      <c r="AK30" s="25">
        <v>0</v>
      </c>
      <c r="AL30" s="26">
        <v>0</v>
      </c>
      <c r="AM30" s="404">
        <v>0</v>
      </c>
      <c r="AN30" s="25">
        <v>0</v>
      </c>
      <c r="AO30" s="25">
        <v>0</v>
      </c>
      <c r="AP30" s="25">
        <v>0</v>
      </c>
      <c r="AQ30" s="25">
        <v>0</v>
      </c>
      <c r="AR30" s="25">
        <v>0</v>
      </c>
      <c r="AS30" s="28">
        <v>0</v>
      </c>
      <c r="AT30" s="29">
        <v>0</v>
      </c>
      <c r="AU30" s="24">
        <v>0</v>
      </c>
      <c r="AV30" s="25">
        <v>0</v>
      </c>
      <c r="AW30" s="26">
        <v>0</v>
      </c>
      <c r="AX30" s="404">
        <v>0</v>
      </c>
      <c r="AY30" s="25">
        <v>0</v>
      </c>
      <c r="AZ30" s="25">
        <v>0</v>
      </c>
      <c r="BA30" s="25">
        <v>0</v>
      </c>
      <c r="BB30" s="25">
        <v>0</v>
      </c>
      <c r="BC30" s="25">
        <v>0</v>
      </c>
      <c r="BD30" s="28">
        <v>0</v>
      </c>
      <c r="BE30" s="29">
        <v>0</v>
      </c>
      <c r="BF30" s="24">
        <v>0</v>
      </c>
      <c r="BG30" s="25">
        <v>0</v>
      </c>
      <c r="BH30" s="26">
        <v>0</v>
      </c>
      <c r="BI30" s="404">
        <v>0</v>
      </c>
      <c r="BJ30" s="25">
        <v>0</v>
      </c>
      <c r="BK30" s="25">
        <v>0</v>
      </c>
      <c r="BL30" s="25">
        <v>59985</v>
      </c>
      <c r="BM30" s="25">
        <v>37635</v>
      </c>
      <c r="BN30" s="25">
        <v>0</v>
      </c>
      <c r="BO30" s="28">
        <v>97620</v>
      </c>
      <c r="BP30" s="29">
        <v>97620</v>
      </c>
      <c r="BQ30" s="24">
        <v>0</v>
      </c>
      <c r="BR30" s="25">
        <v>0</v>
      </c>
      <c r="BS30" s="26">
        <v>0</v>
      </c>
      <c r="BT30" s="27">
        <v>0</v>
      </c>
      <c r="BU30" s="25">
        <v>435</v>
      </c>
      <c r="BV30" s="25">
        <v>25264</v>
      </c>
      <c r="BW30" s="25">
        <v>16386</v>
      </c>
      <c r="BX30" s="25">
        <v>10467</v>
      </c>
      <c r="BY30" s="25">
        <v>13350</v>
      </c>
      <c r="BZ30" s="28">
        <v>65902</v>
      </c>
      <c r="CA30" s="29">
        <v>65902</v>
      </c>
      <c r="CB30" s="24">
        <v>0</v>
      </c>
      <c r="CC30" s="25">
        <v>0</v>
      </c>
      <c r="CD30" s="26">
        <v>0</v>
      </c>
      <c r="CE30" s="27">
        <v>0</v>
      </c>
      <c r="CF30" s="25">
        <v>0</v>
      </c>
      <c r="CG30" s="25">
        <v>0</v>
      </c>
      <c r="CH30" s="25">
        <v>0</v>
      </c>
      <c r="CI30" s="25">
        <v>0</v>
      </c>
      <c r="CJ30" s="25">
        <v>0</v>
      </c>
      <c r="CK30" s="28">
        <v>0</v>
      </c>
      <c r="CL30" s="29">
        <v>0</v>
      </c>
      <c r="CM30" s="24">
        <v>0</v>
      </c>
      <c r="CN30" s="25">
        <v>0</v>
      </c>
      <c r="CO30" s="26">
        <v>0</v>
      </c>
      <c r="CP30" s="27">
        <v>0</v>
      </c>
      <c r="CQ30" s="25">
        <v>0</v>
      </c>
      <c r="CR30" s="25">
        <v>0</v>
      </c>
      <c r="CS30" s="25">
        <v>0</v>
      </c>
      <c r="CT30" s="25">
        <v>0</v>
      </c>
      <c r="CU30" s="25">
        <v>0</v>
      </c>
      <c r="CV30" s="28">
        <v>0</v>
      </c>
      <c r="CW30" s="29">
        <v>0</v>
      </c>
      <c r="CX30" s="24">
        <v>0</v>
      </c>
      <c r="CY30" s="25">
        <v>0</v>
      </c>
      <c r="CZ30" s="26">
        <v>0</v>
      </c>
      <c r="DA30" s="404">
        <v>0</v>
      </c>
      <c r="DB30" s="25">
        <v>0</v>
      </c>
      <c r="DC30" s="25">
        <v>0</v>
      </c>
      <c r="DD30" s="25">
        <v>0</v>
      </c>
      <c r="DE30" s="25">
        <v>0</v>
      </c>
      <c r="DF30" s="25">
        <v>0</v>
      </c>
      <c r="DG30" s="28">
        <v>0</v>
      </c>
      <c r="DH30" s="29">
        <v>0</v>
      </c>
      <c r="DI30" s="24">
        <v>0</v>
      </c>
      <c r="DJ30" s="25">
        <v>0</v>
      </c>
      <c r="DK30" s="26">
        <v>0</v>
      </c>
      <c r="DL30" s="27">
        <v>0</v>
      </c>
      <c r="DM30" s="25">
        <v>52392</v>
      </c>
      <c r="DN30" s="25">
        <v>80151</v>
      </c>
      <c r="DO30" s="25">
        <v>364202</v>
      </c>
      <c r="DP30" s="25">
        <v>596740</v>
      </c>
      <c r="DQ30" s="25">
        <v>274303</v>
      </c>
      <c r="DR30" s="28">
        <v>1367788</v>
      </c>
      <c r="DS30" s="30">
        <v>1367788</v>
      </c>
      <c r="DT30" s="24">
        <v>0</v>
      </c>
      <c r="DU30" s="25">
        <v>0</v>
      </c>
      <c r="DV30" s="26">
        <v>0</v>
      </c>
      <c r="DW30" s="404">
        <v>0</v>
      </c>
      <c r="DX30" s="25">
        <v>49476</v>
      </c>
      <c r="DY30" s="25">
        <v>15035</v>
      </c>
      <c r="DZ30" s="25">
        <v>233830</v>
      </c>
      <c r="EA30" s="25">
        <v>433181</v>
      </c>
      <c r="EB30" s="25">
        <v>251082</v>
      </c>
      <c r="EC30" s="28">
        <v>982604</v>
      </c>
      <c r="ED30" s="29">
        <v>982604</v>
      </c>
      <c r="EE30" s="24">
        <v>0</v>
      </c>
      <c r="EF30" s="25">
        <v>0</v>
      </c>
      <c r="EG30" s="26">
        <v>0</v>
      </c>
      <c r="EH30" s="404">
        <v>0</v>
      </c>
      <c r="EI30" s="25">
        <v>651</v>
      </c>
      <c r="EJ30" s="25">
        <v>34658</v>
      </c>
      <c r="EK30" s="25">
        <v>30814</v>
      </c>
      <c r="EL30" s="25">
        <v>67575</v>
      </c>
      <c r="EM30" s="25">
        <v>8454</v>
      </c>
      <c r="EN30" s="28">
        <v>142152</v>
      </c>
      <c r="EO30" s="29">
        <v>142152</v>
      </c>
      <c r="EP30" s="24">
        <v>0</v>
      </c>
      <c r="EQ30" s="25">
        <v>0</v>
      </c>
      <c r="ER30" s="26">
        <v>0</v>
      </c>
      <c r="ES30" s="404">
        <v>0</v>
      </c>
      <c r="ET30" s="25">
        <v>0</v>
      </c>
      <c r="EU30" s="25">
        <v>0</v>
      </c>
      <c r="EV30" s="25">
        <v>0</v>
      </c>
      <c r="EW30" s="25">
        <v>0</v>
      </c>
      <c r="EX30" s="25">
        <v>0</v>
      </c>
      <c r="EY30" s="28">
        <v>0</v>
      </c>
      <c r="EZ30" s="29">
        <v>0</v>
      </c>
      <c r="FA30" s="24">
        <v>0</v>
      </c>
      <c r="FB30" s="25">
        <v>0</v>
      </c>
      <c r="FC30" s="26">
        <v>0</v>
      </c>
      <c r="FD30" s="404">
        <v>0</v>
      </c>
      <c r="FE30" s="25">
        <v>0</v>
      </c>
      <c r="FF30" s="25">
        <v>0</v>
      </c>
      <c r="FG30" s="25">
        <v>0</v>
      </c>
      <c r="FH30" s="25">
        <v>0</v>
      </c>
      <c r="FI30" s="25">
        <v>0</v>
      </c>
      <c r="FJ30" s="28">
        <v>0</v>
      </c>
      <c r="FK30" s="29">
        <v>0</v>
      </c>
      <c r="FL30" s="24">
        <v>0</v>
      </c>
      <c r="FM30" s="25">
        <v>0</v>
      </c>
      <c r="FN30" s="26">
        <v>0</v>
      </c>
      <c r="FO30" s="404">
        <v>0</v>
      </c>
      <c r="FP30" s="25">
        <v>0</v>
      </c>
      <c r="FQ30" s="25">
        <v>0</v>
      </c>
      <c r="FR30" s="25">
        <v>79918</v>
      </c>
      <c r="FS30" s="25">
        <v>77134</v>
      </c>
      <c r="FT30" s="25">
        <v>0</v>
      </c>
      <c r="FU30" s="28">
        <v>157052</v>
      </c>
      <c r="FV30" s="29">
        <v>157052</v>
      </c>
      <c r="FW30" s="24">
        <v>0</v>
      </c>
      <c r="FX30" s="25">
        <v>0</v>
      </c>
      <c r="FY30" s="26">
        <v>0</v>
      </c>
      <c r="FZ30" s="27">
        <v>0</v>
      </c>
      <c r="GA30" s="25">
        <v>2265</v>
      </c>
      <c r="GB30" s="25">
        <v>30458</v>
      </c>
      <c r="GC30" s="25">
        <v>19640</v>
      </c>
      <c r="GD30" s="25">
        <v>18850</v>
      </c>
      <c r="GE30" s="25">
        <v>14767</v>
      </c>
      <c r="GF30" s="28">
        <v>85980</v>
      </c>
      <c r="GG30" s="29">
        <v>85980</v>
      </c>
      <c r="GH30" s="24">
        <v>0</v>
      </c>
      <c r="GI30" s="25">
        <v>0</v>
      </c>
      <c r="GJ30" s="26">
        <v>0</v>
      </c>
      <c r="GK30" s="27">
        <v>0</v>
      </c>
      <c r="GL30" s="25">
        <v>0</v>
      </c>
      <c r="GM30" s="25">
        <v>0</v>
      </c>
      <c r="GN30" s="25">
        <v>0</v>
      </c>
      <c r="GO30" s="25">
        <v>0</v>
      </c>
      <c r="GP30" s="25">
        <v>0</v>
      </c>
      <c r="GQ30" s="28">
        <v>0</v>
      </c>
      <c r="GR30" s="29">
        <v>0</v>
      </c>
      <c r="GS30" s="24">
        <v>0</v>
      </c>
      <c r="GT30" s="25">
        <v>0</v>
      </c>
      <c r="GU30" s="26">
        <v>0</v>
      </c>
      <c r="GV30" s="27">
        <v>0</v>
      </c>
      <c r="GW30" s="25">
        <v>0</v>
      </c>
      <c r="GX30" s="25">
        <v>0</v>
      </c>
      <c r="GY30" s="25">
        <v>0</v>
      </c>
      <c r="GZ30" s="25">
        <v>0</v>
      </c>
      <c r="HA30" s="25">
        <v>0</v>
      </c>
      <c r="HB30" s="28">
        <v>0</v>
      </c>
      <c r="HC30" s="29">
        <v>0</v>
      </c>
      <c r="HD30" s="24">
        <v>0</v>
      </c>
      <c r="HE30" s="25">
        <v>0</v>
      </c>
      <c r="HF30" s="26">
        <v>0</v>
      </c>
      <c r="HG30" s="404">
        <v>0</v>
      </c>
      <c r="HH30" s="25">
        <v>0</v>
      </c>
      <c r="HI30" s="25">
        <v>0</v>
      </c>
      <c r="HJ30" s="25">
        <v>0</v>
      </c>
      <c r="HK30" s="25">
        <v>0</v>
      </c>
      <c r="HL30" s="25">
        <v>0</v>
      </c>
      <c r="HM30" s="28">
        <v>0</v>
      </c>
      <c r="HN30" s="29">
        <v>0</v>
      </c>
      <c r="HO30" s="24">
        <v>0</v>
      </c>
      <c r="HP30" s="25">
        <v>0</v>
      </c>
      <c r="HQ30" s="26">
        <v>0</v>
      </c>
      <c r="HR30" s="27">
        <v>0</v>
      </c>
      <c r="HS30" s="25">
        <v>156212</v>
      </c>
      <c r="HT30" s="25">
        <v>225385</v>
      </c>
      <c r="HU30" s="25">
        <v>734763</v>
      </c>
      <c r="HV30" s="25">
        <v>1330122</v>
      </c>
      <c r="HW30" s="25">
        <v>595633</v>
      </c>
      <c r="HX30" s="28">
        <v>3042115</v>
      </c>
      <c r="HY30" s="29">
        <v>3042115</v>
      </c>
    </row>
    <row r="31" spans="2:233" ht="21" customHeight="1" x14ac:dyDescent="0.2">
      <c r="B31" s="106" t="s">
        <v>28</v>
      </c>
      <c r="C31" s="24">
        <v>0</v>
      </c>
      <c r="D31" s="25">
        <v>0</v>
      </c>
      <c r="E31" s="26">
        <v>0</v>
      </c>
      <c r="F31" s="27">
        <v>0</v>
      </c>
      <c r="G31" s="25">
        <v>0</v>
      </c>
      <c r="H31" s="25">
        <v>24645</v>
      </c>
      <c r="I31" s="25">
        <v>244480</v>
      </c>
      <c r="J31" s="25">
        <v>249750</v>
      </c>
      <c r="K31" s="25">
        <v>84095</v>
      </c>
      <c r="L31" s="28">
        <v>602970</v>
      </c>
      <c r="M31" s="29">
        <v>602970</v>
      </c>
      <c r="N31" s="24">
        <v>0</v>
      </c>
      <c r="O31" s="25">
        <v>0</v>
      </c>
      <c r="P31" s="26">
        <v>0</v>
      </c>
      <c r="Q31" s="404">
        <v>0</v>
      </c>
      <c r="R31" s="25">
        <v>0</v>
      </c>
      <c r="S31" s="25">
        <v>0</v>
      </c>
      <c r="T31" s="25">
        <v>158100</v>
      </c>
      <c r="U31" s="25">
        <v>239385</v>
      </c>
      <c r="V31" s="25">
        <v>59745</v>
      </c>
      <c r="W31" s="28">
        <v>457230</v>
      </c>
      <c r="X31" s="29">
        <v>457230</v>
      </c>
      <c r="Y31" s="24">
        <v>0</v>
      </c>
      <c r="Z31" s="25">
        <v>0</v>
      </c>
      <c r="AA31" s="26">
        <v>0</v>
      </c>
      <c r="AB31" s="404">
        <v>0</v>
      </c>
      <c r="AC31" s="25">
        <v>0</v>
      </c>
      <c r="AD31" s="25">
        <v>24645</v>
      </c>
      <c r="AE31" s="25">
        <v>60740</v>
      </c>
      <c r="AF31" s="25">
        <v>10365</v>
      </c>
      <c r="AG31" s="25">
        <v>24350</v>
      </c>
      <c r="AH31" s="28">
        <v>120100</v>
      </c>
      <c r="AI31" s="29">
        <v>120100</v>
      </c>
      <c r="AJ31" s="24">
        <v>0</v>
      </c>
      <c r="AK31" s="25">
        <v>0</v>
      </c>
      <c r="AL31" s="26">
        <v>0</v>
      </c>
      <c r="AM31" s="404">
        <v>0</v>
      </c>
      <c r="AN31" s="25">
        <v>0</v>
      </c>
      <c r="AO31" s="25">
        <v>0</v>
      </c>
      <c r="AP31" s="25">
        <v>0</v>
      </c>
      <c r="AQ31" s="25">
        <v>0</v>
      </c>
      <c r="AR31" s="25">
        <v>0</v>
      </c>
      <c r="AS31" s="28">
        <v>0</v>
      </c>
      <c r="AT31" s="29">
        <v>0</v>
      </c>
      <c r="AU31" s="24">
        <v>0</v>
      </c>
      <c r="AV31" s="25">
        <v>0</v>
      </c>
      <c r="AW31" s="26">
        <v>0</v>
      </c>
      <c r="AX31" s="404">
        <v>0</v>
      </c>
      <c r="AY31" s="25">
        <v>0</v>
      </c>
      <c r="AZ31" s="25">
        <v>0</v>
      </c>
      <c r="BA31" s="25">
        <v>0</v>
      </c>
      <c r="BB31" s="25">
        <v>0</v>
      </c>
      <c r="BC31" s="25">
        <v>0</v>
      </c>
      <c r="BD31" s="28">
        <v>0</v>
      </c>
      <c r="BE31" s="29">
        <v>0</v>
      </c>
      <c r="BF31" s="24">
        <v>0</v>
      </c>
      <c r="BG31" s="25">
        <v>0</v>
      </c>
      <c r="BH31" s="26">
        <v>0</v>
      </c>
      <c r="BI31" s="404">
        <v>0</v>
      </c>
      <c r="BJ31" s="25">
        <v>0</v>
      </c>
      <c r="BK31" s="25">
        <v>0</v>
      </c>
      <c r="BL31" s="25">
        <v>0</v>
      </c>
      <c r="BM31" s="25">
        <v>0</v>
      </c>
      <c r="BN31" s="25">
        <v>0</v>
      </c>
      <c r="BO31" s="28">
        <v>0</v>
      </c>
      <c r="BP31" s="29">
        <v>0</v>
      </c>
      <c r="BQ31" s="24">
        <v>0</v>
      </c>
      <c r="BR31" s="25">
        <v>0</v>
      </c>
      <c r="BS31" s="26">
        <v>0</v>
      </c>
      <c r="BT31" s="27">
        <v>0</v>
      </c>
      <c r="BU31" s="25">
        <v>0</v>
      </c>
      <c r="BV31" s="25">
        <v>0</v>
      </c>
      <c r="BW31" s="25">
        <v>25640</v>
      </c>
      <c r="BX31" s="25">
        <v>0</v>
      </c>
      <c r="BY31" s="25">
        <v>0</v>
      </c>
      <c r="BZ31" s="28">
        <v>25640</v>
      </c>
      <c r="CA31" s="29">
        <v>25640</v>
      </c>
      <c r="CB31" s="24">
        <v>0</v>
      </c>
      <c r="CC31" s="25">
        <v>0</v>
      </c>
      <c r="CD31" s="26">
        <v>0</v>
      </c>
      <c r="CE31" s="27">
        <v>0</v>
      </c>
      <c r="CF31" s="25">
        <v>0</v>
      </c>
      <c r="CG31" s="25">
        <v>0</v>
      </c>
      <c r="CH31" s="25">
        <v>0</v>
      </c>
      <c r="CI31" s="25">
        <v>0</v>
      </c>
      <c r="CJ31" s="25">
        <v>0</v>
      </c>
      <c r="CK31" s="28">
        <v>0</v>
      </c>
      <c r="CL31" s="29">
        <v>0</v>
      </c>
      <c r="CM31" s="24">
        <v>0</v>
      </c>
      <c r="CN31" s="25">
        <v>0</v>
      </c>
      <c r="CO31" s="26">
        <v>0</v>
      </c>
      <c r="CP31" s="27">
        <v>0</v>
      </c>
      <c r="CQ31" s="25">
        <v>0</v>
      </c>
      <c r="CR31" s="25">
        <v>0</v>
      </c>
      <c r="CS31" s="25">
        <v>0</v>
      </c>
      <c r="CT31" s="25">
        <v>0</v>
      </c>
      <c r="CU31" s="25">
        <v>0</v>
      </c>
      <c r="CV31" s="28">
        <v>0</v>
      </c>
      <c r="CW31" s="29">
        <v>0</v>
      </c>
      <c r="CX31" s="24">
        <v>0</v>
      </c>
      <c r="CY31" s="25">
        <v>0</v>
      </c>
      <c r="CZ31" s="26">
        <v>0</v>
      </c>
      <c r="DA31" s="404">
        <v>0</v>
      </c>
      <c r="DB31" s="25">
        <v>0</v>
      </c>
      <c r="DC31" s="25">
        <v>0</v>
      </c>
      <c r="DD31" s="25">
        <v>0</v>
      </c>
      <c r="DE31" s="25">
        <v>0</v>
      </c>
      <c r="DF31" s="25">
        <v>0</v>
      </c>
      <c r="DG31" s="28">
        <v>0</v>
      </c>
      <c r="DH31" s="29">
        <v>0</v>
      </c>
      <c r="DI31" s="24">
        <v>0</v>
      </c>
      <c r="DJ31" s="25">
        <v>0</v>
      </c>
      <c r="DK31" s="26">
        <v>0</v>
      </c>
      <c r="DL31" s="27">
        <v>0</v>
      </c>
      <c r="DM31" s="25">
        <v>0</v>
      </c>
      <c r="DN31" s="25">
        <v>217</v>
      </c>
      <c r="DO31" s="25">
        <v>147506</v>
      </c>
      <c r="DP31" s="25">
        <v>225921</v>
      </c>
      <c r="DQ31" s="25">
        <v>85808</v>
      </c>
      <c r="DR31" s="28">
        <v>459452</v>
      </c>
      <c r="DS31" s="30">
        <v>459452</v>
      </c>
      <c r="DT31" s="24">
        <v>0</v>
      </c>
      <c r="DU31" s="25">
        <v>0</v>
      </c>
      <c r="DV31" s="26">
        <v>0</v>
      </c>
      <c r="DW31" s="404">
        <v>0</v>
      </c>
      <c r="DX31" s="25">
        <v>0</v>
      </c>
      <c r="DY31" s="25">
        <v>0</v>
      </c>
      <c r="DZ31" s="25">
        <v>129642</v>
      </c>
      <c r="EA31" s="25">
        <v>193529</v>
      </c>
      <c r="EB31" s="25">
        <v>85591</v>
      </c>
      <c r="EC31" s="28">
        <v>408762</v>
      </c>
      <c r="ED31" s="29">
        <v>408762</v>
      </c>
      <c r="EE31" s="24">
        <v>0</v>
      </c>
      <c r="EF31" s="25">
        <v>0</v>
      </c>
      <c r="EG31" s="26">
        <v>0</v>
      </c>
      <c r="EH31" s="404">
        <v>0</v>
      </c>
      <c r="EI31" s="25">
        <v>0</v>
      </c>
      <c r="EJ31" s="25">
        <v>217</v>
      </c>
      <c r="EK31" s="25">
        <v>854</v>
      </c>
      <c r="EL31" s="25">
        <v>32392</v>
      </c>
      <c r="EM31" s="25">
        <v>217</v>
      </c>
      <c r="EN31" s="28">
        <v>33680</v>
      </c>
      <c r="EO31" s="29">
        <v>33680</v>
      </c>
      <c r="EP31" s="24">
        <v>0</v>
      </c>
      <c r="EQ31" s="25">
        <v>0</v>
      </c>
      <c r="ER31" s="26">
        <v>0</v>
      </c>
      <c r="ES31" s="404">
        <v>0</v>
      </c>
      <c r="ET31" s="25">
        <v>0</v>
      </c>
      <c r="EU31" s="25">
        <v>0</v>
      </c>
      <c r="EV31" s="25">
        <v>0</v>
      </c>
      <c r="EW31" s="25">
        <v>0</v>
      </c>
      <c r="EX31" s="25">
        <v>0</v>
      </c>
      <c r="EY31" s="28">
        <v>0</v>
      </c>
      <c r="EZ31" s="29">
        <v>0</v>
      </c>
      <c r="FA31" s="24">
        <v>0</v>
      </c>
      <c r="FB31" s="25">
        <v>0</v>
      </c>
      <c r="FC31" s="26">
        <v>0</v>
      </c>
      <c r="FD31" s="404">
        <v>0</v>
      </c>
      <c r="FE31" s="25">
        <v>0</v>
      </c>
      <c r="FF31" s="25">
        <v>0</v>
      </c>
      <c r="FG31" s="25">
        <v>0</v>
      </c>
      <c r="FH31" s="25">
        <v>0</v>
      </c>
      <c r="FI31" s="25">
        <v>0</v>
      </c>
      <c r="FJ31" s="28">
        <v>0</v>
      </c>
      <c r="FK31" s="29">
        <v>0</v>
      </c>
      <c r="FL31" s="24">
        <v>0</v>
      </c>
      <c r="FM31" s="25">
        <v>0</v>
      </c>
      <c r="FN31" s="26">
        <v>0</v>
      </c>
      <c r="FO31" s="404">
        <v>0</v>
      </c>
      <c r="FP31" s="25">
        <v>0</v>
      </c>
      <c r="FQ31" s="25">
        <v>0</v>
      </c>
      <c r="FR31" s="25">
        <v>0</v>
      </c>
      <c r="FS31" s="25">
        <v>0</v>
      </c>
      <c r="FT31" s="25">
        <v>0</v>
      </c>
      <c r="FU31" s="28">
        <v>0</v>
      </c>
      <c r="FV31" s="29">
        <v>0</v>
      </c>
      <c r="FW31" s="24">
        <v>0</v>
      </c>
      <c r="FX31" s="25">
        <v>0</v>
      </c>
      <c r="FY31" s="26">
        <v>0</v>
      </c>
      <c r="FZ31" s="27">
        <v>0</v>
      </c>
      <c r="GA31" s="25">
        <v>0</v>
      </c>
      <c r="GB31" s="25">
        <v>0</v>
      </c>
      <c r="GC31" s="25">
        <v>17010</v>
      </c>
      <c r="GD31" s="25">
        <v>0</v>
      </c>
      <c r="GE31" s="25">
        <v>0</v>
      </c>
      <c r="GF31" s="28">
        <v>17010</v>
      </c>
      <c r="GG31" s="29">
        <v>17010</v>
      </c>
      <c r="GH31" s="24">
        <v>0</v>
      </c>
      <c r="GI31" s="25">
        <v>0</v>
      </c>
      <c r="GJ31" s="26">
        <v>0</v>
      </c>
      <c r="GK31" s="27">
        <v>0</v>
      </c>
      <c r="GL31" s="25">
        <v>0</v>
      </c>
      <c r="GM31" s="25">
        <v>0</v>
      </c>
      <c r="GN31" s="25">
        <v>0</v>
      </c>
      <c r="GO31" s="25">
        <v>0</v>
      </c>
      <c r="GP31" s="25">
        <v>0</v>
      </c>
      <c r="GQ31" s="28">
        <v>0</v>
      </c>
      <c r="GR31" s="29">
        <v>0</v>
      </c>
      <c r="GS31" s="24">
        <v>0</v>
      </c>
      <c r="GT31" s="25">
        <v>0</v>
      </c>
      <c r="GU31" s="26">
        <v>0</v>
      </c>
      <c r="GV31" s="27">
        <v>0</v>
      </c>
      <c r="GW31" s="25">
        <v>0</v>
      </c>
      <c r="GX31" s="25">
        <v>0</v>
      </c>
      <c r="GY31" s="25">
        <v>0</v>
      </c>
      <c r="GZ31" s="25">
        <v>0</v>
      </c>
      <c r="HA31" s="25">
        <v>0</v>
      </c>
      <c r="HB31" s="28">
        <v>0</v>
      </c>
      <c r="HC31" s="29">
        <v>0</v>
      </c>
      <c r="HD31" s="24">
        <v>0</v>
      </c>
      <c r="HE31" s="25">
        <v>0</v>
      </c>
      <c r="HF31" s="26">
        <v>0</v>
      </c>
      <c r="HG31" s="404">
        <v>0</v>
      </c>
      <c r="HH31" s="25">
        <v>0</v>
      </c>
      <c r="HI31" s="25">
        <v>0</v>
      </c>
      <c r="HJ31" s="25">
        <v>0</v>
      </c>
      <c r="HK31" s="25">
        <v>0</v>
      </c>
      <c r="HL31" s="25">
        <v>0</v>
      </c>
      <c r="HM31" s="28">
        <v>0</v>
      </c>
      <c r="HN31" s="29">
        <v>0</v>
      </c>
      <c r="HO31" s="24">
        <v>0</v>
      </c>
      <c r="HP31" s="25">
        <v>0</v>
      </c>
      <c r="HQ31" s="26">
        <v>0</v>
      </c>
      <c r="HR31" s="27">
        <v>0</v>
      </c>
      <c r="HS31" s="25">
        <v>0</v>
      </c>
      <c r="HT31" s="25">
        <v>24862</v>
      </c>
      <c r="HU31" s="25">
        <v>391986</v>
      </c>
      <c r="HV31" s="25">
        <v>475671</v>
      </c>
      <c r="HW31" s="25">
        <v>169903</v>
      </c>
      <c r="HX31" s="28">
        <v>1062422</v>
      </c>
      <c r="HY31" s="29">
        <v>1062422</v>
      </c>
    </row>
    <row r="32" spans="2:233" ht="21" customHeight="1" x14ac:dyDescent="0.2">
      <c r="B32" s="106" t="s">
        <v>29</v>
      </c>
      <c r="C32" s="24">
        <v>0</v>
      </c>
      <c r="D32" s="25">
        <v>0</v>
      </c>
      <c r="E32" s="26">
        <v>0</v>
      </c>
      <c r="F32" s="27">
        <v>0</v>
      </c>
      <c r="G32" s="25">
        <v>24645</v>
      </c>
      <c r="H32" s="25">
        <v>63200</v>
      </c>
      <c r="I32" s="25">
        <v>216520</v>
      </c>
      <c r="J32" s="25">
        <v>286970</v>
      </c>
      <c r="K32" s="25">
        <v>190805</v>
      </c>
      <c r="L32" s="28">
        <v>782140</v>
      </c>
      <c r="M32" s="29">
        <v>782140</v>
      </c>
      <c r="N32" s="24">
        <v>0</v>
      </c>
      <c r="O32" s="25">
        <v>0</v>
      </c>
      <c r="P32" s="26">
        <v>0</v>
      </c>
      <c r="Q32" s="404">
        <v>0</v>
      </c>
      <c r="R32" s="25">
        <v>0</v>
      </c>
      <c r="S32" s="25">
        <v>32705</v>
      </c>
      <c r="T32" s="25">
        <v>90055</v>
      </c>
      <c r="U32" s="25">
        <v>178315</v>
      </c>
      <c r="V32" s="25">
        <v>155465</v>
      </c>
      <c r="W32" s="28">
        <v>456540</v>
      </c>
      <c r="X32" s="29">
        <v>456540</v>
      </c>
      <c r="Y32" s="24">
        <v>0</v>
      </c>
      <c r="Z32" s="25">
        <v>0</v>
      </c>
      <c r="AA32" s="26">
        <v>0</v>
      </c>
      <c r="AB32" s="404">
        <v>0</v>
      </c>
      <c r="AC32" s="25">
        <v>24645</v>
      </c>
      <c r="AD32" s="25">
        <v>29915</v>
      </c>
      <c r="AE32" s="25">
        <v>111715</v>
      </c>
      <c r="AF32" s="25">
        <v>37975</v>
      </c>
      <c r="AG32" s="25">
        <v>32705</v>
      </c>
      <c r="AH32" s="28">
        <v>236955</v>
      </c>
      <c r="AI32" s="29">
        <v>236955</v>
      </c>
      <c r="AJ32" s="24">
        <v>0</v>
      </c>
      <c r="AK32" s="25">
        <v>0</v>
      </c>
      <c r="AL32" s="26">
        <v>0</v>
      </c>
      <c r="AM32" s="404">
        <v>0</v>
      </c>
      <c r="AN32" s="25">
        <v>0</v>
      </c>
      <c r="AO32" s="25">
        <v>0</v>
      </c>
      <c r="AP32" s="25">
        <v>0</v>
      </c>
      <c r="AQ32" s="25">
        <v>0</v>
      </c>
      <c r="AR32" s="25">
        <v>0</v>
      </c>
      <c r="AS32" s="28">
        <v>0</v>
      </c>
      <c r="AT32" s="29">
        <v>0</v>
      </c>
      <c r="AU32" s="24">
        <v>0</v>
      </c>
      <c r="AV32" s="25">
        <v>0</v>
      </c>
      <c r="AW32" s="26">
        <v>0</v>
      </c>
      <c r="AX32" s="404">
        <v>0</v>
      </c>
      <c r="AY32" s="25">
        <v>0</v>
      </c>
      <c r="AZ32" s="25">
        <v>0</v>
      </c>
      <c r="BA32" s="25">
        <v>0</v>
      </c>
      <c r="BB32" s="25">
        <v>0</v>
      </c>
      <c r="BC32" s="25">
        <v>0</v>
      </c>
      <c r="BD32" s="28">
        <v>0</v>
      </c>
      <c r="BE32" s="29">
        <v>0</v>
      </c>
      <c r="BF32" s="24">
        <v>0</v>
      </c>
      <c r="BG32" s="25">
        <v>0</v>
      </c>
      <c r="BH32" s="26">
        <v>0</v>
      </c>
      <c r="BI32" s="404">
        <v>0</v>
      </c>
      <c r="BJ32" s="25">
        <v>0</v>
      </c>
      <c r="BK32" s="25">
        <v>0</v>
      </c>
      <c r="BL32" s="25">
        <v>5270</v>
      </c>
      <c r="BM32" s="25">
        <v>70680</v>
      </c>
      <c r="BN32" s="25">
        <v>2635</v>
      </c>
      <c r="BO32" s="28">
        <v>78585</v>
      </c>
      <c r="BP32" s="29">
        <v>78585</v>
      </c>
      <c r="BQ32" s="24">
        <v>0</v>
      </c>
      <c r="BR32" s="25">
        <v>0</v>
      </c>
      <c r="BS32" s="26">
        <v>0</v>
      </c>
      <c r="BT32" s="27">
        <v>0</v>
      </c>
      <c r="BU32" s="25">
        <v>0</v>
      </c>
      <c r="BV32" s="25">
        <v>580</v>
      </c>
      <c r="BW32" s="25">
        <v>9480</v>
      </c>
      <c r="BX32" s="25">
        <v>0</v>
      </c>
      <c r="BY32" s="25">
        <v>0</v>
      </c>
      <c r="BZ32" s="28">
        <v>10060</v>
      </c>
      <c r="CA32" s="29">
        <v>10060</v>
      </c>
      <c r="CB32" s="24">
        <v>0</v>
      </c>
      <c r="CC32" s="25">
        <v>0</v>
      </c>
      <c r="CD32" s="26">
        <v>0</v>
      </c>
      <c r="CE32" s="27">
        <v>0</v>
      </c>
      <c r="CF32" s="25">
        <v>0</v>
      </c>
      <c r="CG32" s="25">
        <v>0</v>
      </c>
      <c r="CH32" s="25">
        <v>0</v>
      </c>
      <c r="CI32" s="25">
        <v>0</v>
      </c>
      <c r="CJ32" s="25">
        <v>0</v>
      </c>
      <c r="CK32" s="28">
        <v>0</v>
      </c>
      <c r="CL32" s="29">
        <v>0</v>
      </c>
      <c r="CM32" s="24">
        <v>0</v>
      </c>
      <c r="CN32" s="25">
        <v>0</v>
      </c>
      <c r="CO32" s="26">
        <v>0</v>
      </c>
      <c r="CP32" s="27">
        <v>0</v>
      </c>
      <c r="CQ32" s="25">
        <v>0</v>
      </c>
      <c r="CR32" s="25">
        <v>0</v>
      </c>
      <c r="CS32" s="25">
        <v>0</v>
      </c>
      <c r="CT32" s="25">
        <v>0</v>
      </c>
      <c r="CU32" s="25">
        <v>0</v>
      </c>
      <c r="CV32" s="28">
        <v>0</v>
      </c>
      <c r="CW32" s="29">
        <v>0</v>
      </c>
      <c r="CX32" s="24">
        <v>0</v>
      </c>
      <c r="CY32" s="25">
        <v>0</v>
      </c>
      <c r="CZ32" s="26">
        <v>0</v>
      </c>
      <c r="DA32" s="404">
        <v>0</v>
      </c>
      <c r="DB32" s="25">
        <v>0</v>
      </c>
      <c r="DC32" s="25">
        <v>0</v>
      </c>
      <c r="DD32" s="25">
        <v>0</v>
      </c>
      <c r="DE32" s="25">
        <v>0</v>
      </c>
      <c r="DF32" s="25">
        <v>0</v>
      </c>
      <c r="DG32" s="28">
        <v>0</v>
      </c>
      <c r="DH32" s="29">
        <v>0</v>
      </c>
      <c r="DI32" s="24">
        <v>0</v>
      </c>
      <c r="DJ32" s="25">
        <v>0</v>
      </c>
      <c r="DK32" s="26">
        <v>0</v>
      </c>
      <c r="DL32" s="27">
        <v>0</v>
      </c>
      <c r="DM32" s="25">
        <v>217</v>
      </c>
      <c r="DN32" s="25">
        <v>29375</v>
      </c>
      <c r="DO32" s="25">
        <v>115526</v>
      </c>
      <c r="DP32" s="25">
        <v>340482</v>
      </c>
      <c r="DQ32" s="25">
        <v>141670</v>
      </c>
      <c r="DR32" s="28">
        <v>627270</v>
      </c>
      <c r="DS32" s="30">
        <v>627270</v>
      </c>
      <c r="DT32" s="24">
        <v>0</v>
      </c>
      <c r="DU32" s="25">
        <v>0</v>
      </c>
      <c r="DV32" s="26">
        <v>0</v>
      </c>
      <c r="DW32" s="404">
        <v>0</v>
      </c>
      <c r="DX32" s="25">
        <v>0</v>
      </c>
      <c r="DY32" s="25">
        <v>15035</v>
      </c>
      <c r="DZ32" s="25">
        <v>51646</v>
      </c>
      <c r="EA32" s="25">
        <v>223147</v>
      </c>
      <c r="EB32" s="25">
        <v>130572</v>
      </c>
      <c r="EC32" s="28">
        <v>420400</v>
      </c>
      <c r="ED32" s="29">
        <v>420400</v>
      </c>
      <c r="EE32" s="24">
        <v>0</v>
      </c>
      <c r="EF32" s="25">
        <v>0</v>
      </c>
      <c r="EG32" s="26">
        <v>0</v>
      </c>
      <c r="EH32" s="404">
        <v>0</v>
      </c>
      <c r="EI32" s="25">
        <v>217</v>
      </c>
      <c r="EJ32" s="25">
        <v>11532</v>
      </c>
      <c r="EK32" s="25">
        <v>9455</v>
      </c>
      <c r="EL32" s="25">
        <v>651</v>
      </c>
      <c r="EM32" s="25">
        <v>217</v>
      </c>
      <c r="EN32" s="28">
        <v>22072</v>
      </c>
      <c r="EO32" s="29">
        <v>22072</v>
      </c>
      <c r="EP32" s="24">
        <v>0</v>
      </c>
      <c r="EQ32" s="25">
        <v>0</v>
      </c>
      <c r="ER32" s="26">
        <v>0</v>
      </c>
      <c r="ES32" s="404">
        <v>0</v>
      </c>
      <c r="ET32" s="25">
        <v>0</v>
      </c>
      <c r="EU32" s="25">
        <v>0</v>
      </c>
      <c r="EV32" s="25">
        <v>0</v>
      </c>
      <c r="EW32" s="25">
        <v>0</v>
      </c>
      <c r="EX32" s="25">
        <v>0</v>
      </c>
      <c r="EY32" s="28">
        <v>0</v>
      </c>
      <c r="EZ32" s="29">
        <v>0</v>
      </c>
      <c r="FA32" s="24">
        <v>0</v>
      </c>
      <c r="FB32" s="25">
        <v>0</v>
      </c>
      <c r="FC32" s="26">
        <v>0</v>
      </c>
      <c r="FD32" s="404">
        <v>0</v>
      </c>
      <c r="FE32" s="25">
        <v>0</v>
      </c>
      <c r="FF32" s="25">
        <v>0</v>
      </c>
      <c r="FG32" s="25">
        <v>0</v>
      </c>
      <c r="FH32" s="25">
        <v>0</v>
      </c>
      <c r="FI32" s="25">
        <v>0</v>
      </c>
      <c r="FJ32" s="28">
        <v>0</v>
      </c>
      <c r="FK32" s="29">
        <v>0</v>
      </c>
      <c r="FL32" s="24">
        <v>0</v>
      </c>
      <c r="FM32" s="25">
        <v>0</v>
      </c>
      <c r="FN32" s="26">
        <v>0</v>
      </c>
      <c r="FO32" s="404">
        <v>0</v>
      </c>
      <c r="FP32" s="25">
        <v>0</v>
      </c>
      <c r="FQ32" s="25">
        <v>0</v>
      </c>
      <c r="FR32" s="25">
        <v>43152</v>
      </c>
      <c r="FS32" s="25">
        <v>116684</v>
      </c>
      <c r="FT32" s="25">
        <v>10881</v>
      </c>
      <c r="FU32" s="28">
        <v>170717</v>
      </c>
      <c r="FV32" s="29">
        <v>170717</v>
      </c>
      <c r="FW32" s="24">
        <v>0</v>
      </c>
      <c r="FX32" s="25">
        <v>0</v>
      </c>
      <c r="FY32" s="26">
        <v>0</v>
      </c>
      <c r="FZ32" s="27">
        <v>0</v>
      </c>
      <c r="GA32" s="25">
        <v>0</v>
      </c>
      <c r="GB32" s="25">
        <v>2808</v>
      </c>
      <c r="GC32" s="25">
        <v>11273</v>
      </c>
      <c r="GD32" s="25">
        <v>0</v>
      </c>
      <c r="GE32" s="25">
        <v>0</v>
      </c>
      <c r="GF32" s="28">
        <v>14081</v>
      </c>
      <c r="GG32" s="29">
        <v>14081</v>
      </c>
      <c r="GH32" s="24">
        <v>0</v>
      </c>
      <c r="GI32" s="25">
        <v>0</v>
      </c>
      <c r="GJ32" s="26">
        <v>0</v>
      </c>
      <c r="GK32" s="27">
        <v>0</v>
      </c>
      <c r="GL32" s="25">
        <v>0</v>
      </c>
      <c r="GM32" s="25">
        <v>0</v>
      </c>
      <c r="GN32" s="25">
        <v>0</v>
      </c>
      <c r="GO32" s="25">
        <v>0</v>
      </c>
      <c r="GP32" s="25">
        <v>0</v>
      </c>
      <c r="GQ32" s="28">
        <v>0</v>
      </c>
      <c r="GR32" s="29">
        <v>0</v>
      </c>
      <c r="GS32" s="24">
        <v>0</v>
      </c>
      <c r="GT32" s="25">
        <v>0</v>
      </c>
      <c r="GU32" s="26">
        <v>0</v>
      </c>
      <c r="GV32" s="27">
        <v>0</v>
      </c>
      <c r="GW32" s="25">
        <v>0</v>
      </c>
      <c r="GX32" s="25">
        <v>0</v>
      </c>
      <c r="GY32" s="25">
        <v>0</v>
      </c>
      <c r="GZ32" s="25">
        <v>0</v>
      </c>
      <c r="HA32" s="25">
        <v>0</v>
      </c>
      <c r="HB32" s="28">
        <v>0</v>
      </c>
      <c r="HC32" s="29">
        <v>0</v>
      </c>
      <c r="HD32" s="24">
        <v>0</v>
      </c>
      <c r="HE32" s="25">
        <v>0</v>
      </c>
      <c r="HF32" s="26">
        <v>0</v>
      </c>
      <c r="HG32" s="404">
        <v>0</v>
      </c>
      <c r="HH32" s="25">
        <v>0</v>
      </c>
      <c r="HI32" s="25">
        <v>0</v>
      </c>
      <c r="HJ32" s="25">
        <v>0</v>
      </c>
      <c r="HK32" s="25">
        <v>0</v>
      </c>
      <c r="HL32" s="25">
        <v>0</v>
      </c>
      <c r="HM32" s="28">
        <v>0</v>
      </c>
      <c r="HN32" s="29">
        <v>0</v>
      </c>
      <c r="HO32" s="24">
        <v>0</v>
      </c>
      <c r="HP32" s="25">
        <v>0</v>
      </c>
      <c r="HQ32" s="26">
        <v>0</v>
      </c>
      <c r="HR32" s="27">
        <v>0</v>
      </c>
      <c r="HS32" s="25">
        <v>24862</v>
      </c>
      <c r="HT32" s="25">
        <v>92575</v>
      </c>
      <c r="HU32" s="25">
        <v>332046</v>
      </c>
      <c r="HV32" s="25">
        <v>627452</v>
      </c>
      <c r="HW32" s="25">
        <v>332475</v>
      </c>
      <c r="HX32" s="28">
        <v>1409410</v>
      </c>
      <c r="HY32" s="29">
        <v>1409410</v>
      </c>
    </row>
    <row r="33" spans="2:233" ht="21" customHeight="1" x14ac:dyDescent="0.2">
      <c r="B33" s="106" t="s">
        <v>30</v>
      </c>
      <c r="C33" s="24">
        <v>0</v>
      </c>
      <c r="D33" s="25">
        <v>0</v>
      </c>
      <c r="E33" s="26">
        <v>0</v>
      </c>
      <c r="F33" s="27">
        <v>0</v>
      </c>
      <c r="G33" s="25">
        <v>68240</v>
      </c>
      <c r="H33" s="25">
        <v>78970</v>
      </c>
      <c r="I33" s="25">
        <v>274545</v>
      </c>
      <c r="J33" s="25">
        <v>358960</v>
      </c>
      <c r="K33" s="25">
        <v>201825</v>
      </c>
      <c r="L33" s="28">
        <v>982540</v>
      </c>
      <c r="M33" s="29">
        <v>982540</v>
      </c>
      <c r="N33" s="24">
        <v>0</v>
      </c>
      <c r="O33" s="25">
        <v>0</v>
      </c>
      <c r="P33" s="26">
        <v>0</v>
      </c>
      <c r="Q33" s="404">
        <v>0</v>
      </c>
      <c r="R33" s="25">
        <v>0</v>
      </c>
      <c r="S33" s="25">
        <v>2635</v>
      </c>
      <c r="T33" s="25">
        <v>221655</v>
      </c>
      <c r="U33" s="25">
        <v>301465</v>
      </c>
      <c r="V33" s="25">
        <v>160580</v>
      </c>
      <c r="W33" s="28">
        <v>686335</v>
      </c>
      <c r="X33" s="29">
        <v>686335</v>
      </c>
      <c r="Y33" s="24">
        <v>0</v>
      </c>
      <c r="Z33" s="25">
        <v>0</v>
      </c>
      <c r="AA33" s="26">
        <v>0</v>
      </c>
      <c r="AB33" s="404">
        <v>0</v>
      </c>
      <c r="AC33" s="25">
        <v>67365</v>
      </c>
      <c r="AD33" s="25">
        <v>76335</v>
      </c>
      <c r="AE33" s="25">
        <v>37890</v>
      </c>
      <c r="AF33" s="25">
        <v>57350</v>
      </c>
      <c r="AG33" s="25">
        <v>2635</v>
      </c>
      <c r="AH33" s="28">
        <v>241575</v>
      </c>
      <c r="AI33" s="29">
        <v>241575</v>
      </c>
      <c r="AJ33" s="24">
        <v>0</v>
      </c>
      <c r="AK33" s="25">
        <v>0</v>
      </c>
      <c r="AL33" s="26">
        <v>0</v>
      </c>
      <c r="AM33" s="404">
        <v>0</v>
      </c>
      <c r="AN33" s="25">
        <v>0</v>
      </c>
      <c r="AO33" s="25">
        <v>0</v>
      </c>
      <c r="AP33" s="25">
        <v>0</v>
      </c>
      <c r="AQ33" s="25">
        <v>0</v>
      </c>
      <c r="AR33" s="25">
        <v>0</v>
      </c>
      <c r="AS33" s="28">
        <v>0</v>
      </c>
      <c r="AT33" s="29">
        <v>0</v>
      </c>
      <c r="AU33" s="24">
        <v>0</v>
      </c>
      <c r="AV33" s="25">
        <v>0</v>
      </c>
      <c r="AW33" s="26">
        <v>0</v>
      </c>
      <c r="AX33" s="404">
        <v>0</v>
      </c>
      <c r="AY33" s="25">
        <v>0</v>
      </c>
      <c r="AZ33" s="25">
        <v>0</v>
      </c>
      <c r="BA33" s="25">
        <v>0</v>
      </c>
      <c r="BB33" s="25">
        <v>0</v>
      </c>
      <c r="BC33" s="25">
        <v>35495</v>
      </c>
      <c r="BD33" s="28">
        <v>35495</v>
      </c>
      <c r="BE33" s="29">
        <v>35495</v>
      </c>
      <c r="BF33" s="24">
        <v>0</v>
      </c>
      <c r="BG33" s="25">
        <v>0</v>
      </c>
      <c r="BH33" s="26">
        <v>0</v>
      </c>
      <c r="BI33" s="404">
        <v>0</v>
      </c>
      <c r="BJ33" s="25">
        <v>0</v>
      </c>
      <c r="BK33" s="25">
        <v>0</v>
      </c>
      <c r="BL33" s="25">
        <v>0</v>
      </c>
      <c r="BM33" s="25">
        <v>0</v>
      </c>
      <c r="BN33" s="25">
        <v>0</v>
      </c>
      <c r="BO33" s="28">
        <v>0</v>
      </c>
      <c r="BP33" s="29">
        <v>0</v>
      </c>
      <c r="BQ33" s="24">
        <v>0</v>
      </c>
      <c r="BR33" s="25">
        <v>0</v>
      </c>
      <c r="BS33" s="26">
        <v>0</v>
      </c>
      <c r="BT33" s="27">
        <v>0</v>
      </c>
      <c r="BU33" s="25">
        <v>875</v>
      </c>
      <c r="BV33" s="25">
        <v>0</v>
      </c>
      <c r="BW33" s="25">
        <v>15000</v>
      </c>
      <c r="BX33" s="25">
        <v>145</v>
      </c>
      <c r="BY33" s="25">
        <v>3115</v>
      </c>
      <c r="BZ33" s="28">
        <v>19135</v>
      </c>
      <c r="CA33" s="29">
        <v>19135</v>
      </c>
      <c r="CB33" s="24">
        <v>0</v>
      </c>
      <c r="CC33" s="25">
        <v>0</v>
      </c>
      <c r="CD33" s="26">
        <v>0</v>
      </c>
      <c r="CE33" s="27">
        <v>0</v>
      </c>
      <c r="CF33" s="25">
        <v>0</v>
      </c>
      <c r="CG33" s="25">
        <v>0</v>
      </c>
      <c r="CH33" s="25">
        <v>0</v>
      </c>
      <c r="CI33" s="25">
        <v>0</v>
      </c>
      <c r="CJ33" s="25">
        <v>0</v>
      </c>
      <c r="CK33" s="28">
        <v>0</v>
      </c>
      <c r="CL33" s="29">
        <v>0</v>
      </c>
      <c r="CM33" s="24">
        <v>0</v>
      </c>
      <c r="CN33" s="25">
        <v>0</v>
      </c>
      <c r="CO33" s="26">
        <v>0</v>
      </c>
      <c r="CP33" s="27">
        <v>0</v>
      </c>
      <c r="CQ33" s="25">
        <v>0</v>
      </c>
      <c r="CR33" s="25">
        <v>0</v>
      </c>
      <c r="CS33" s="25">
        <v>0</v>
      </c>
      <c r="CT33" s="25">
        <v>0</v>
      </c>
      <c r="CU33" s="25">
        <v>0</v>
      </c>
      <c r="CV33" s="28">
        <v>0</v>
      </c>
      <c r="CW33" s="29">
        <v>0</v>
      </c>
      <c r="CX33" s="24">
        <v>0</v>
      </c>
      <c r="CY33" s="25">
        <v>0</v>
      </c>
      <c r="CZ33" s="26">
        <v>0</v>
      </c>
      <c r="DA33" s="404">
        <v>0</v>
      </c>
      <c r="DB33" s="25">
        <v>0</v>
      </c>
      <c r="DC33" s="25">
        <v>0</v>
      </c>
      <c r="DD33" s="25">
        <v>0</v>
      </c>
      <c r="DE33" s="25">
        <v>0</v>
      </c>
      <c r="DF33" s="25">
        <v>0</v>
      </c>
      <c r="DG33" s="28">
        <v>0</v>
      </c>
      <c r="DH33" s="29">
        <v>0</v>
      </c>
      <c r="DI33" s="24">
        <v>0</v>
      </c>
      <c r="DJ33" s="25">
        <v>0</v>
      </c>
      <c r="DK33" s="26">
        <v>0</v>
      </c>
      <c r="DL33" s="27">
        <v>0</v>
      </c>
      <c r="DM33" s="25">
        <v>37044</v>
      </c>
      <c r="DN33" s="25">
        <v>32548</v>
      </c>
      <c r="DO33" s="25">
        <v>343929</v>
      </c>
      <c r="DP33" s="25">
        <v>382660</v>
      </c>
      <c r="DQ33" s="25">
        <v>201237</v>
      </c>
      <c r="DR33" s="28">
        <v>997418</v>
      </c>
      <c r="DS33" s="30">
        <v>997418</v>
      </c>
      <c r="DT33" s="24">
        <v>0</v>
      </c>
      <c r="DU33" s="25">
        <v>0</v>
      </c>
      <c r="DV33" s="26">
        <v>0</v>
      </c>
      <c r="DW33" s="404">
        <v>0</v>
      </c>
      <c r="DX33" s="25">
        <v>0</v>
      </c>
      <c r="DY33" s="25">
        <v>21576</v>
      </c>
      <c r="DZ33" s="25">
        <v>303861</v>
      </c>
      <c r="EA33" s="25">
        <v>380471</v>
      </c>
      <c r="EB33" s="25">
        <v>184078</v>
      </c>
      <c r="EC33" s="28">
        <v>889986</v>
      </c>
      <c r="ED33" s="29">
        <v>889986</v>
      </c>
      <c r="EE33" s="24">
        <v>0</v>
      </c>
      <c r="EF33" s="25">
        <v>0</v>
      </c>
      <c r="EG33" s="26">
        <v>0</v>
      </c>
      <c r="EH33" s="404">
        <v>0</v>
      </c>
      <c r="EI33" s="25">
        <v>34672</v>
      </c>
      <c r="EJ33" s="25">
        <v>10972</v>
      </c>
      <c r="EK33" s="25">
        <v>644</v>
      </c>
      <c r="EL33" s="25">
        <v>434</v>
      </c>
      <c r="EM33" s="25">
        <v>217</v>
      </c>
      <c r="EN33" s="28">
        <v>46939</v>
      </c>
      <c r="EO33" s="29">
        <v>46939</v>
      </c>
      <c r="EP33" s="24">
        <v>0</v>
      </c>
      <c r="EQ33" s="25">
        <v>0</v>
      </c>
      <c r="ER33" s="26">
        <v>0</v>
      </c>
      <c r="ES33" s="404">
        <v>0</v>
      </c>
      <c r="ET33" s="25">
        <v>0</v>
      </c>
      <c r="EU33" s="25">
        <v>0</v>
      </c>
      <c r="EV33" s="25">
        <v>0</v>
      </c>
      <c r="EW33" s="25">
        <v>0</v>
      </c>
      <c r="EX33" s="25">
        <v>0</v>
      </c>
      <c r="EY33" s="28">
        <v>0</v>
      </c>
      <c r="EZ33" s="29">
        <v>0</v>
      </c>
      <c r="FA33" s="24">
        <v>0</v>
      </c>
      <c r="FB33" s="25">
        <v>0</v>
      </c>
      <c r="FC33" s="26">
        <v>0</v>
      </c>
      <c r="FD33" s="404">
        <v>0</v>
      </c>
      <c r="FE33" s="25">
        <v>0</v>
      </c>
      <c r="FF33" s="25">
        <v>0</v>
      </c>
      <c r="FG33" s="25">
        <v>0</v>
      </c>
      <c r="FH33" s="25">
        <v>0</v>
      </c>
      <c r="FI33" s="25">
        <v>13547</v>
      </c>
      <c r="FJ33" s="28">
        <v>13547</v>
      </c>
      <c r="FK33" s="29">
        <v>13547</v>
      </c>
      <c r="FL33" s="24">
        <v>0</v>
      </c>
      <c r="FM33" s="25">
        <v>0</v>
      </c>
      <c r="FN33" s="26">
        <v>0</v>
      </c>
      <c r="FO33" s="404">
        <v>0</v>
      </c>
      <c r="FP33" s="25">
        <v>0</v>
      </c>
      <c r="FQ33" s="25">
        <v>0</v>
      </c>
      <c r="FR33" s="25">
        <v>0</v>
      </c>
      <c r="FS33" s="25">
        <v>0</v>
      </c>
      <c r="FT33" s="25">
        <v>0</v>
      </c>
      <c r="FU33" s="28">
        <v>0</v>
      </c>
      <c r="FV33" s="29">
        <v>0</v>
      </c>
      <c r="FW33" s="24">
        <v>0</v>
      </c>
      <c r="FX33" s="25">
        <v>0</v>
      </c>
      <c r="FY33" s="26">
        <v>0</v>
      </c>
      <c r="FZ33" s="27">
        <v>0</v>
      </c>
      <c r="GA33" s="25">
        <v>2372</v>
      </c>
      <c r="GB33" s="25">
        <v>0</v>
      </c>
      <c r="GC33" s="25">
        <v>39424</v>
      </c>
      <c r="GD33" s="25">
        <v>1755</v>
      </c>
      <c r="GE33" s="25">
        <v>3395</v>
      </c>
      <c r="GF33" s="28">
        <v>46946</v>
      </c>
      <c r="GG33" s="29">
        <v>46946</v>
      </c>
      <c r="GH33" s="24">
        <v>0</v>
      </c>
      <c r="GI33" s="25">
        <v>0</v>
      </c>
      <c r="GJ33" s="26">
        <v>0</v>
      </c>
      <c r="GK33" s="27">
        <v>0</v>
      </c>
      <c r="GL33" s="25">
        <v>0</v>
      </c>
      <c r="GM33" s="25">
        <v>0</v>
      </c>
      <c r="GN33" s="25">
        <v>0</v>
      </c>
      <c r="GO33" s="25">
        <v>0</v>
      </c>
      <c r="GP33" s="25">
        <v>0</v>
      </c>
      <c r="GQ33" s="28">
        <v>0</v>
      </c>
      <c r="GR33" s="29">
        <v>0</v>
      </c>
      <c r="GS33" s="24">
        <v>0</v>
      </c>
      <c r="GT33" s="25">
        <v>0</v>
      </c>
      <c r="GU33" s="26">
        <v>0</v>
      </c>
      <c r="GV33" s="27">
        <v>0</v>
      </c>
      <c r="GW33" s="25">
        <v>0</v>
      </c>
      <c r="GX33" s="25">
        <v>0</v>
      </c>
      <c r="GY33" s="25">
        <v>0</v>
      </c>
      <c r="GZ33" s="25">
        <v>0</v>
      </c>
      <c r="HA33" s="25">
        <v>0</v>
      </c>
      <c r="HB33" s="28">
        <v>0</v>
      </c>
      <c r="HC33" s="29">
        <v>0</v>
      </c>
      <c r="HD33" s="24">
        <v>0</v>
      </c>
      <c r="HE33" s="25">
        <v>0</v>
      </c>
      <c r="HF33" s="26">
        <v>0</v>
      </c>
      <c r="HG33" s="404">
        <v>0</v>
      </c>
      <c r="HH33" s="25">
        <v>0</v>
      </c>
      <c r="HI33" s="25">
        <v>0</v>
      </c>
      <c r="HJ33" s="25">
        <v>0</v>
      </c>
      <c r="HK33" s="25">
        <v>0</v>
      </c>
      <c r="HL33" s="25">
        <v>0</v>
      </c>
      <c r="HM33" s="28">
        <v>0</v>
      </c>
      <c r="HN33" s="29">
        <v>0</v>
      </c>
      <c r="HO33" s="24">
        <v>0</v>
      </c>
      <c r="HP33" s="25">
        <v>0</v>
      </c>
      <c r="HQ33" s="26">
        <v>0</v>
      </c>
      <c r="HR33" s="27">
        <v>0</v>
      </c>
      <c r="HS33" s="25">
        <v>105284</v>
      </c>
      <c r="HT33" s="25">
        <v>111518</v>
      </c>
      <c r="HU33" s="25">
        <v>618474</v>
      </c>
      <c r="HV33" s="25">
        <v>741620</v>
      </c>
      <c r="HW33" s="25">
        <v>403062</v>
      </c>
      <c r="HX33" s="28">
        <v>1979958</v>
      </c>
      <c r="HY33" s="29">
        <v>1979958</v>
      </c>
    </row>
    <row r="34" spans="2:233" ht="21" customHeight="1" x14ac:dyDescent="0.2">
      <c r="B34" s="106" t="s">
        <v>31</v>
      </c>
      <c r="C34" s="24">
        <v>0</v>
      </c>
      <c r="D34" s="25">
        <v>0</v>
      </c>
      <c r="E34" s="26">
        <v>0</v>
      </c>
      <c r="F34" s="27">
        <v>0</v>
      </c>
      <c r="G34" s="25">
        <v>38410</v>
      </c>
      <c r="H34" s="25">
        <v>87175</v>
      </c>
      <c r="I34" s="25">
        <v>201315</v>
      </c>
      <c r="J34" s="25">
        <v>159566</v>
      </c>
      <c r="K34" s="25">
        <v>227605</v>
      </c>
      <c r="L34" s="28">
        <v>714071</v>
      </c>
      <c r="M34" s="29">
        <v>714071</v>
      </c>
      <c r="N34" s="24">
        <v>0</v>
      </c>
      <c r="O34" s="25">
        <v>0</v>
      </c>
      <c r="P34" s="26">
        <v>0</v>
      </c>
      <c r="Q34" s="404">
        <v>0</v>
      </c>
      <c r="R34" s="25">
        <v>2635</v>
      </c>
      <c r="S34" s="25">
        <v>2635</v>
      </c>
      <c r="T34" s="25">
        <v>186595</v>
      </c>
      <c r="U34" s="25">
        <v>126861</v>
      </c>
      <c r="V34" s="25">
        <v>133810</v>
      </c>
      <c r="W34" s="28">
        <v>452536</v>
      </c>
      <c r="X34" s="29">
        <v>452536</v>
      </c>
      <c r="Y34" s="24">
        <v>0</v>
      </c>
      <c r="Z34" s="25">
        <v>0</v>
      </c>
      <c r="AA34" s="26">
        <v>0</v>
      </c>
      <c r="AB34" s="404">
        <v>0</v>
      </c>
      <c r="AC34" s="25">
        <v>2635</v>
      </c>
      <c r="AD34" s="25">
        <v>51925</v>
      </c>
      <c r="AE34" s="25">
        <v>7905</v>
      </c>
      <c r="AF34" s="25">
        <v>32705</v>
      </c>
      <c r="AG34" s="25">
        <v>61090</v>
      </c>
      <c r="AH34" s="28">
        <v>156260</v>
      </c>
      <c r="AI34" s="29">
        <v>156260</v>
      </c>
      <c r="AJ34" s="24">
        <v>0</v>
      </c>
      <c r="AK34" s="25">
        <v>0</v>
      </c>
      <c r="AL34" s="26">
        <v>0</v>
      </c>
      <c r="AM34" s="404">
        <v>0</v>
      </c>
      <c r="AN34" s="25">
        <v>0</v>
      </c>
      <c r="AO34" s="25">
        <v>0</v>
      </c>
      <c r="AP34" s="25">
        <v>0</v>
      </c>
      <c r="AQ34" s="25">
        <v>0</v>
      </c>
      <c r="AR34" s="25">
        <v>0</v>
      </c>
      <c r="AS34" s="28">
        <v>0</v>
      </c>
      <c r="AT34" s="29">
        <v>0</v>
      </c>
      <c r="AU34" s="24">
        <v>0</v>
      </c>
      <c r="AV34" s="25">
        <v>0</v>
      </c>
      <c r="AW34" s="26">
        <v>0</v>
      </c>
      <c r="AX34" s="404">
        <v>0</v>
      </c>
      <c r="AY34" s="25">
        <v>32705</v>
      </c>
      <c r="AZ34" s="25">
        <v>0</v>
      </c>
      <c r="BA34" s="25">
        <v>0</v>
      </c>
      <c r="BB34" s="25">
        <v>0</v>
      </c>
      <c r="BC34" s="25">
        <v>32705</v>
      </c>
      <c r="BD34" s="28">
        <v>65410</v>
      </c>
      <c r="BE34" s="29">
        <v>65410</v>
      </c>
      <c r="BF34" s="24">
        <v>0</v>
      </c>
      <c r="BG34" s="25">
        <v>0</v>
      </c>
      <c r="BH34" s="26">
        <v>0</v>
      </c>
      <c r="BI34" s="404">
        <v>0</v>
      </c>
      <c r="BJ34" s="25">
        <v>0</v>
      </c>
      <c r="BK34" s="25">
        <v>0</v>
      </c>
      <c r="BL34" s="25">
        <v>0</v>
      </c>
      <c r="BM34" s="25">
        <v>0</v>
      </c>
      <c r="BN34" s="25">
        <v>0</v>
      </c>
      <c r="BO34" s="28">
        <v>0</v>
      </c>
      <c r="BP34" s="29">
        <v>0</v>
      </c>
      <c r="BQ34" s="24">
        <v>0</v>
      </c>
      <c r="BR34" s="25">
        <v>0</v>
      </c>
      <c r="BS34" s="26">
        <v>0</v>
      </c>
      <c r="BT34" s="27">
        <v>0</v>
      </c>
      <c r="BU34" s="25">
        <v>435</v>
      </c>
      <c r="BV34" s="25">
        <v>32615</v>
      </c>
      <c r="BW34" s="25">
        <v>6235</v>
      </c>
      <c r="BX34" s="25">
        <v>0</v>
      </c>
      <c r="BY34" s="25">
        <v>0</v>
      </c>
      <c r="BZ34" s="28">
        <v>39285</v>
      </c>
      <c r="CA34" s="29">
        <v>39285</v>
      </c>
      <c r="CB34" s="24">
        <v>0</v>
      </c>
      <c r="CC34" s="25">
        <v>0</v>
      </c>
      <c r="CD34" s="26">
        <v>0</v>
      </c>
      <c r="CE34" s="27">
        <v>0</v>
      </c>
      <c r="CF34" s="25">
        <v>0</v>
      </c>
      <c r="CG34" s="25">
        <v>0</v>
      </c>
      <c r="CH34" s="25">
        <v>580</v>
      </c>
      <c r="CI34" s="25">
        <v>0</v>
      </c>
      <c r="CJ34" s="25">
        <v>0</v>
      </c>
      <c r="CK34" s="28">
        <v>580</v>
      </c>
      <c r="CL34" s="29">
        <v>580</v>
      </c>
      <c r="CM34" s="24">
        <v>0</v>
      </c>
      <c r="CN34" s="25">
        <v>0</v>
      </c>
      <c r="CO34" s="26">
        <v>0</v>
      </c>
      <c r="CP34" s="27">
        <v>0</v>
      </c>
      <c r="CQ34" s="25">
        <v>0</v>
      </c>
      <c r="CR34" s="25">
        <v>0</v>
      </c>
      <c r="CS34" s="25">
        <v>0</v>
      </c>
      <c r="CT34" s="25">
        <v>0</v>
      </c>
      <c r="CU34" s="25">
        <v>0</v>
      </c>
      <c r="CV34" s="28">
        <v>0</v>
      </c>
      <c r="CW34" s="29">
        <v>0</v>
      </c>
      <c r="CX34" s="24">
        <v>0</v>
      </c>
      <c r="CY34" s="25">
        <v>0</v>
      </c>
      <c r="CZ34" s="26">
        <v>0</v>
      </c>
      <c r="DA34" s="404">
        <v>0</v>
      </c>
      <c r="DB34" s="25">
        <v>0</v>
      </c>
      <c r="DC34" s="25">
        <v>0</v>
      </c>
      <c r="DD34" s="25">
        <v>0</v>
      </c>
      <c r="DE34" s="25">
        <v>0</v>
      </c>
      <c r="DF34" s="25">
        <v>0</v>
      </c>
      <c r="DG34" s="28">
        <v>0</v>
      </c>
      <c r="DH34" s="29">
        <v>0</v>
      </c>
      <c r="DI34" s="24">
        <v>0</v>
      </c>
      <c r="DJ34" s="25">
        <v>0</v>
      </c>
      <c r="DK34" s="26">
        <v>0</v>
      </c>
      <c r="DL34" s="27">
        <v>0</v>
      </c>
      <c r="DM34" s="25">
        <v>16873</v>
      </c>
      <c r="DN34" s="25">
        <v>44161</v>
      </c>
      <c r="DO34" s="25">
        <v>228979</v>
      </c>
      <c r="DP34" s="25">
        <v>197835</v>
      </c>
      <c r="DQ34" s="25">
        <v>187216</v>
      </c>
      <c r="DR34" s="28">
        <v>675064</v>
      </c>
      <c r="DS34" s="30">
        <v>675064</v>
      </c>
      <c r="DT34" s="24">
        <v>0</v>
      </c>
      <c r="DU34" s="25">
        <v>0</v>
      </c>
      <c r="DV34" s="26">
        <v>0</v>
      </c>
      <c r="DW34" s="404">
        <v>0</v>
      </c>
      <c r="DX34" s="25">
        <v>15035</v>
      </c>
      <c r="DY34" s="25">
        <v>15035</v>
      </c>
      <c r="DZ34" s="25">
        <v>208453</v>
      </c>
      <c r="EA34" s="25">
        <v>197618</v>
      </c>
      <c r="EB34" s="25">
        <v>186250</v>
      </c>
      <c r="EC34" s="28">
        <v>622391</v>
      </c>
      <c r="ED34" s="29">
        <v>622391</v>
      </c>
      <c r="EE34" s="24">
        <v>0</v>
      </c>
      <c r="EF34" s="25">
        <v>0</v>
      </c>
      <c r="EG34" s="26">
        <v>0</v>
      </c>
      <c r="EH34" s="404">
        <v>0</v>
      </c>
      <c r="EI34" s="25">
        <v>217</v>
      </c>
      <c r="EJ34" s="25">
        <v>651</v>
      </c>
      <c r="EK34" s="25">
        <v>651</v>
      </c>
      <c r="EL34" s="25">
        <v>217</v>
      </c>
      <c r="EM34" s="25">
        <v>749</v>
      </c>
      <c r="EN34" s="28">
        <v>2485</v>
      </c>
      <c r="EO34" s="29">
        <v>2485</v>
      </c>
      <c r="EP34" s="24">
        <v>0</v>
      </c>
      <c r="EQ34" s="25">
        <v>0</v>
      </c>
      <c r="ER34" s="26">
        <v>0</v>
      </c>
      <c r="ES34" s="404">
        <v>0</v>
      </c>
      <c r="ET34" s="25">
        <v>0</v>
      </c>
      <c r="EU34" s="25">
        <v>0</v>
      </c>
      <c r="EV34" s="25">
        <v>0</v>
      </c>
      <c r="EW34" s="25">
        <v>0</v>
      </c>
      <c r="EX34" s="25">
        <v>0</v>
      </c>
      <c r="EY34" s="28">
        <v>0</v>
      </c>
      <c r="EZ34" s="29">
        <v>0</v>
      </c>
      <c r="FA34" s="24">
        <v>0</v>
      </c>
      <c r="FB34" s="25">
        <v>0</v>
      </c>
      <c r="FC34" s="26">
        <v>0</v>
      </c>
      <c r="FD34" s="404">
        <v>0</v>
      </c>
      <c r="FE34" s="25">
        <v>217</v>
      </c>
      <c r="FF34" s="25">
        <v>0</v>
      </c>
      <c r="FG34" s="25">
        <v>0</v>
      </c>
      <c r="FH34" s="25">
        <v>0</v>
      </c>
      <c r="FI34" s="25">
        <v>217</v>
      </c>
      <c r="FJ34" s="28">
        <v>434</v>
      </c>
      <c r="FK34" s="29">
        <v>434</v>
      </c>
      <c r="FL34" s="24">
        <v>0</v>
      </c>
      <c r="FM34" s="25">
        <v>0</v>
      </c>
      <c r="FN34" s="26">
        <v>0</v>
      </c>
      <c r="FO34" s="404">
        <v>0</v>
      </c>
      <c r="FP34" s="25">
        <v>0</v>
      </c>
      <c r="FQ34" s="25">
        <v>0</v>
      </c>
      <c r="FR34" s="25">
        <v>0</v>
      </c>
      <c r="FS34" s="25">
        <v>0</v>
      </c>
      <c r="FT34" s="25">
        <v>0</v>
      </c>
      <c r="FU34" s="28">
        <v>0</v>
      </c>
      <c r="FV34" s="29">
        <v>0</v>
      </c>
      <c r="FW34" s="24">
        <v>0</v>
      </c>
      <c r="FX34" s="25">
        <v>0</v>
      </c>
      <c r="FY34" s="26">
        <v>0</v>
      </c>
      <c r="FZ34" s="27">
        <v>0</v>
      </c>
      <c r="GA34" s="25">
        <v>1404</v>
      </c>
      <c r="GB34" s="25">
        <v>28475</v>
      </c>
      <c r="GC34" s="25">
        <v>19847</v>
      </c>
      <c r="GD34" s="25">
        <v>0</v>
      </c>
      <c r="GE34" s="25">
        <v>0</v>
      </c>
      <c r="GF34" s="28">
        <v>49726</v>
      </c>
      <c r="GG34" s="29">
        <v>49726</v>
      </c>
      <c r="GH34" s="24">
        <v>0</v>
      </c>
      <c r="GI34" s="25">
        <v>0</v>
      </c>
      <c r="GJ34" s="26">
        <v>0</v>
      </c>
      <c r="GK34" s="27">
        <v>0</v>
      </c>
      <c r="GL34" s="25">
        <v>0</v>
      </c>
      <c r="GM34" s="25">
        <v>0</v>
      </c>
      <c r="GN34" s="25">
        <v>28</v>
      </c>
      <c r="GO34" s="25">
        <v>0</v>
      </c>
      <c r="GP34" s="25">
        <v>0</v>
      </c>
      <c r="GQ34" s="28">
        <v>28</v>
      </c>
      <c r="GR34" s="29">
        <v>28</v>
      </c>
      <c r="GS34" s="24">
        <v>0</v>
      </c>
      <c r="GT34" s="25">
        <v>0</v>
      </c>
      <c r="GU34" s="26">
        <v>0</v>
      </c>
      <c r="GV34" s="27">
        <v>0</v>
      </c>
      <c r="GW34" s="25">
        <v>0</v>
      </c>
      <c r="GX34" s="25">
        <v>0</v>
      </c>
      <c r="GY34" s="25">
        <v>0</v>
      </c>
      <c r="GZ34" s="25">
        <v>0</v>
      </c>
      <c r="HA34" s="25">
        <v>0</v>
      </c>
      <c r="HB34" s="28">
        <v>0</v>
      </c>
      <c r="HC34" s="29">
        <v>0</v>
      </c>
      <c r="HD34" s="24">
        <v>0</v>
      </c>
      <c r="HE34" s="25">
        <v>0</v>
      </c>
      <c r="HF34" s="26">
        <v>0</v>
      </c>
      <c r="HG34" s="404">
        <v>0</v>
      </c>
      <c r="HH34" s="25">
        <v>0</v>
      </c>
      <c r="HI34" s="25">
        <v>0</v>
      </c>
      <c r="HJ34" s="25">
        <v>0</v>
      </c>
      <c r="HK34" s="25">
        <v>0</v>
      </c>
      <c r="HL34" s="25">
        <v>0</v>
      </c>
      <c r="HM34" s="28">
        <v>0</v>
      </c>
      <c r="HN34" s="29">
        <v>0</v>
      </c>
      <c r="HO34" s="24">
        <v>0</v>
      </c>
      <c r="HP34" s="25">
        <v>0</v>
      </c>
      <c r="HQ34" s="26">
        <v>0</v>
      </c>
      <c r="HR34" s="27">
        <v>0</v>
      </c>
      <c r="HS34" s="25">
        <v>55283</v>
      </c>
      <c r="HT34" s="25">
        <v>131336</v>
      </c>
      <c r="HU34" s="25">
        <v>430294</v>
      </c>
      <c r="HV34" s="25">
        <v>357401</v>
      </c>
      <c r="HW34" s="25">
        <v>414821</v>
      </c>
      <c r="HX34" s="28">
        <v>1389135</v>
      </c>
      <c r="HY34" s="29">
        <v>1389135</v>
      </c>
    </row>
    <row r="35" spans="2:233" ht="21" customHeight="1" x14ac:dyDescent="0.2">
      <c r="B35" s="106" t="s">
        <v>32</v>
      </c>
      <c r="C35" s="24">
        <v>0</v>
      </c>
      <c r="D35" s="25">
        <v>0</v>
      </c>
      <c r="E35" s="26">
        <v>0</v>
      </c>
      <c r="F35" s="27">
        <v>0</v>
      </c>
      <c r="G35" s="25">
        <v>13570</v>
      </c>
      <c r="H35" s="25">
        <v>100365</v>
      </c>
      <c r="I35" s="25">
        <v>219785</v>
      </c>
      <c r="J35" s="25">
        <v>430295</v>
      </c>
      <c r="K35" s="25">
        <v>204570</v>
      </c>
      <c r="L35" s="28">
        <v>968585</v>
      </c>
      <c r="M35" s="29">
        <v>968585</v>
      </c>
      <c r="N35" s="24">
        <v>0</v>
      </c>
      <c r="O35" s="25">
        <v>0</v>
      </c>
      <c r="P35" s="26">
        <v>0</v>
      </c>
      <c r="Q35" s="404">
        <v>0</v>
      </c>
      <c r="R35" s="25">
        <v>0</v>
      </c>
      <c r="S35" s="25">
        <v>0</v>
      </c>
      <c r="T35" s="25">
        <v>103370</v>
      </c>
      <c r="U35" s="25">
        <v>263965</v>
      </c>
      <c r="V35" s="25">
        <v>138125</v>
      </c>
      <c r="W35" s="28">
        <v>505460</v>
      </c>
      <c r="X35" s="29">
        <v>505460</v>
      </c>
      <c r="Y35" s="24">
        <v>0</v>
      </c>
      <c r="Z35" s="25">
        <v>0</v>
      </c>
      <c r="AA35" s="26">
        <v>0</v>
      </c>
      <c r="AB35" s="404">
        <v>0</v>
      </c>
      <c r="AC35" s="25">
        <v>13570</v>
      </c>
      <c r="AD35" s="25">
        <v>100075</v>
      </c>
      <c r="AE35" s="25">
        <v>7820</v>
      </c>
      <c r="AF35" s="25">
        <v>106345</v>
      </c>
      <c r="AG35" s="25">
        <v>2635</v>
      </c>
      <c r="AH35" s="28">
        <v>230445</v>
      </c>
      <c r="AI35" s="29">
        <v>230445</v>
      </c>
      <c r="AJ35" s="24">
        <v>0</v>
      </c>
      <c r="AK35" s="25">
        <v>0</v>
      </c>
      <c r="AL35" s="26">
        <v>0</v>
      </c>
      <c r="AM35" s="404">
        <v>0</v>
      </c>
      <c r="AN35" s="25">
        <v>0</v>
      </c>
      <c r="AO35" s="25">
        <v>0</v>
      </c>
      <c r="AP35" s="25">
        <v>0</v>
      </c>
      <c r="AQ35" s="25">
        <v>0</v>
      </c>
      <c r="AR35" s="25">
        <v>0</v>
      </c>
      <c r="AS35" s="28">
        <v>0</v>
      </c>
      <c r="AT35" s="29">
        <v>0</v>
      </c>
      <c r="AU35" s="24">
        <v>0</v>
      </c>
      <c r="AV35" s="25">
        <v>0</v>
      </c>
      <c r="AW35" s="26">
        <v>0</v>
      </c>
      <c r="AX35" s="404">
        <v>0</v>
      </c>
      <c r="AY35" s="25">
        <v>0</v>
      </c>
      <c r="AZ35" s="25">
        <v>0</v>
      </c>
      <c r="BA35" s="25">
        <v>0</v>
      </c>
      <c r="BB35" s="25">
        <v>0</v>
      </c>
      <c r="BC35" s="25">
        <v>32705</v>
      </c>
      <c r="BD35" s="28">
        <v>32705</v>
      </c>
      <c r="BE35" s="29">
        <v>32705</v>
      </c>
      <c r="BF35" s="24">
        <v>0</v>
      </c>
      <c r="BG35" s="25">
        <v>0</v>
      </c>
      <c r="BH35" s="26">
        <v>0</v>
      </c>
      <c r="BI35" s="404">
        <v>0</v>
      </c>
      <c r="BJ35" s="25">
        <v>0</v>
      </c>
      <c r="BK35" s="25">
        <v>0</v>
      </c>
      <c r="BL35" s="25">
        <v>100905</v>
      </c>
      <c r="BM35" s="25">
        <v>59985</v>
      </c>
      <c r="BN35" s="25">
        <v>31105</v>
      </c>
      <c r="BO35" s="28">
        <v>191995</v>
      </c>
      <c r="BP35" s="29">
        <v>191995</v>
      </c>
      <c r="BQ35" s="24">
        <v>0</v>
      </c>
      <c r="BR35" s="25">
        <v>0</v>
      </c>
      <c r="BS35" s="26">
        <v>0</v>
      </c>
      <c r="BT35" s="27">
        <v>0</v>
      </c>
      <c r="BU35" s="25">
        <v>0</v>
      </c>
      <c r="BV35" s="25">
        <v>0</v>
      </c>
      <c r="BW35" s="25">
        <v>7690</v>
      </c>
      <c r="BX35" s="25">
        <v>0</v>
      </c>
      <c r="BY35" s="25">
        <v>0</v>
      </c>
      <c r="BZ35" s="28">
        <v>7690</v>
      </c>
      <c r="CA35" s="29">
        <v>7690</v>
      </c>
      <c r="CB35" s="24">
        <v>0</v>
      </c>
      <c r="CC35" s="25">
        <v>0</v>
      </c>
      <c r="CD35" s="26">
        <v>0</v>
      </c>
      <c r="CE35" s="27">
        <v>0</v>
      </c>
      <c r="CF35" s="25">
        <v>0</v>
      </c>
      <c r="CG35" s="25">
        <v>290</v>
      </c>
      <c r="CH35" s="25">
        <v>0</v>
      </c>
      <c r="CI35" s="25">
        <v>0</v>
      </c>
      <c r="CJ35" s="25">
        <v>0</v>
      </c>
      <c r="CK35" s="28">
        <v>290</v>
      </c>
      <c r="CL35" s="29">
        <v>290</v>
      </c>
      <c r="CM35" s="24">
        <v>0</v>
      </c>
      <c r="CN35" s="25">
        <v>0</v>
      </c>
      <c r="CO35" s="26">
        <v>0</v>
      </c>
      <c r="CP35" s="27">
        <v>0</v>
      </c>
      <c r="CQ35" s="25">
        <v>0</v>
      </c>
      <c r="CR35" s="25">
        <v>0</v>
      </c>
      <c r="CS35" s="25">
        <v>0</v>
      </c>
      <c r="CT35" s="25">
        <v>0</v>
      </c>
      <c r="CU35" s="25">
        <v>0</v>
      </c>
      <c r="CV35" s="28">
        <v>0</v>
      </c>
      <c r="CW35" s="29">
        <v>0</v>
      </c>
      <c r="CX35" s="24">
        <v>0</v>
      </c>
      <c r="CY35" s="25">
        <v>0</v>
      </c>
      <c r="CZ35" s="26">
        <v>0</v>
      </c>
      <c r="DA35" s="404">
        <v>0</v>
      </c>
      <c r="DB35" s="25">
        <v>0</v>
      </c>
      <c r="DC35" s="25">
        <v>0</v>
      </c>
      <c r="DD35" s="25">
        <v>0</v>
      </c>
      <c r="DE35" s="25">
        <v>0</v>
      </c>
      <c r="DF35" s="25">
        <v>0</v>
      </c>
      <c r="DG35" s="28">
        <v>0</v>
      </c>
      <c r="DH35" s="29">
        <v>0</v>
      </c>
      <c r="DI35" s="24">
        <v>0</v>
      </c>
      <c r="DJ35" s="25">
        <v>0</v>
      </c>
      <c r="DK35" s="26">
        <v>0</v>
      </c>
      <c r="DL35" s="27">
        <v>0</v>
      </c>
      <c r="DM35" s="25">
        <v>91</v>
      </c>
      <c r="DN35" s="25">
        <v>2237</v>
      </c>
      <c r="DO35" s="25">
        <v>230913</v>
      </c>
      <c r="DP35" s="25">
        <v>494681</v>
      </c>
      <c r="DQ35" s="25">
        <v>219597</v>
      </c>
      <c r="DR35" s="28">
        <v>947519</v>
      </c>
      <c r="DS35" s="30">
        <v>947519</v>
      </c>
      <c r="DT35" s="24">
        <v>0</v>
      </c>
      <c r="DU35" s="25">
        <v>0</v>
      </c>
      <c r="DV35" s="26">
        <v>0</v>
      </c>
      <c r="DW35" s="404">
        <v>0</v>
      </c>
      <c r="DX35" s="25">
        <v>0</v>
      </c>
      <c r="DY35" s="25">
        <v>0</v>
      </c>
      <c r="DZ35" s="25">
        <v>116870</v>
      </c>
      <c r="EA35" s="25">
        <v>401636</v>
      </c>
      <c r="EB35" s="25">
        <v>168268</v>
      </c>
      <c r="EC35" s="28">
        <v>686774</v>
      </c>
      <c r="ED35" s="29">
        <v>686774</v>
      </c>
      <c r="EE35" s="24">
        <v>0</v>
      </c>
      <c r="EF35" s="25">
        <v>0</v>
      </c>
      <c r="EG35" s="26">
        <v>0</v>
      </c>
      <c r="EH35" s="404">
        <v>0</v>
      </c>
      <c r="EI35" s="25">
        <v>91</v>
      </c>
      <c r="EJ35" s="25">
        <v>917</v>
      </c>
      <c r="EK35" s="25">
        <v>644</v>
      </c>
      <c r="EL35" s="25">
        <v>48002</v>
      </c>
      <c r="EM35" s="25">
        <v>11098</v>
      </c>
      <c r="EN35" s="28">
        <v>60752</v>
      </c>
      <c r="EO35" s="29">
        <v>60752</v>
      </c>
      <c r="EP35" s="24">
        <v>0</v>
      </c>
      <c r="EQ35" s="25">
        <v>0</v>
      </c>
      <c r="ER35" s="26">
        <v>0</v>
      </c>
      <c r="ES35" s="404">
        <v>0</v>
      </c>
      <c r="ET35" s="25">
        <v>0</v>
      </c>
      <c r="EU35" s="25">
        <v>0</v>
      </c>
      <c r="EV35" s="25">
        <v>0</v>
      </c>
      <c r="EW35" s="25">
        <v>0</v>
      </c>
      <c r="EX35" s="25">
        <v>0</v>
      </c>
      <c r="EY35" s="28">
        <v>0</v>
      </c>
      <c r="EZ35" s="29">
        <v>0</v>
      </c>
      <c r="FA35" s="24">
        <v>0</v>
      </c>
      <c r="FB35" s="25">
        <v>0</v>
      </c>
      <c r="FC35" s="26">
        <v>0</v>
      </c>
      <c r="FD35" s="404">
        <v>0</v>
      </c>
      <c r="FE35" s="25">
        <v>0</v>
      </c>
      <c r="FF35" s="25">
        <v>0</v>
      </c>
      <c r="FG35" s="25">
        <v>0</v>
      </c>
      <c r="FH35" s="25">
        <v>0</v>
      </c>
      <c r="FI35" s="25">
        <v>217</v>
      </c>
      <c r="FJ35" s="28">
        <v>217</v>
      </c>
      <c r="FK35" s="29">
        <v>217</v>
      </c>
      <c r="FL35" s="24">
        <v>0</v>
      </c>
      <c r="FM35" s="25">
        <v>0</v>
      </c>
      <c r="FN35" s="26">
        <v>0</v>
      </c>
      <c r="FO35" s="404">
        <v>0</v>
      </c>
      <c r="FP35" s="25">
        <v>0</v>
      </c>
      <c r="FQ35" s="25">
        <v>0</v>
      </c>
      <c r="FR35" s="25">
        <v>96100</v>
      </c>
      <c r="FS35" s="25">
        <v>45043</v>
      </c>
      <c r="FT35" s="25">
        <v>40014</v>
      </c>
      <c r="FU35" s="28">
        <v>181157</v>
      </c>
      <c r="FV35" s="29">
        <v>181157</v>
      </c>
      <c r="FW35" s="24">
        <v>0</v>
      </c>
      <c r="FX35" s="25">
        <v>0</v>
      </c>
      <c r="FY35" s="26">
        <v>0</v>
      </c>
      <c r="FZ35" s="27">
        <v>0</v>
      </c>
      <c r="GA35" s="25">
        <v>0</v>
      </c>
      <c r="GB35" s="25">
        <v>0</v>
      </c>
      <c r="GC35" s="25">
        <v>17299</v>
      </c>
      <c r="GD35" s="25">
        <v>0</v>
      </c>
      <c r="GE35" s="25">
        <v>0</v>
      </c>
      <c r="GF35" s="28">
        <v>17299</v>
      </c>
      <c r="GG35" s="29">
        <v>17299</v>
      </c>
      <c r="GH35" s="24">
        <v>0</v>
      </c>
      <c r="GI35" s="25">
        <v>0</v>
      </c>
      <c r="GJ35" s="26">
        <v>0</v>
      </c>
      <c r="GK35" s="27">
        <v>0</v>
      </c>
      <c r="GL35" s="25">
        <v>0</v>
      </c>
      <c r="GM35" s="25">
        <v>1320</v>
      </c>
      <c r="GN35" s="25">
        <v>0</v>
      </c>
      <c r="GO35" s="25">
        <v>0</v>
      </c>
      <c r="GP35" s="25">
        <v>0</v>
      </c>
      <c r="GQ35" s="28">
        <v>1320</v>
      </c>
      <c r="GR35" s="29">
        <v>1320</v>
      </c>
      <c r="GS35" s="24">
        <v>0</v>
      </c>
      <c r="GT35" s="25">
        <v>0</v>
      </c>
      <c r="GU35" s="26">
        <v>0</v>
      </c>
      <c r="GV35" s="27">
        <v>0</v>
      </c>
      <c r="GW35" s="25">
        <v>0</v>
      </c>
      <c r="GX35" s="25">
        <v>0</v>
      </c>
      <c r="GY35" s="25">
        <v>0</v>
      </c>
      <c r="GZ35" s="25">
        <v>0</v>
      </c>
      <c r="HA35" s="25">
        <v>0</v>
      </c>
      <c r="HB35" s="28">
        <v>0</v>
      </c>
      <c r="HC35" s="29">
        <v>0</v>
      </c>
      <c r="HD35" s="24">
        <v>0</v>
      </c>
      <c r="HE35" s="25">
        <v>0</v>
      </c>
      <c r="HF35" s="26">
        <v>0</v>
      </c>
      <c r="HG35" s="404">
        <v>0</v>
      </c>
      <c r="HH35" s="25">
        <v>0</v>
      </c>
      <c r="HI35" s="25">
        <v>0</v>
      </c>
      <c r="HJ35" s="25">
        <v>0</v>
      </c>
      <c r="HK35" s="25">
        <v>0</v>
      </c>
      <c r="HL35" s="25">
        <v>0</v>
      </c>
      <c r="HM35" s="28">
        <v>0</v>
      </c>
      <c r="HN35" s="29">
        <v>0</v>
      </c>
      <c r="HO35" s="24">
        <v>0</v>
      </c>
      <c r="HP35" s="25">
        <v>0</v>
      </c>
      <c r="HQ35" s="26">
        <v>0</v>
      </c>
      <c r="HR35" s="27">
        <v>0</v>
      </c>
      <c r="HS35" s="25">
        <v>13661</v>
      </c>
      <c r="HT35" s="25">
        <v>102602</v>
      </c>
      <c r="HU35" s="25">
        <v>450698</v>
      </c>
      <c r="HV35" s="25">
        <v>924976</v>
      </c>
      <c r="HW35" s="25">
        <v>424167</v>
      </c>
      <c r="HX35" s="28">
        <v>1916104</v>
      </c>
      <c r="HY35" s="29">
        <v>1916104</v>
      </c>
    </row>
    <row r="36" spans="2:233" ht="21" customHeight="1" x14ac:dyDescent="0.2">
      <c r="B36" s="106" t="s">
        <v>33</v>
      </c>
      <c r="C36" s="24">
        <v>0</v>
      </c>
      <c r="D36" s="25">
        <v>0</v>
      </c>
      <c r="E36" s="26">
        <v>0</v>
      </c>
      <c r="F36" s="27">
        <v>0</v>
      </c>
      <c r="G36" s="25">
        <v>43525</v>
      </c>
      <c r="H36" s="25">
        <v>263155</v>
      </c>
      <c r="I36" s="25">
        <v>479805</v>
      </c>
      <c r="J36" s="25">
        <v>687385</v>
      </c>
      <c r="K36" s="25">
        <v>191855</v>
      </c>
      <c r="L36" s="28">
        <v>1665725</v>
      </c>
      <c r="M36" s="29">
        <v>1665725</v>
      </c>
      <c r="N36" s="24">
        <v>0</v>
      </c>
      <c r="O36" s="25">
        <v>0</v>
      </c>
      <c r="P36" s="26">
        <v>0</v>
      </c>
      <c r="Q36" s="404">
        <v>0</v>
      </c>
      <c r="R36" s="25">
        <v>2635</v>
      </c>
      <c r="S36" s="25">
        <v>59985</v>
      </c>
      <c r="T36" s="25">
        <v>351485</v>
      </c>
      <c r="U36" s="25">
        <v>462655</v>
      </c>
      <c r="V36" s="25">
        <v>153880</v>
      </c>
      <c r="W36" s="28">
        <v>1030640</v>
      </c>
      <c r="X36" s="29">
        <v>1030640</v>
      </c>
      <c r="Y36" s="24">
        <v>0</v>
      </c>
      <c r="Z36" s="25">
        <v>0</v>
      </c>
      <c r="AA36" s="26">
        <v>0</v>
      </c>
      <c r="AB36" s="404">
        <v>0</v>
      </c>
      <c r="AC36" s="25">
        <v>36080</v>
      </c>
      <c r="AD36" s="25">
        <v>120125</v>
      </c>
      <c r="AE36" s="25">
        <v>70390</v>
      </c>
      <c r="AF36" s="25">
        <v>143870</v>
      </c>
      <c r="AG36" s="25">
        <v>2635</v>
      </c>
      <c r="AH36" s="28">
        <v>373100</v>
      </c>
      <c r="AI36" s="29">
        <v>373100</v>
      </c>
      <c r="AJ36" s="24">
        <v>0</v>
      </c>
      <c r="AK36" s="25">
        <v>0</v>
      </c>
      <c r="AL36" s="26">
        <v>0</v>
      </c>
      <c r="AM36" s="404">
        <v>0</v>
      </c>
      <c r="AN36" s="25">
        <v>0</v>
      </c>
      <c r="AO36" s="25">
        <v>0</v>
      </c>
      <c r="AP36" s="25">
        <v>0</v>
      </c>
      <c r="AQ36" s="25">
        <v>0</v>
      </c>
      <c r="AR36" s="25">
        <v>0</v>
      </c>
      <c r="AS36" s="28">
        <v>0</v>
      </c>
      <c r="AT36" s="29">
        <v>0</v>
      </c>
      <c r="AU36" s="24">
        <v>0</v>
      </c>
      <c r="AV36" s="25">
        <v>0</v>
      </c>
      <c r="AW36" s="26">
        <v>0</v>
      </c>
      <c r="AX36" s="404">
        <v>0</v>
      </c>
      <c r="AY36" s="25">
        <v>0</v>
      </c>
      <c r="AZ36" s="25">
        <v>62775</v>
      </c>
      <c r="BA36" s="25">
        <v>57350</v>
      </c>
      <c r="BB36" s="25">
        <v>80860</v>
      </c>
      <c r="BC36" s="25">
        <v>35340</v>
      </c>
      <c r="BD36" s="28">
        <v>236325</v>
      </c>
      <c r="BE36" s="29">
        <v>236325</v>
      </c>
      <c r="BF36" s="24">
        <v>0</v>
      </c>
      <c r="BG36" s="25">
        <v>0</v>
      </c>
      <c r="BH36" s="26">
        <v>0</v>
      </c>
      <c r="BI36" s="404">
        <v>0</v>
      </c>
      <c r="BJ36" s="25">
        <v>0</v>
      </c>
      <c r="BK36" s="25">
        <v>0</v>
      </c>
      <c r="BL36" s="25">
        <v>0</v>
      </c>
      <c r="BM36" s="25">
        <v>0</v>
      </c>
      <c r="BN36" s="25">
        <v>0</v>
      </c>
      <c r="BO36" s="28">
        <v>0</v>
      </c>
      <c r="BP36" s="29">
        <v>0</v>
      </c>
      <c r="BQ36" s="24">
        <v>0</v>
      </c>
      <c r="BR36" s="25">
        <v>0</v>
      </c>
      <c r="BS36" s="26">
        <v>0</v>
      </c>
      <c r="BT36" s="27">
        <v>0</v>
      </c>
      <c r="BU36" s="25">
        <v>1645</v>
      </c>
      <c r="BV36" s="25">
        <v>19980</v>
      </c>
      <c r="BW36" s="25">
        <v>580</v>
      </c>
      <c r="BX36" s="25">
        <v>0</v>
      </c>
      <c r="BY36" s="25">
        <v>0</v>
      </c>
      <c r="BZ36" s="28">
        <v>22205</v>
      </c>
      <c r="CA36" s="29">
        <v>22205</v>
      </c>
      <c r="CB36" s="24">
        <v>0</v>
      </c>
      <c r="CC36" s="25">
        <v>0</v>
      </c>
      <c r="CD36" s="26">
        <v>0</v>
      </c>
      <c r="CE36" s="27">
        <v>0</v>
      </c>
      <c r="CF36" s="25">
        <v>3165</v>
      </c>
      <c r="CG36" s="25">
        <v>290</v>
      </c>
      <c r="CH36" s="25">
        <v>0</v>
      </c>
      <c r="CI36" s="25">
        <v>0</v>
      </c>
      <c r="CJ36" s="25">
        <v>0</v>
      </c>
      <c r="CK36" s="28">
        <v>3455</v>
      </c>
      <c r="CL36" s="29">
        <v>3455</v>
      </c>
      <c r="CM36" s="24">
        <v>0</v>
      </c>
      <c r="CN36" s="25">
        <v>0</v>
      </c>
      <c r="CO36" s="26">
        <v>0</v>
      </c>
      <c r="CP36" s="27">
        <v>0</v>
      </c>
      <c r="CQ36" s="25">
        <v>0</v>
      </c>
      <c r="CR36" s="25">
        <v>0</v>
      </c>
      <c r="CS36" s="25">
        <v>0</v>
      </c>
      <c r="CT36" s="25">
        <v>0</v>
      </c>
      <c r="CU36" s="25">
        <v>0</v>
      </c>
      <c r="CV36" s="28">
        <v>0</v>
      </c>
      <c r="CW36" s="29">
        <v>0</v>
      </c>
      <c r="CX36" s="24">
        <v>0</v>
      </c>
      <c r="CY36" s="25">
        <v>0</v>
      </c>
      <c r="CZ36" s="26">
        <v>0</v>
      </c>
      <c r="DA36" s="404">
        <v>0</v>
      </c>
      <c r="DB36" s="25">
        <v>0</v>
      </c>
      <c r="DC36" s="25">
        <v>0</v>
      </c>
      <c r="DD36" s="25">
        <v>0</v>
      </c>
      <c r="DE36" s="25">
        <v>0</v>
      </c>
      <c r="DF36" s="25">
        <v>0</v>
      </c>
      <c r="DG36" s="28">
        <v>0</v>
      </c>
      <c r="DH36" s="29">
        <v>0</v>
      </c>
      <c r="DI36" s="24">
        <v>0</v>
      </c>
      <c r="DJ36" s="25">
        <v>0</v>
      </c>
      <c r="DK36" s="26">
        <v>0</v>
      </c>
      <c r="DL36" s="27">
        <v>0</v>
      </c>
      <c r="DM36" s="25">
        <v>26621</v>
      </c>
      <c r="DN36" s="25">
        <v>95319</v>
      </c>
      <c r="DO36" s="25">
        <v>430199</v>
      </c>
      <c r="DP36" s="25">
        <v>445047</v>
      </c>
      <c r="DQ36" s="25">
        <v>142930</v>
      </c>
      <c r="DR36" s="28">
        <v>1140116</v>
      </c>
      <c r="DS36" s="30">
        <v>1140116</v>
      </c>
      <c r="DT36" s="24">
        <v>0</v>
      </c>
      <c r="DU36" s="25">
        <v>0</v>
      </c>
      <c r="DV36" s="26">
        <v>0</v>
      </c>
      <c r="DW36" s="404">
        <v>0</v>
      </c>
      <c r="DX36" s="25">
        <v>21576</v>
      </c>
      <c r="DY36" s="25">
        <v>51646</v>
      </c>
      <c r="DZ36" s="25">
        <v>405618</v>
      </c>
      <c r="EA36" s="25">
        <v>409572</v>
      </c>
      <c r="EB36" s="25">
        <v>142279</v>
      </c>
      <c r="EC36" s="28">
        <v>1030691</v>
      </c>
      <c r="ED36" s="29">
        <v>1030691</v>
      </c>
      <c r="EE36" s="24">
        <v>0</v>
      </c>
      <c r="EF36" s="25">
        <v>0</v>
      </c>
      <c r="EG36" s="26">
        <v>0</v>
      </c>
      <c r="EH36" s="404">
        <v>0</v>
      </c>
      <c r="EI36" s="25">
        <v>497</v>
      </c>
      <c r="EJ36" s="25">
        <v>14415</v>
      </c>
      <c r="EK36" s="25">
        <v>20119</v>
      </c>
      <c r="EL36" s="25">
        <v>21627</v>
      </c>
      <c r="EM36" s="25">
        <v>217</v>
      </c>
      <c r="EN36" s="28">
        <v>56875</v>
      </c>
      <c r="EO36" s="29">
        <v>56875</v>
      </c>
      <c r="EP36" s="24">
        <v>0</v>
      </c>
      <c r="EQ36" s="25">
        <v>0</v>
      </c>
      <c r="ER36" s="26">
        <v>0</v>
      </c>
      <c r="ES36" s="404">
        <v>0</v>
      </c>
      <c r="ET36" s="25">
        <v>0</v>
      </c>
      <c r="EU36" s="25">
        <v>0</v>
      </c>
      <c r="EV36" s="25">
        <v>0</v>
      </c>
      <c r="EW36" s="25">
        <v>0</v>
      </c>
      <c r="EX36" s="25">
        <v>0</v>
      </c>
      <c r="EY36" s="28">
        <v>0</v>
      </c>
      <c r="EZ36" s="29">
        <v>0</v>
      </c>
      <c r="FA36" s="24">
        <v>0</v>
      </c>
      <c r="FB36" s="25">
        <v>0</v>
      </c>
      <c r="FC36" s="26">
        <v>0</v>
      </c>
      <c r="FD36" s="404">
        <v>0</v>
      </c>
      <c r="FE36" s="25">
        <v>0</v>
      </c>
      <c r="FF36" s="25">
        <v>13981</v>
      </c>
      <c r="FG36" s="25">
        <v>434</v>
      </c>
      <c r="FH36" s="25">
        <v>13848</v>
      </c>
      <c r="FI36" s="25">
        <v>434</v>
      </c>
      <c r="FJ36" s="28">
        <v>28697</v>
      </c>
      <c r="FK36" s="29">
        <v>28697</v>
      </c>
      <c r="FL36" s="24">
        <v>0</v>
      </c>
      <c r="FM36" s="25">
        <v>0</v>
      </c>
      <c r="FN36" s="26">
        <v>0</v>
      </c>
      <c r="FO36" s="404">
        <v>0</v>
      </c>
      <c r="FP36" s="25">
        <v>0</v>
      </c>
      <c r="FQ36" s="25">
        <v>0</v>
      </c>
      <c r="FR36" s="25">
        <v>0</v>
      </c>
      <c r="FS36" s="25">
        <v>0</v>
      </c>
      <c r="FT36" s="25">
        <v>0</v>
      </c>
      <c r="FU36" s="28">
        <v>0</v>
      </c>
      <c r="FV36" s="29">
        <v>0</v>
      </c>
      <c r="FW36" s="24">
        <v>0</v>
      </c>
      <c r="FX36" s="25">
        <v>0</v>
      </c>
      <c r="FY36" s="26">
        <v>0</v>
      </c>
      <c r="FZ36" s="27">
        <v>0</v>
      </c>
      <c r="GA36" s="25">
        <v>4450</v>
      </c>
      <c r="GB36" s="25">
        <v>15270</v>
      </c>
      <c r="GC36" s="25">
        <v>4028</v>
      </c>
      <c r="GD36" s="25">
        <v>0</v>
      </c>
      <c r="GE36" s="25">
        <v>0</v>
      </c>
      <c r="GF36" s="28">
        <v>23748</v>
      </c>
      <c r="GG36" s="29">
        <v>23748</v>
      </c>
      <c r="GH36" s="24">
        <v>0</v>
      </c>
      <c r="GI36" s="25">
        <v>0</v>
      </c>
      <c r="GJ36" s="26">
        <v>0</v>
      </c>
      <c r="GK36" s="27">
        <v>0</v>
      </c>
      <c r="GL36" s="25">
        <v>98</v>
      </c>
      <c r="GM36" s="25">
        <v>7</v>
      </c>
      <c r="GN36" s="25">
        <v>0</v>
      </c>
      <c r="GO36" s="25">
        <v>0</v>
      </c>
      <c r="GP36" s="25">
        <v>0</v>
      </c>
      <c r="GQ36" s="28">
        <v>105</v>
      </c>
      <c r="GR36" s="29">
        <v>105</v>
      </c>
      <c r="GS36" s="24">
        <v>0</v>
      </c>
      <c r="GT36" s="25">
        <v>0</v>
      </c>
      <c r="GU36" s="26">
        <v>0</v>
      </c>
      <c r="GV36" s="27">
        <v>0</v>
      </c>
      <c r="GW36" s="25">
        <v>0</v>
      </c>
      <c r="GX36" s="25">
        <v>0</v>
      </c>
      <c r="GY36" s="25">
        <v>0</v>
      </c>
      <c r="GZ36" s="25">
        <v>0</v>
      </c>
      <c r="HA36" s="25">
        <v>0</v>
      </c>
      <c r="HB36" s="28">
        <v>0</v>
      </c>
      <c r="HC36" s="29">
        <v>0</v>
      </c>
      <c r="HD36" s="24">
        <v>0</v>
      </c>
      <c r="HE36" s="25">
        <v>0</v>
      </c>
      <c r="HF36" s="26">
        <v>0</v>
      </c>
      <c r="HG36" s="404">
        <v>0</v>
      </c>
      <c r="HH36" s="25">
        <v>0</v>
      </c>
      <c r="HI36" s="25">
        <v>0</v>
      </c>
      <c r="HJ36" s="25">
        <v>0</v>
      </c>
      <c r="HK36" s="25">
        <v>0</v>
      </c>
      <c r="HL36" s="25">
        <v>0</v>
      </c>
      <c r="HM36" s="28">
        <v>0</v>
      </c>
      <c r="HN36" s="29">
        <v>0</v>
      </c>
      <c r="HO36" s="24">
        <v>0</v>
      </c>
      <c r="HP36" s="25">
        <v>0</v>
      </c>
      <c r="HQ36" s="26">
        <v>0</v>
      </c>
      <c r="HR36" s="27">
        <v>0</v>
      </c>
      <c r="HS36" s="25">
        <v>70146</v>
      </c>
      <c r="HT36" s="25">
        <v>358474</v>
      </c>
      <c r="HU36" s="25">
        <v>910004</v>
      </c>
      <c r="HV36" s="25">
        <v>1132432</v>
      </c>
      <c r="HW36" s="25">
        <v>334785</v>
      </c>
      <c r="HX36" s="28">
        <v>2805841</v>
      </c>
      <c r="HY36" s="29">
        <v>2805841</v>
      </c>
    </row>
    <row r="37" spans="2:233" ht="21" customHeight="1" x14ac:dyDescent="0.2">
      <c r="B37" s="106" t="s">
        <v>34</v>
      </c>
      <c r="C37" s="24">
        <v>0</v>
      </c>
      <c r="D37" s="25">
        <v>0</v>
      </c>
      <c r="E37" s="26">
        <v>0</v>
      </c>
      <c r="F37" s="27">
        <v>0</v>
      </c>
      <c r="G37" s="25">
        <v>100476</v>
      </c>
      <c r="H37" s="25">
        <v>132495</v>
      </c>
      <c r="I37" s="25">
        <v>159137</v>
      </c>
      <c r="J37" s="25">
        <v>545053</v>
      </c>
      <c r="K37" s="25">
        <v>207835</v>
      </c>
      <c r="L37" s="28">
        <v>1144996</v>
      </c>
      <c r="M37" s="29">
        <v>1144996</v>
      </c>
      <c r="N37" s="24">
        <v>0</v>
      </c>
      <c r="O37" s="25">
        <v>0</v>
      </c>
      <c r="P37" s="26">
        <v>0</v>
      </c>
      <c r="Q37" s="404">
        <v>0</v>
      </c>
      <c r="R37" s="25">
        <v>0</v>
      </c>
      <c r="S37" s="25">
        <v>0</v>
      </c>
      <c r="T37" s="25">
        <v>98115</v>
      </c>
      <c r="U37" s="25">
        <v>478375</v>
      </c>
      <c r="V37" s="25">
        <v>121325</v>
      </c>
      <c r="W37" s="28">
        <v>697815</v>
      </c>
      <c r="X37" s="29">
        <v>697815</v>
      </c>
      <c r="Y37" s="24">
        <v>0</v>
      </c>
      <c r="Z37" s="25">
        <v>0</v>
      </c>
      <c r="AA37" s="26">
        <v>0</v>
      </c>
      <c r="AB37" s="404">
        <v>0</v>
      </c>
      <c r="AC37" s="25">
        <v>94907</v>
      </c>
      <c r="AD37" s="25">
        <v>131770</v>
      </c>
      <c r="AE37" s="25">
        <v>57350</v>
      </c>
      <c r="AF37" s="25">
        <v>65410</v>
      </c>
      <c r="AG37" s="25">
        <v>53805</v>
      </c>
      <c r="AH37" s="28">
        <v>403242</v>
      </c>
      <c r="AI37" s="29">
        <v>403242</v>
      </c>
      <c r="AJ37" s="24">
        <v>0</v>
      </c>
      <c r="AK37" s="25">
        <v>0</v>
      </c>
      <c r="AL37" s="26">
        <v>0</v>
      </c>
      <c r="AM37" s="404">
        <v>0</v>
      </c>
      <c r="AN37" s="25">
        <v>0</v>
      </c>
      <c r="AO37" s="25">
        <v>0</v>
      </c>
      <c r="AP37" s="25">
        <v>0</v>
      </c>
      <c r="AQ37" s="25">
        <v>0</v>
      </c>
      <c r="AR37" s="25">
        <v>0</v>
      </c>
      <c r="AS37" s="28">
        <v>0</v>
      </c>
      <c r="AT37" s="29">
        <v>0</v>
      </c>
      <c r="AU37" s="24">
        <v>0</v>
      </c>
      <c r="AV37" s="25">
        <v>0</v>
      </c>
      <c r="AW37" s="26">
        <v>0</v>
      </c>
      <c r="AX37" s="404">
        <v>0</v>
      </c>
      <c r="AY37" s="25">
        <v>0</v>
      </c>
      <c r="AZ37" s="25">
        <v>0</v>
      </c>
      <c r="BA37" s="25">
        <v>0</v>
      </c>
      <c r="BB37" s="25">
        <v>0</v>
      </c>
      <c r="BC37" s="25">
        <v>32705</v>
      </c>
      <c r="BD37" s="28">
        <v>32705</v>
      </c>
      <c r="BE37" s="29">
        <v>32705</v>
      </c>
      <c r="BF37" s="24">
        <v>0</v>
      </c>
      <c r="BG37" s="25">
        <v>0</v>
      </c>
      <c r="BH37" s="26">
        <v>0</v>
      </c>
      <c r="BI37" s="404">
        <v>0</v>
      </c>
      <c r="BJ37" s="25">
        <v>0</v>
      </c>
      <c r="BK37" s="25">
        <v>0</v>
      </c>
      <c r="BL37" s="25">
        <v>0</v>
      </c>
      <c r="BM37" s="25">
        <v>0</v>
      </c>
      <c r="BN37" s="25">
        <v>0</v>
      </c>
      <c r="BO37" s="28">
        <v>0</v>
      </c>
      <c r="BP37" s="29">
        <v>0</v>
      </c>
      <c r="BQ37" s="24">
        <v>0</v>
      </c>
      <c r="BR37" s="25">
        <v>0</v>
      </c>
      <c r="BS37" s="26">
        <v>0</v>
      </c>
      <c r="BT37" s="27">
        <v>0</v>
      </c>
      <c r="BU37" s="25">
        <v>5569</v>
      </c>
      <c r="BV37" s="25">
        <v>725</v>
      </c>
      <c r="BW37" s="25">
        <v>3672</v>
      </c>
      <c r="BX37" s="25">
        <v>1268</v>
      </c>
      <c r="BY37" s="25">
        <v>0</v>
      </c>
      <c r="BZ37" s="28">
        <v>11234</v>
      </c>
      <c r="CA37" s="29">
        <v>11234</v>
      </c>
      <c r="CB37" s="24">
        <v>0</v>
      </c>
      <c r="CC37" s="25">
        <v>0</v>
      </c>
      <c r="CD37" s="26">
        <v>0</v>
      </c>
      <c r="CE37" s="27">
        <v>0</v>
      </c>
      <c r="CF37" s="25">
        <v>0</v>
      </c>
      <c r="CG37" s="25">
        <v>0</v>
      </c>
      <c r="CH37" s="25">
        <v>0</v>
      </c>
      <c r="CI37" s="25">
        <v>0</v>
      </c>
      <c r="CJ37" s="25">
        <v>0</v>
      </c>
      <c r="CK37" s="28">
        <v>0</v>
      </c>
      <c r="CL37" s="29">
        <v>0</v>
      </c>
      <c r="CM37" s="24">
        <v>0</v>
      </c>
      <c r="CN37" s="25">
        <v>0</v>
      </c>
      <c r="CO37" s="26">
        <v>0</v>
      </c>
      <c r="CP37" s="27">
        <v>0</v>
      </c>
      <c r="CQ37" s="25">
        <v>0</v>
      </c>
      <c r="CR37" s="25">
        <v>0</v>
      </c>
      <c r="CS37" s="25">
        <v>0</v>
      </c>
      <c r="CT37" s="25">
        <v>0</v>
      </c>
      <c r="CU37" s="25">
        <v>0</v>
      </c>
      <c r="CV37" s="28">
        <v>0</v>
      </c>
      <c r="CW37" s="29">
        <v>0</v>
      </c>
      <c r="CX37" s="24">
        <v>0</v>
      </c>
      <c r="CY37" s="25">
        <v>0</v>
      </c>
      <c r="CZ37" s="26">
        <v>0</v>
      </c>
      <c r="DA37" s="404">
        <v>0</v>
      </c>
      <c r="DB37" s="25">
        <v>0</v>
      </c>
      <c r="DC37" s="25">
        <v>0</v>
      </c>
      <c r="DD37" s="25">
        <v>0</v>
      </c>
      <c r="DE37" s="25">
        <v>0</v>
      </c>
      <c r="DF37" s="25">
        <v>0</v>
      </c>
      <c r="DG37" s="28">
        <v>0</v>
      </c>
      <c r="DH37" s="29">
        <v>0</v>
      </c>
      <c r="DI37" s="24">
        <v>0</v>
      </c>
      <c r="DJ37" s="25">
        <v>0</v>
      </c>
      <c r="DK37" s="26">
        <v>0</v>
      </c>
      <c r="DL37" s="27">
        <v>0</v>
      </c>
      <c r="DM37" s="25">
        <v>21630</v>
      </c>
      <c r="DN37" s="25">
        <v>4303</v>
      </c>
      <c r="DO37" s="25">
        <v>94931</v>
      </c>
      <c r="DP37" s="25">
        <v>385896</v>
      </c>
      <c r="DQ37" s="25">
        <v>85958</v>
      </c>
      <c r="DR37" s="28">
        <v>592718</v>
      </c>
      <c r="DS37" s="30">
        <v>592718</v>
      </c>
      <c r="DT37" s="24">
        <v>0</v>
      </c>
      <c r="DU37" s="25">
        <v>0</v>
      </c>
      <c r="DV37" s="26">
        <v>0</v>
      </c>
      <c r="DW37" s="404">
        <v>0</v>
      </c>
      <c r="DX37" s="25">
        <v>0</v>
      </c>
      <c r="DY37" s="25">
        <v>0</v>
      </c>
      <c r="DZ37" s="25">
        <v>88567</v>
      </c>
      <c r="EA37" s="25">
        <v>383522</v>
      </c>
      <c r="EB37" s="25">
        <v>81871</v>
      </c>
      <c r="EC37" s="28">
        <v>553960</v>
      </c>
      <c r="ED37" s="29">
        <v>553960</v>
      </c>
      <c r="EE37" s="24">
        <v>0</v>
      </c>
      <c r="EF37" s="25">
        <v>0</v>
      </c>
      <c r="EG37" s="26">
        <v>0</v>
      </c>
      <c r="EH37" s="404">
        <v>0</v>
      </c>
      <c r="EI37" s="25">
        <v>14198</v>
      </c>
      <c r="EJ37" s="25">
        <v>1393</v>
      </c>
      <c r="EK37" s="25">
        <v>434</v>
      </c>
      <c r="EL37" s="25">
        <v>434</v>
      </c>
      <c r="EM37" s="25">
        <v>357</v>
      </c>
      <c r="EN37" s="28">
        <v>16816</v>
      </c>
      <c r="EO37" s="29">
        <v>16816</v>
      </c>
      <c r="EP37" s="24">
        <v>0</v>
      </c>
      <c r="EQ37" s="25">
        <v>0</v>
      </c>
      <c r="ER37" s="26">
        <v>0</v>
      </c>
      <c r="ES37" s="404">
        <v>0</v>
      </c>
      <c r="ET37" s="25">
        <v>0</v>
      </c>
      <c r="EU37" s="25">
        <v>0</v>
      </c>
      <c r="EV37" s="25">
        <v>0</v>
      </c>
      <c r="EW37" s="25">
        <v>0</v>
      </c>
      <c r="EX37" s="25">
        <v>0</v>
      </c>
      <c r="EY37" s="28">
        <v>0</v>
      </c>
      <c r="EZ37" s="29">
        <v>0</v>
      </c>
      <c r="FA37" s="24">
        <v>0</v>
      </c>
      <c r="FB37" s="25">
        <v>0</v>
      </c>
      <c r="FC37" s="26">
        <v>0</v>
      </c>
      <c r="FD37" s="404">
        <v>0</v>
      </c>
      <c r="FE37" s="25">
        <v>0</v>
      </c>
      <c r="FF37" s="25">
        <v>0</v>
      </c>
      <c r="FG37" s="25">
        <v>0</v>
      </c>
      <c r="FH37" s="25">
        <v>0</v>
      </c>
      <c r="FI37" s="25">
        <v>3730</v>
      </c>
      <c r="FJ37" s="28">
        <v>3730</v>
      </c>
      <c r="FK37" s="29">
        <v>3730</v>
      </c>
      <c r="FL37" s="24">
        <v>0</v>
      </c>
      <c r="FM37" s="25">
        <v>0</v>
      </c>
      <c r="FN37" s="26">
        <v>0</v>
      </c>
      <c r="FO37" s="404">
        <v>0</v>
      </c>
      <c r="FP37" s="25">
        <v>0</v>
      </c>
      <c r="FQ37" s="25">
        <v>0</v>
      </c>
      <c r="FR37" s="25">
        <v>0</v>
      </c>
      <c r="FS37" s="25">
        <v>0</v>
      </c>
      <c r="FT37" s="25">
        <v>0</v>
      </c>
      <c r="FU37" s="28">
        <v>0</v>
      </c>
      <c r="FV37" s="29">
        <v>0</v>
      </c>
      <c r="FW37" s="24">
        <v>0</v>
      </c>
      <c r="FX37" s="25">
        <v>0</v>
      </c>
      <c r="FY37" s="26">
        <v>0</v>
      </c>
      <c r="FZ37" s="27">
        <v>0</v>
      </c>
      <c r="GA37" s="25">
        <v>7432</v>
      </c>
      <c r="GB37" s="25">
        <v>2910</v>
      </c>
      <c r="GC37" s="25">
        <v>5930</v>
      </c>
      <c r="GD37" s="25">
        <v>1940</v>
      </c>
      <c r="GE37" s="25">
        <v>0</v>
      </c>
      <c r="GF37" s="28">
        <v>18212</v>
      </c>
      <c r="GG37" s="29">
        <v>18212</v>
      </c>
      <c r="GH37" s="24">
        <v>0</v>
      </c>
      <c r="GI37" s="25">
        <v>0</v>
      </c>
      <c r="GJ37" s="26">
        <v>0</v>
      </c>
      <c r="GK37" s="27">
        <v>0</v>
      </c>
      <c r="GL37" s="25">
        <v>0</v>
      </c>
      <c r="GM37" s="25">
        <v>0</v>
      </c>
      <c r="GN37" s="25">
        <v>0</v>
      </c>
      <c r="GO37" s="25">
        <v>0</v>
      </c>
      <c r="GP37" s="25">
        <v>0</v>
      </c>
      <c r="GQ37" s="28">
        <v>0</v>
      </c>
      <c r="GR37" s="29">
        <v>0</v>
      </c>
      <c r="GS37" s="24">
        <v>0</v>
      </c>
      <c r="GT37" s="25">
        <v>0</v>
      </c>
      <c r="GU37" s="26">
        <v>0</v>
      </c>
      <c r="GV37" s="27">
        <v>0</v>
      </c>
      <c r="GW37" s="25">
        <v>0</v>
      </c>
      <c r="GX37" s="25">
        <v>0</v>
      </c>
      <c r="GY37" s="25">
        <v>0</v>
      </c>
      <c r="GZ37" s="25">
        <v>0</v>
      </c>
      <c r="HA37" s="25">
        <v>0</v>
      </c>
      <c r="HB37" s="28">
        <v>0</v>
      </c>
      <c r="HC37" s="29">
        <v>0</v>
      </c>
      <c r="HD37" s="24">
        <v>0</v>
      </c>
      <c r="HE37" s="25">
        <v>0</v>
      </c>
      <c r="HF37" s="26">
        <v>0</v>
      </c>
      <c r="HG37" s="404">
        <v>0</v>
      </c>
      <c r="HH37" s="25">
        <v>0</v>
      </c>
      <c r="HI37" s="25">
        <v>0</v>
      </c>
      <c r="HJ37" s="25">
        <v>0</v>
      </c>
      <c r="HK37" s="25">
        <v>0</v>
      </c>
      <c r="HL37" s="25">
        <v>0</v>
      </c>
      <c r="HM37" s="28">
        <v>0</v>
      </c>
      <c r="HN37" s="29">
        <v>0</v>
      </c>
      <c r="HO37" s="24">
        <v>0</v>
      </c>
      <c r="HP37" s="25">
        <v>0</v>
      </c>
      <c r="HQ37" s="26">
        <v>0</v>
      </c>
      <c r="HR37" s="27">
        <v>0</v>
      </c>
      <c r="HS37" s="25">
        <v>122106</v>
      </c>
      <c r="HT37" s="25">
        <v>136798</v>
      </c>
      <c r="HU37" s="25">
        <v>254068</v>
      </c>
      <c r="HV37" s="25">
        <v>930949</v>
      </c>
      <c r="HW37" s="25">
        <v>293793</v>
      </c>
      <c r="HX37" s="28">
        <v>1737714</v>
      </c>
      <c r="HY37" s="29">
        <v>1737714</v>
      </c>
    </row>
    <row r="38" spans="2:233" ht="21" customHeight="1" x14ac:dyDescent="0.2">
      <c r="B38" s="106" t="s">
        <v>35</v>
      </c>
      <c r="C38" s="24">
        <v>1885</v>
      </c>
      <c r="D38" s="25">
        <v>0</v>
      </c>
      <c r="E38" s="26">
        <v>1885</v>
      </c>
      <c r="F38" s="27">
        <v>0</v>
      </c>
      <c r="G38" s="25">
        <v>86745</v>
      </c>
      <c r="H38" s="25">
        <v>408753</v>
      </c>
      <c r="I38" s="25">
        <v>583337</v>
      </c>
      <c r="J38" s="25">
        <v>787704</v>
      </c>
      <c r="K38" s="25">
        <v>279066</v>
      </c>
      <c r="L38" s="28">
        <v>2145605</v>
      </c>
      <c r="M38" s="29">
        <v>2147490</v>
      </c>
      <c r="N38" s="24">
        <v>0</v>
      </c>
      <c r="O38" s="25">
        <v>0</v>
      </c>
      <c r="P38" s="26">
        <v>0</v>
      </c>
      <c r="Q38" s="404">
        <v>0</v>
      </c>
      <c r="R38" s="25">
        <v>2635</v>
      </c>
      <c r="S38" s="25">
        <v>2635</v>
      </c>
      <c r="T38" s="25">
        <v>255675</v>
      </c>
      <c r="U38" s="25">
        <v>566665</v>
      </c>
      <c r="V38" s="25">
        <v>179125</v>
      </c>
      <c r="W38" s="28">
        <v>1006735</v>
      </c>
      <c r="X38" s="29">
        <v>1006735</v>
      </c>
      <c r="Y38" s="24">
        <v>0</v>
      </c>
      <c r="Z38" s="25">
        <v>0</v>
      </c>
      <c r="AA38" s="26">
        <v>0</v>
      </c>
      <c r="AB38" s="404">
        <v>0</v>
      </c>
      <c r="AC38" s="25">
        <v>67890</v>
      </c>
      <c r="AD38" s="25">
        <v>317165</v>
      </c>
      <c r="AE38" s="25">
        <v>234275</v>
      </c>
      <c r="AF38" s="25">
        <v>106105</v>
      </c>
      <c r="AG38" s="25">
        <v>3910</v>
      </c>
      <c r="AH38" s="28">
        <v>729345</v>
      </c>
      <c r="AI38" s="29">
        <v>729345</v>
      </c>
      <c r="AJ38" s="24">
        <v>0</v>
      </c>
      <c r="AK38" s="25">
        <v>0</v>
      </c>
      <c r="AL38" s="26">
        <v>0</v>
      </c>
      <c r="AM38" s="404">
        <v>0</v>
      </c>
      <c r="AN38" s="25">
        <v>0</v>
      </c>
      <c r="AO38" s="25">
        <v>0</v>
      </c>
      <c r="AP38" s="25">
        <v>0</v>
      </c>
      <c r="AQ38" s="25">
        <v>0</v>
      </c>
      <c r="AR38" s="25">
        <v>0</v>
      </c>
      <c r="AS38" s="28">
        <v>0</v>
      </c>
      <c r="AT38" s="29">
        <v>0</v>
      </c>
      <c r="AU38" s="24">
        <v>0</v>
      </c>
      <c r="AV38" s="25">
        <v>0</v>
      </c>
      <c r="AW38" s="26">
        <v>0</v>
      </c>
      <c r="AX38" s="404">
        <v>0</v>
      </c>
      <c r="AY38" s="25">
        <v>0</v>
      </c>
      <c r="AZ38" s="25">
        <v>65410</v>
      </c>
      <c r="BA38" s="25">
        <v>35495</v>
      </c>
      <c r="BB38" s="25">
        <v>70990</v>
      </c>
      <c r="BC38" s="25">
        <v>70990</v>
      </c>
      <c r="BD38" s="28">
        <v>242885</v>
      </c>
      <c r="BE38" s="29">
        <v>242885</v>
      </c>
      <c r="BF38" s="24">
        <v>0</v>
      </c>
      <c r="BG38" s="25">
        <v>0</v>
      </c>
      <c r="BH38" s="26">
        <v>0</v>
      </c>
      <c r="BI38" s="404">
        <v>0</v>
      </c>
      <c r="BJ38" s="25">
        <v>0</v>
      </c>
      <c r="BK38" s="25">
        <v>0</v>
      </c>
      <c r="BL38" s="25">
        <v>0</v>
      </c>
      <c r="BM38" s="25">
        <v>0</v>
      </c>
      <c r="BN38" s="25">
        <v>0</v>
      </c>
      <c r="BO38" s="28">
        <v>0</v>
      </c>
      <c r="BP38" s="29">
        <v>0</v>
      </c>
      <c r="BQ38" s="24">
        <v>1885</v>
      </c>
      <c r="BR38" s="25">
        <v>0</v>
      </c>
      <c r="BS38" s="26">
        <v>1885</v>
      </c>
      <c r="BT38" s="27">
        <v>0</v>
      </c>
      <c r="BU38" s="25">
        <v>15930</v>
      </c>
      <c r="BV38" s="25">
        <v>23543</v>
      </c>
      <c r="BW38" s="25">
        <v>56642</v>
      </c>
      <c r="BX38" s="25">
        <v>43944</v>
      </c>
      <c r="BY38" s="25">
        <v>25041</v>
      </c>
      <c r="BZ38" s="28">
        <v>165100</v>
      </c>
      <c r="CA38" s="29">
        <v>166985</v>
      </c>
      <c r="CB38" s="24">
        <v>0</v>
      </c>
      <c r="CC38" s="25">
        <v>0</v>
      </c>
      <c r="CD38" s="26">
        <v>0</v>
      </c>
      <c r="CE38" s="27">
        <v>0</v>
      </c>
      <c r="CF38" s="25">
        <v>290</v>
      </c>
      <c r="CG38" s="25">
        <v>0</v>
      </c>
      <c r="CH38" s="25">
        <v>1250</v>
      </c>
      <c r="CI38" s="25">
        <v>0</v>
      </c>
      <c r="CJ38" s="25">
        <v>0</v>
      </c>
      <c r="CK38" s="28">
        <v>1540</v>
      </c>
      <c r="CL38" s="29">
        <v>1540</v>
      </c>
      <c r="CM38" s="24">
        <v>0</v>
      </c>
      <c r="CN38" s="25">
        <v>0</v>
      </c>
      <c r="CO38" s="26">
        <v>0</v>
      </c>
      <c r="CP38" s="27">
        <v>0</v>
      </c>
      <c r="CQ38" s="25">
        <v>0</v>
      </c>
      <c r="CR38" s="25">
        <v>0</v>
      </c>
      <c r="CS38" s="25">
        <v>0</v>
      </c>
      <c r="CT38" s="25">
        <v>0</v>
      </c>
      <c r="CU38" s="25">
        <v>0</v>
      </c>
      <c r="CV38" s="28">
        <v>0</v>
      </c>
      <c r="CW38" s="29">
        <v>0</v>
      </c>
      <c r="CX38" s="24">
        <v>0</v>
      </c>
      <c r="CY38" s="25">
        <v>0</v>
      </c>
      <c r="CZ38" s="26">
        <v>0</v>
      </c>
      <c r="DA38" s="404">
        <v>0</v>
      </c>
      <c r="DB38" s="25">
        <v>0</v>
      </c>
      <c r="DC38" s="25">
        <v>0</v>
      </c>
      <c r="DD38" s="25">
        <v>0</v>
      </c>
      <c r="DE38" s="25">
        <v>0</v>
      </c>
      <c r="DF38" s="25">
        <v>0</v>
      </c>
      <c r="DG38" s="28">
        <v>0</v>
      </c>
      <c r="DH38" s="29">
        <v>0</v>
      </c>
      <c r="DI38" s="24">
        <v>1455</v>
      </c>
      <c r="DJ38" s="25">
        <v>0</v>
      </c>
      <c r="DK38" s="26">
        <v>1455</v>
      </c>
      <c r="DL38" s="27">
        <v>0</v>
      </c>
      <c r="DM38" s="25">
        <v>54017</v>
      </c>
      <c r="DN38" s="25">
        <v>49249</v>
      </c>
      <c r="DO38" s="25">
        <v>375381</v>
      </c>
      <c r="DP38" s="25">
        <v>718557</v>
      </c>
      <c r="DQ38" s="25">
        <v>273945</v>
      </c>
      <c r="DR38" s="28">
        <v>1471149</v>
      </c>
      <c r="DS38" s="30">
        <v>1472604</v>
      </c>
      <c r="DT38" s="24">
        <v>0</v>
      </c>
      <c r="DU38" s="25">
        <v>0</v>
      </c>
      <c r="DV38" s="26">
        <v>0</v>
      </c>
      <c r="DW38" s="404">
        <v>0</v>
      </c>
      <c r="DX38" s="25">
        <v>15035</v>
      </c>
      <c r="DY38" s="25">
        <v>21576</v>
      </c>
      <c r="DZ38" s="25">
        <v>277144</v>
      </c>
      <c r="EA38" s="25">
        <v>630989</v>
      </c>
      <c r="EB38" s="25">
        <v>220892</v>
      </c>
      <c r="EC38" s="28">
        <v>1165636</v>
      </c>
      <c r="ED38" s="29">
        <v>1165636</v>
      </c>
      <c r="EE38" s="24">
        <v>0</v>
      </c>
      <c r="EF38" s="25">
        <v>0</v>
      </c>
      <c r="EG38" s="26">
        <v>0</v>
      </c>
      <c r="EH38" s="404">
        <v>0</v>
      </c>
      <c r="EI38" s="25">
        <v>21979</v>
      </c>
      <c r="EJ38" s="25">
        <v>3213</v>
      </c>
      <c r="EK38" s="25">
        <v>16361</v>
      </c>
      <c r="EL38" s="25">
        <v>1316</v>
      </c>
      <c r="EM38" s="25">
        <v>329</v>
      </c>
      <c r="EN38" s="28">
        <v>43198</v>
      </c>
      <c r="EO38" s="29">
        <v>43198</v>
      </c>
      <c r="EP38" s="24">
        <v>0</v>
      </c>
      <c r="EQ38" s="25">
        <v>0</v>
      </c>
      <c r="ER38" s="26">
        <v>0</v>
      </c>
      <c r="ES38" s="404">
        <v>0</v>
      </c>
      <c r="ET38" s="25">
        <v>0</v>
      </c>
      <c r="EU38" s="25">
        <v>0</v>
      </c>
      <c r="EV38" s="25">
        <v>0</v>
      </c>
      <c r="EW38" s="25">
        <v>0</v>
      </c>
      <c r="EX38" s="25">
        <v>0</v>
      </c>
      <c r="EY38" s="28">
        <v>0</v>
      </c>
      <c r="EZ38" s="29">
        <v>0</v>
      </c>
      <c r="FA38" s="24">
        <v>0</v>
      </c>
      <c r="FB38" s="25">
        <v>0</v>
      </c>
      <c r="FC38" s="26">
        <v>0</v>
      </c>
      <c r="FD38" s="404">
        <v>0</v>
      </c>
      <c r="FE38" s="25">
        <v>0</v>
      </c>
      <c r="FF38" s="25">
        <v>434</v>
      </c>
      <c r="FG38" s="25">
        <v>13547</v>
      </c>
      <c r="FH38" s="25">
        <v>27094</v>
      </c>
      <c r="FI38" s="25">
        <v>27094</v>
      </c>
      <c r="FJ38" s="28">
        <v>68169</v>
      </c>
      <c r="FK38" s="29">
        <v>68169</v>
      </c>
      <c r="FL38" s="24">
        <v>0</v>
      </c>
      <c r="FM38" s="25">
        <v>0</v>
      </c>
      <c r="FN38" s="26">
        <v>0</v>
      </c>
      <c r="FO38" s="404">
        <v>0</v>
      </c>
      <c r="FP38" s="25">
        <v>0</v>
      </c>
      <c r="FQ38" s="25">
        <v>0</v>
      </c>
      <c r="FR38" s="25">
        <v>0</v>
      </c>
      <c r="FS38" s="25">
        <v>0</v>
      </c>
      <c r="FT38" s="25">
        <v>0</v>
      </c>
      <c r="FU38" s="28">
        <v>0</v>
      </c>
      <c r="FV38" s="29">
        <v>0</v>
      </c>
      <c r="FW38" s="24">
        <v>1455</v>
      </c>
      <c r="FX38" s="25">
        <v>0</v>
      </c>
      <c r="FY38" s="26">
        <v>1455</v>
      </c>
      <c r="FZ38" s="27">
        <v>0</v>
      </c>
      <c r="GA38" s="25">
        <v>16975</v>
      </c>
      <c r="GB38" s="25">
        <v>24026</v>
      </c>
      <c r="GC38" s="25">
        <v>68301</v>
      </c>
      <c r="GD38" s="25">
        <v>59158</v>
      </c>
      <c r="GE38" s="25">
        <v>25630</v>
      </c>
      <c r="GF38" s="28">
        <v>194090</v>
      </c>
      <c r="GG38" s="29">
        <v>195545</v>
      </c>
      <c r="GH38" s="24">
        <v>0</v>
      </c>
      <c r="GI38" s="25">
        <v>0</v>
      </c>
      <c r="GJ38" s="26">
        <v>0</v>
      </c>
      <c r="GK38" s="27">
        <v>0</v>
      </c>
      <c r="GL38" s="25">
        <v>28</v>
      </c>
      <c r="GM38" s="25">
        <v>0</v>
      </c>
      <c r="GN38" s="25">
        <v>28</v>
      </c>
      <c r="GO38" s="25">
        <v>0</v>
      </c>
      <c r="GP38" s="25">
        <v>0</v>
      </c>
      <c r="GQ38" s="28">
        <v>56</v>
      </c>
      <c r="GR38" s="29">
        <v>56</v>
      </c>
      <c r="GS38" s="24">
        <v>0</v>
      </c>
      <c r="GT38" s="25">
        <v>0</v>
      </c>
      <c r="GU38" s="26">
        <v>0</v>
      </c>
      <c r="GV38" s="27">
        <v>0</v>
      </c>
      <c r="GW38" s="25">
        <v>0</v>
      </c>
      <c r="GX38" s="25">
        <v>0</v>
      </c>
      <c r="GY38" s="25">
        <v>0</v>
      </c>
      <c r="GZ38" s="25">
        <v>0</v>
      </c>
      <c r="HA38" s="25">
        <v>0</v>
      </c>
      <c r="HB38" s="28">
        <v>0</v>
      </c>
      <c r="HC38" s="29">
        <v>0</v>
      </c>
      <c r="HD38" s="24">
        <v>0</v>
      </c>
      <c r="HE38" s="25">
        <v>0</v>
      </c>
      <c r="HF38" s="26">
        <v>0</v>
      </c>
      <c r="HG38" s="404">
        <v>0</v>
      </c>
      <c r="HH38" s="25">
        <v>0</v>
      </c>
      <c r="HI38" s="25">
        <v>0</v>
      </c>
      <c r="HJ38" s="25">
        <v>0</v>
      </c>
      <c r="HK38" s="25">
        <v>0</v>
      </c>
      <c r="HL38" s="25">
        <v>0</v>
      </c>
      <c r="HM38" s="28">
        <v>0</v>
      </c>
      <c r="HN38" s="29">
        <v>0</v>
      </c>
      <c r="HO38" s="24">
        <v>3340</v>
      </c>
      <c r="HP38" s="25">
        <v>0</v>
      </c>
      <c r="HQ38" s="26">
        <v>3340</v>
      </c>
      <c r="HR38" s="27">
        <v>0</v>
      </c>
      <c r="HS38" s="25">
        <v>140762</v>
      </c>
      <c r="HT38" s="25">
        <v>458002</v>
      </c>
      <c r="HU38" s="25">
        <v>958718</v>
      </c>
      <c r="HV38" s="25">
        <v>1506261</v>
      </c>
      <c r="HW38" s="25">
        <v>553011</v>
      </c>
      <c r="HX38" s="28">
        <v>3616754</v>
      </c>
      <c r="HY38" s="29">
        <v>3620094</v>
      </c>
    </row>
    <row r="39" spans="2:233" ht="21" customHeight="1" x14ac:dyDescent="0.2">
      <c r="B39" s="106" t="s">
        <v>36</v>
      </c>
      <c r="C39" s="24">
        <v>0</v>
      </c>
      <c r="D39" s="25">
        <v>0</v>
      </c>
      <c r="E39" s="26">
        <v>0</v>
      </c>
      <c r="F39" s="27">
        <v>0</v>
      </c>
      <c r="G39" s="25">
        <v>90470</v>
      </c>
      <c r="H39" s="25">
        <v>276744</v>
      </c>
      <c r="I39" s="25">
        <v>629581</v>
      </c>
      <c r="J39" s="25">
        <v>1365074</v>
      </c>
      <c r="K39" s="25">
        <v>485074</v>
      </c>
      <c r="L39" s="28">
        <v>2846943</v>
      </c>
      <c r="M39" s="29">
        <v>2846943</v>
      </c>
      <c r="N39" s="24">
        <v>0</v>
      </c>
      <c r="O39" s="25">
        <v>0</v>
      </c>
      <c r="P39" s="26">
        <v>0</v>
      </c>
      <c r="Q39" s="404">
        <v>0</v>
      </c>
      <c r="R39" s="25">
        <v>0</v>
      </c>
      <c r="S39" s="25">
        <v>40680</v>
      </c>
      <c r="T39" s="25">
        <v>458822</v>
      </c>
      <c r="U39" s="25">
        <v>858669</v>
      </c>
      <c r="V39" s="25">
        <v>363249</v>
      </c>
      <c r="W39" s="28">
        <v>1721420</v>
      </c>
      <c r="X39" s="29">
        <v>1721420</v>
      </c>
      <c r="Y39" s="24">
        <v>0</v>
      </c>
      <c r="Z39" s="25">
        <v>0</v>
      </c>
      <c r="AA39" s="26">
        <v>0</v>
      </c>
      <c r="AB39" s="404">
        <v>0</v>
      </c>
      <c r="AC39" s="25">
        <v>72785</v>
      </c>
      <c r="AD39" s="25">
        <v>198935</v>
      </c>
      <c r="AE39" s="25">
        <v>144499</v>
      </c>
      <c r="AF39" s="25">
        <v>348135</v>
      </c>
      <c r="AG39" s="25">
        <v>75745</v>
      </c>
      <c r="AH39" s="28">
        <v>840099</v>
      </c>
      <c r="AI39" s="29">
        <v>840099</v>
      </c>
      <c r="AJ39" s="24">
        <v>0</v>
      </c>
      <c r="AK39" s="25">
        <v>0</v>
      </c>
      <c r="AL39" s="26">
        <v>0</v>
      </c>
      <c r="AM39" s="404">
        <v>0</v>
      </c>
      <c r="AN39" s="25">
        <v>0</v>
      </c>
      <c r="AO39" s="25">
        <v>0</v>
      </c>
      <c r="AP39" s="25">
        <v>0</v>
      </c>
      <c r="AQ39" s="25">
        <v>0</v>
      </c>
      <c r="AR39" s="25">
        <v>0</v>
      </c>
      <c r="AS39" s="28">
        <v>0</v>
      </c>
      <c r="AT39" s="29">
        <v>0</v>
      </c>
      <c r="AU39" s="24">
        <v>0</v>
      </c>
      <c r="AV39" s="25">
        <v>0</v>
      </c>
      <c r="AW39" s="26">
        <v>0</v>
      </c>
      <c r="AX39" s="404">
        <v>0</v>
      </c>
      <c r="AY39" s="25">
        <v>0</v>
      </c>
      <c r="AZ39" s="25">
        <v>0</v>
      </c>
      <c r="BA39" s="25">
        <v>0</v>
      </c>
      <c r="BB39" s="25">
        <v>95140</v>
      </c>
      <c r="BC39" s="25">
        <v>7735</v>
      </c>
      <c r="BD39" s="28">
        <v>102875</v>
      </c>
      <c r="BE39" s="29">
        <v>102875</v>
      </c>
      <c r="BF39" s="24">
        <v>0</v>
      </c>
      <c r="BG39" s="25">
        <v>0</v>
      </c>
      <c r="BH39" s="26">
        <v>0</v>
      </c>
      <c r="BI39" s="404">
        <v>0</v>
      </c>
      <c r="BJ39" s="25">
        <v>0</v>
      </c>
      <c r="BK39" s="25">
        <v>0</v>
      </c>
      <c r="BL39" s="25">
        <v>0</v>
      </c>
      <c r="BM39" s="25">
        <v>0</v>
      </c>
      <c r="BN39" s="25">
        <v>0</v>
      </c>
      <c r="BO39" s="28">
        <v>0</v>
      </c>
      <c r="BP39" s="29">
        <v>0</v>
      </c>
      <c r="BQ39" s="24">
        <v>0</v>
      </c>
      <c r="BR39" s="25">
        <v>0</v>
      </c>
      <c r="BS39" s="26">
        <v>0</v>
      </c>
      <c r="BT39" s="27">
        <v>0</v>
      </c>
      <c r="BU39" s="25">
        <v>11905</v>
      </c>
      <c r="BV39" s="25">
        <v>37129</v>
      </c>
      <c r="BW39" s="25">
        <v>26260</v>
      </c>
      <c r="BX39" s="25">
        <v>62260</v>
      </c>
      <c r="BY39" s="25">
        <v>38345</v>
      </c>
      <c r="BZ39" s="28">
        <v>175899</v>
      </c>
      <c r="CA39" s="29">
        <v>175899</v>
      </c>
      <c r="CB39" s="24">
        <v>0</v>
      </c>
      <c r="CC39" s="25">
        <v>0</v>
      </c>
      <c r="CD39" s="26">
        <v>0</v>
      </c>
      <c r="CE39" s="27">
        <v>0</v>
      </c>
      <c r="CF39" s="25">
        <v>5780</v>
      </c>
      <c r="CG39" s="25">
        <v>0</v>
      </c>
      <c r="CH39" s="25">
        <v>0</v>
      </c>
      <c r="CI39" s="25">
        <v>870</v>
      </c>
      <c r="CJ39" s="25">
        <v>0</v>
      </c>
      <c r="CK39" s="28">
        <v>6650</v>
      </c>
      <c r="CL39" s="29">
        <v>6650</v>
      </c>
      <c r="CM39" s="24">
        <v>0</v>
      </c>
      <c r="CN39" s="25">
        <v>0</v>
      </c>
      <c r="CO39" s="26">
        <v>0</v>
      </c>
      <c r="CP39" s="27">
        <v>0</v>
      </c>
      <c r="CQ39" s="25">
        <v>0</v>
      </c>
      <c r="CR39" s="25">
        <v>0</v>
      </c>
      <c r="CS39" s="25">
        <v>0</v>
      </c>
      <c r="CT39" s="25">
        <v>0</v>
      </c>
      <c r="CU39" s="25">
        <v>0</v>
      </c>
      <c r="CV39" s="28">
        <v>0</v>
      </c>
      <c r="CW39" s="29">
        <v>0</v>
      </c>
      <c r="CX39" s="24">
        <v>0</v>
      </c>
      <c r="CY39" s="25">
        <v>0</v>
      </c>
      <c r="CZ39" s="26">
        <v>0</v>
      </c>
      <c r="DA39" s="404">
        <v>0</v>
      </c>
      <c r="DB39" s="25">
        <v>0</v>
      </c>
      <c r="DC39" s="25">
        <v>0</v>
      </c>
      <c r="DD39" s="25">
        <v>0</v>
      </c>
      <c r="DE39" s="25">
        <v>0</v>
      </c>
      <c r="DF39" s="25">
        <v>0</v>
      </c>
      <c r="DG39" s="28">
        <v>0</v>
      </c>
      <c r="DH39" s="29">
        <v>0</v>
      </c>
      <c r="DI39" s="24">
        <v>0</v>
      </c>
      <c r="DJ39" s="25">
        <v>0</v>
      </c>
      <c r="DK39" s="26">
        <v>0</v>
      </c>
      <c r="DL39" s="27">
        <v>0</v>
      </c>
      <c r="DM39" s="25">
        <v>10965</v>
      </c>
      <c r="DN39" s="25">
        <v>110908</v>
      </c>
      <c r="DO39" s="25">
        <v>667172</v>
      </c>
      <c r="DP39" s="25">
        <v>1006144</v>
      </c>
      <c r="DQ39" s="25">
        <v>568997</v>
      </c>
      <c r="DR39" s="28">
        <v>2364186</v>
      </c>
      <c r="DS39" s="30">
        <v>2364186</v>
      </c>
      <c r="DT39" s="24">
        <v>0</v>
      </c>
      <c r="DU39" s="25">
        <v>0</v>
      </c>
      <c r="DV39" s="26">
        <v>0</v>
      </c>
      <c r="DW39" s="404">
        <v>0</v>
      </c>
      <c r="DX39" s="25">
        <v>0</v>
      </c>
      <c r="DY39" s="25">
        <v>71517</v>
      </c>
      <c r="DZ39" s="25">
        <v>647774</v>
      </c>
      <c r="EA39" s="25">
        <v>839687</v>
      </c>
      <c r="EB39" s="25">
        <v>529670</v>
      </c>
      <c r="EC39" s="28">
        <v>2088648</v>
      </c>
      <c r="ED39" s="29">
        <v>2088648</v>
      </c>
      <c r="EE39" s="24">
        <v>0</v>
      </c>
      <c r="EF39" s="25">
        <v>0</v>
      </c>
      <c r="EG39" s="26">
        <v>0</v>
      </c>
      <c r="EH39" s="404">
        <v>0</v>
      </c>
      <c r="EI39" s="25">
        <v>1281</v>
      </c>
      <c r="EJ39" s="25">
        <v>2877</v>
      </c>
      <c r="EK39" s="25">
        <v>2212</v>
      </c>
      <c r="EL39" s="25">
        <v>51613</v>
      </c>
      <c r="EM39" s="25">
        <v>1302</v>
      </c>
      <c r="EN39" s="28">
        <v>59285</v>
      </c>
      <c r="EO39" s="29">
        <v>59285</v>
      </c>
      <c r="EP39" s="24">
        <v>0</v>
      </c>
      <c r="EQ39" s="25">
        <v>0</v>
      </c>
      <c r="ER39" s="26">
        <v>0</v>
      </c>
      <c r="ES39" s="404">
        <v>0</v>
      </c>
      <c r="ET39" s="25">
        <v>0</v>
      </c>
      <c r="EU39" s="25">
        <v>0</v>
      </c>
      <c r="EV39" s="25">
        <v>0</v>
      </c>
      <c r="EW39" s="25">
        <v>0</v>
      </c>
      <c r="EX39" s="25">
        <v>0</v>
      </c>
      <c r="EY39" s="28">
        <v>0</v>
      </c>
      <c r="EZ39" s="29">
        <v>0</v>
      </c>
      <c r="FA39" s="24">
        <v>0</v>
      </c>
      <c r="FB39" s="25">
        <v>0</v>
      </c>
      <c r="FC39" s="26">
        <v>0</v>
      </c>
      <c r="FD39" s="404">
        <v>0</v>
      </c>
      <c r="FE39" s="25">
        <v>0</v>
      </c>
      <c r="FF39" s="25">
        <v>0</v>
      </c>
      <c r="FG39" s="25">
        <v>0</v>
      </c>
      <c r="FH39" s="25">
        <v>14198</v>
      </c>
      <c r="FI39" s="25">
        <v>651</v>
      </c>
      <c r="FJ39" s="28">
        <v>14849</v>
      </c>
      <c r="FK39" s="29">
        <v>14849</v>
      </c>
      <c r="FL39" s="24">
        <v>0</v>
      </c>
      <c r="FM39" s="25">
        <v>0</v>
      </c>
      <c r="FN39" s="26">
        <v>0</v>
      </c>
      <c r="FO39" s="404">
        <v>0</v>
      </c>
      <c r="FP39" s="25">
        <v>0</v>
      </c>
      <c r="FQ39" s="25">
        <v>0</v>
      </c>
      <c r="FR39" s="25">
        <v>0</v>
      </c>
      <c r="FS39" s="25">
        <v>0</v>
      </c>
      <c r="FT39" s="25">
        <v>0</v>
      </c>
      <c r="FU39" s="28">
        <v>0</v>
      </c>
      <c r="FV39" s="29">
        <v>0</v>
      </c>
      <c r="FW39" s="24">
        <v>0</v>
      </c>
      <c r="FX39" s="25">
        <v>0</v>
      </c>
      <c r="FY39" s="26">
        <v>0</v>
      </c>
      <c r="FZ39" s="27">
        <v>0</v>
      </c>
      <c r="GA39" s="25">
        <v>9635</v>
      </c>
      <c r="GB39" s="25">
        <v>36514</v>
      </c>
      <c r="GC39" s="25">
        <v>17186</v>
      </c>
      <c r="GD39" s="25">
        <v>100604</v>
      </c>
      <c r="GE39" s="25">
        <v>37374</v>
      </c>
      <c r="GF39" s="28">
        <v>201313</v>
      </c>
      <c r="GG39" s="29">
        <v>201313</v>
      </c>
      <c r="GH39" s="24">
        <v>0</v>
      </c>
      <c r="GI39" s="25">
        <v>0</v>
      </c>
      <c r="GJ39" s="26">
        <v>0</v>
      </c>
      <c r="GK39" s="27">
        <v>0</v>
      </c>
      <c r="GL39" s="25">
        <v>49</v>
      </c>
      <c r="GM39" s="25">
        <v>0</v>
      </c>
      <c r="GN39" s="25">
        <v>0</v>
      </c>
      <c r="GO39" s="25">
        <v>42</v>
      </c>
      <c r="GP39" s="25">
        <v>0</v>
      </c>
      <c r="GQ39" s="28">
        <v>91</v>
      </c>
      <c r="GR39" s="29">
        <v>91</v>
      </c>
      <c r="GS39" s="24">
        <v>0</v>
      </c>
      <c r="GT39" s="25">
        <v>0</v>
      </c>
      <c r="GU39" s="26">
        <v>0</v>
      </c>
      <c r="GV39" s="27">
        <v>0</v>
      </c>
      <c r="GW39" s="25">
        <v>0</v>
      </c>
      <c r="GX39" s="25">
        <v>0</v>
      </c>
      <c r="GY39" s="25">
        <v>0</v>
      </c>
      <c r="GZ39" s="25">
        <v>0</v>
      </c>
      <c r="HA39" s="25">
        <v>0</v>
      </c>
      <c r="HB39" s="28">
        <v>0</v>
      </c>
      <c r="HC39" s="29">
        <v>0</v>
      </c>
      <c r="HD39" s="24">
        <v>0</v>
      </c>
      <c r="HE39" s="25">
        <v>0</v>
      </c>
      <c r="HF39" s="26">
        <v>0</v>
      </c>
      <c r="HG39" s="404">
        <v>0</v>
      </c>
      <c r="HH39" s="25">
        <v>0</v>
      </c>
      <c r="HI39" s="25">
        <v>0</v>
      </c>
      <c r="HJ39" s="25">
        <v>0</v>
      </c>
      <c r="HK39" s="25">
        <v>0</v>
      </c>
      <c r="HL39" s="25">
        <v>0</v>
      </c>
      <c r="HM39" s="28">
        <v>0</v>
      </c>
      <c r="HN39" s="29">
        <v>0</v>
      </c>
      <c r="HO39" s="24">
        <v>0</v>
      </c>
      <c r="HP39" s="25">
        <v>0</v>
      </c>
      <c r="HQ39" s="26">
        <v>0</v>
      </c>
      <c r="HR39" s="27">
        <v>0</v>
      </c>
      <c r="HS39" s="25">
        <v>101435</v>
      </c>
      <c r="HT39" s="25">
        <v>387652</v>
      </c>
      <c r="HU39" s="25">
        <v>1296753</v>
      </c>
      <c r="HV39" s="25">
        <v>2371218</v>
      </c>
      <c r="HW39" s="25">
        <v>1054071</v>
      </c>
      <c r="HX39" s="28">
        <v>5211129</v>
      </c>
      <c r="HY39" s="29">
        <v>5211129</v>
      </c>
    </row>
    <row r="40" spans="2:233" ht="21" customHeight="1" thickBot="1" x14ac:dyDescent="0.25">
      <c r="B40" s="108" t="s">
        <v>37</v>
      </c>
      <c r="C40" s="31">
        <v>0</v>
      </c>
      <c r="D40" s="32">
        <v>0</v>
      </c>
      <c r="E40" s="33">
        <v>0</v>
      </c>
      <c r="F40" s="34">
        <v>0</v>
      </c>
      <c r="G40" s="32">
        <v>0</v>
      </c>
      <c r="H40" s="32">
        <v>2635</v>
      </c>
      <c r="I40" s="32">
        <v>132415</v>
      </c>
      <c r="J40" s="32">
        <v>45880</v>
      </c>
      <c r="K40" s="32">
        <v>117335</v>
      </c>
      <c r="L40" s="35">
        <v>298265</v>
      </c>
      <c r="M40" s="36">
        <v>298265</v>
      </c>
      <c r="N40" s="31">
        <v>0</v>
      </c>
      <c r="O40" s="32">
        <v>0</v>
      </c>
      <c r="P40" s="33">
        <v>0</v>
      </c>
      <c r="Q40" s="405">
        <v>0</v>
      </c>
      <c r="R40" s="32">
        <v>0</v>
      </c>
      <c r="S40" s="32">
        <v>0</v>
      </c>
      <c r="T40" s="32">
        <v>35340</v>
      </c>
      <c r="U40" s="32">
        <v>43245</v>
      </c>
      <c r="V40" s="32">
        <v>92690</v>
      </c>
      <c r="W40" s="35">
        <v>171275</v>
      </c>
      <c r="X40" s="36">
        <v>171275</v>
      </c>
      <c r="Y40" s="31">
        <v>0</v>
      </c>
      <c r="Z40" s="32">
        <v>0</v>
      </c>
      <c r="AA40" s="33">
        <v>0</v>
      </c>
      <c r="AB40" s="405">
        <v>0</v>
      </c>
      <c r="AC40" s="32">
        <v>0</v>
      </c>
      <c r="AD40" s="32">
        <v>2635</v>
      </c>
      <c r="AE40" s="32">
        <v>91670</v>
      </c>
      <c r="AF40" s="32">
        <v>2635</v>
      </c>
      <c r="AG40" s="32">
        <v>24645</v>
      </c>
      <c r="AH40" s="35">
        <v>121585</v>
      </c>
      <c r="AI40" s="36">
        <v>121585</v>
      </c>
      <c r="AJ40" s="31">
        <v>0</v>
      </c>
      <c r="AK40" s="32">
        <v>0</v>
      </c>
      <c r="AL40" s="33">
        <v>0</v>
      </c>
      <c r="AM40" s="405">
        <v>0</v>
      </c>
      <c r="AN40" s="32">
        <v>0</v>
      </c>
      <c r="AO40" s="32">
        <v>0</v>
      </c>
      <c r="AP40" s="32">
        <v>0</v>
      </c>
      <c r="AQ40" s="32">
        <v>0</v>
      </c>
      <c r="AR40" s="32">
        <v>0</v>
      </c>
      <c r="AS40" s="35">
        <v>0</v>
      </c>
      <c r="AT40" s="36">
        <v>0</v>
      </c>
      <c r="AU40" s="31">
        <v>0</v>
      </c>
      <c r="AV40" s="32">
        <v>0</v>
      </c>
      <c r="AW40" s="33">
        <v>0</v>
      </c>
      <c r="AX40" s="405">
        <v>0</v>
      </c>
      <c r="AY40" s="32">
        <v>0</v>
      </c>
      <c r="AZ40" s="32">
        <v>0</v>
      </c>
      <c r="BA40" s="32">
        <v>0</v>
      </c>
      <c r="BB40" s="32">
        <v>0</v>
      </c>
      <c r="BC40" s="32">
        <v>0</v>
      </c>
      <c r="BD40" s="35">
        <v>0</v>
      </c>
      <c r="BE40" s="36">
        <v>0</v>
      </c>
      <c r="BF40" s="31">
        <v>0</v>
      </c>
      <c r="BG40" s="32">
        <v>0</v>
      </c>
      <c r="BH40" s="33">
        <v>0</v>
      </c>
      <c r="BI40" s="405">
        <v>0</v>
      </c>
      <c r="BJ40" s="32">
        <v>0</v>
      </c>
      <c r="BK40" s="32">
        <v>0</v>
      </c>
      <c r="BL40" s="32">
        <v>0</v>
      </c>
      <c r="BM40" s="32">
        <v>0</v>
      </c>
      <c r="BN40" s="32">
        <v>0</v>
      </c>
      <c r="BO40" s="35">
        <v>0</v>
      </c>
      <c r="BP40" s="36">
        <v>0</v>
      </c>
      <c r="BQ40" s="31">
        <v>0</v>
      </c>
      <c r="BR40" s="32">
        <v>0</v>
      </c>
      <c r="BS40" s="33">
        <v>0</v>
      </c>
      <c r="BT40" s="34">
        <v>0</v>
      </c>
      <c r="BU40" s="32">
        <v>0</v>
      </c>
      <c r="BV40" s="32">
        <v>0</v>
      </c>
      <c r="BW40" s="32">
        <v>5405</v>
      </c>
      <c r="BX40" s="32">
        <v>0</v>
      </c>
      <c r="BY40" s="32">
        <v>0</v>
      </c>
      <c r="BZ40" s="35">
        <v>5405</v>
      </c>
      <c r="CA40" s="36">
        <v>5405</v>
      </c>
      <c r="CB40" s="31">
        <v>0</v>
      </c>
      <c r="CC40" s="32">
        <v>0</v>
      </c>
      <c r="CD40" s="33">
        <v>0</v>
      </c>
      <c r="CE40" s="34">
        <v>0</v>
      </c>
      <c r="CF40" s="32">
        <v>0</v>
      </c>
      <c r="CG40" s="32">
        <v>0</v>
      </c>
      <c r="CH40" s="32">
        <v>0</v>
      </c>
      <c r="CI40" s="32">
        <v>0</v>
      </c>
      <c r="CJ40" s="32">
        <v>0</v>
      </c>
      <c r="CK40" s="35">
        <v>0</v>
      </c>
      <c r="CL40" s="36">
        <v>0</v>
      </c>
      <c r="CM40" s="31">
        <v>0</v>
      </c>
      <c r="CN40" s="32">
        <v>0</v>
      </c>
      <c r="CO40" s="33">
        <v>0</v>
      </c>
      <c r="CP40" s="34">
        <v>0</v>
      </c>
      <c r="CQ40" s="32">
        <v>0</v>
      </c>
      <c r="CR40" s="32">
        <v>0</v>
      </c>
      <c r="CS40" s="32">
        <v>0</v>
      </c>
      <c r="CT40" s="32">
        <v>0</v>
      </c>
      <c r="CU40" s="32">
        <v>0</v>
      </c>
      <c r="CV40" s="35">
        <v>0</v>
      </c>
      <c r="CW40" s="36">
        <v>0</v>
      </c>
      <c r="CX40" s="31">
        <v>0</v>
      </c>
      <c r="CY40" s="32">
        <v>0</v>
      </c>
      <c r="CZ40" s="33">
        <v>0</v>
      </c>
      <c r="DA40" s="405">
        <v>0</v>
      </c>
      <c r="DB40" s="32">
        <v>0</v>
      </c>
      <c r="DC40" s="32">
        <v>0</v>
      </c>
      <c r="DD40" s="32">
        <v>0</v>
      </c>
      <c r="DE40" s="32">
        <v>0</v>
      </c>
      <c r="DF40" s="32">
        <v>0</v>
      </c>
      <c r="DG40" s="35">
        <v>0</v>
      </c>
      <c r="DH40" s="36">
        <v>0</v>
      </c>
      <c r="DI40" s="31">
        <v>0</v>
      </c>
      <c r="DJ40" s="32">
        <v>0</v>
      </c>
      <c r="DK40" s="33">
        <v>0</v>
      </c>
      <c r="DL40" s="34">
        <v>0</v>
      </c>
      <c r="DM40" s="32">
        <v>0</v>
      </c>
      <c r="DN40" s="32">
        <v>217</v>
      </c>
      <c r="DO40" s="32">
        <v>48837</v>
      </c>
      <c r="DP40" s="32">
        <v>110205</v>
      </c>
      <c r="DQ40" s="32">
        <v>82088</v>
      </c>
      <c r="DR40" s="35">
        <v>241347</v>
      </c>
      <c r="DS40" s="37">
        <v>241347</v>
      </c>
      <c r="DT40" s="31">
        <v>0</v>
      </c>
      <c r="DU40" s="32">
        <v>0</v>
      </c>
      <c r="DV40" s="33">
        <v>0</v>
      </c>
      <c r="DW40" s="405">
        <v>0</v>
      </c>
      <c r="DX40" s="32">
        <v>0</v>
      </c>
      <c r="DY40" s="32">
        <v>0</v>
      </c>
      <c r="DZ40" s="32">
        <v>36611</v>
      </c>
      <c r="EA40" s="32">
        <v>109988</v>
      </c>
      <c r="EB40" s="32">
        <v>81871</v>
      </c>
      <c r="EC40" s="35">
        <v>228470</v>
      </c>
      <c r="ED40" s="36">
        <v>228470</v>
      </c>
      <c r="EE40" s="31">
        <v>0</v>
      </c>
      <c r="EF40" s="32">
        <v>0</v>
      </c>
      <c r="EG40" s="33">
        <v>0</v>
      </c>
      <c r="EH40" s="405">
        <v>0</v>
      </c>
      <c r="EI40" s="32">
        <v>0</v>
      </c>
      <c r="EJ40" s="32">
        <v>217</v>
      </c>
      <c r="EK40" s="32">
        <v>7811</v>
      </c>
      <c r="EL40" s="32">
        <v>217</v>
      </c>
      <c r="EM40" s="32">
        <v>217</v>
      </c>
      <c r="EN40" s="35">
        <v>8462</v>
      </c>
      <c r="EO40" s="36">
        <v>8462</v>
      </c>
      <c r="EP40" s="31">
        <v>0</v>
      </c>
      <c r="EQ40" s="32">
        <v>0</v>
      </c>
      <c r="ER40" s="33">
        <v>0</v>
      </c>
      <c r="ES40" s="405">
        <v>0</v>
      </c>
      <c r="ET40" s="32">
        <v>0</v>
      </c>
      <c r="EU40" s="32">
        <v>0</v>
      </c>
      <c r="EV40" s="32">
        <v>0</v>
      </c>
      <c r="EW40" s="32">
        <v>0</v>
      </c>
      <c r="EX40" s="32">
        <v>0</v>
      </c>
      <c r="EY40" s="35">
        <v>0</v>
      </c>
      <c r="EZ40" s="36">
        <v>0</v>
      </c>
      <c r="FA40" s="31">
        <v>0</v>
      </c>
      <c r="FB40" s="32">
        <v>0</v>
      </c>
      <c r="FC40" s="33">
        <v>0</v>
      </c>
      <c r="FD40" s="405">
        <v>0</v>
      </c>
      <c r="FE40" s="32">
        <v>0</v>
      </c>
      <c r="FF40" s="32">
        <v>0</v>
      </c>
      <c r="FG40" s="32">
        <v>0</v>
      </c>
      <c r="FH40" s="32">
        <v>0</v>
      </c>
      <c r="FI40" s="32">
        <v>0</v>
      </c>
      <c r="FJ40" s="35">
        <v>0</v>
      </c>
      <c r="FK40" s="36">
        <v>0</v>
      </c>
      <c r="FL40" s="31">
        <v>0</v>
      </c>
      <c r="FM40" s="32">
        <v>0</v>
      </c>
      <c r="FN40" s="33">
        <v>0</v>
      </c>
      <c r="FO40" s="405">
        <v>0</v>
      </c>
      <c r="FP40" s="32">
        <v>0</v>
      </c>
      <c r="FQ40" s="32">
        <v>0</v>
      </c>
      <c r="FR40" s="32">
        <v>0</v>
      </c>
      <c r="FS40" s="32">
        <v>0</v>
      </c>
      <c r="FT40" s="32">
        <v>0</v>
      </c>
      <c r="FU40" s="35">
        <v>0</v>
      </c>
      <c r="FV40" s="36">
        <v>0</v>
      </c>
      <c r="FW40" s="31">
        <v>0</v>
      </c>
      <c r="FX40" s="32">
        <v>0</v>
      </c>
      <c r="FY40" s="33">
        <v>0</v>
      </c>
      <c r="FZ40" s="34">
        <v>0</v>
      </c>
      <c r="GA40" s="32">
        <v>0</v>
      </c>
      <c r="GB40" s="32">
        <v>0</v>
      </c>
      <c r="GC40" s="32">
        <v>4415</v>
      </c>
      <c r="GD40" s="32">
        <v>0</v>
      </c>
      <c r="GE40" s="32">
        <v>0</v>
      </c>
      <c r="GF40" s="35">
        <v>4415</v>
      </c>
      <c r="GG40" s="36">
        <v>4415</v>
      </c>
      <c r="GH40" s="31">
        <v>0</v>
      </c>
      <c r="GI40" s="32">
        <v>0</v>
      </c>
      <c r="GJ40" s="33">
        <v>0</v>
      </c>
      <c r="GK40" s="34">
        <v>0</v>
      </c>
      <c r="GL40" s="32">
        <v>0</v>
      </c>
      <c r="GM40" s="32">
        <v>0</v>
      </c>
      <c r="GN40" s="32">
        <v>0</v>
      </c>
      <c r="GO40" s="32">
        <v>0</v>
      </c>
      <c r="GP40" s="32">
        <v>0</v>
      </c>
      <c r="GQ40" s="35">
        <v>0</v>
      </c>
      <c r="GR40" s="36">
        <v>0</v>
      </c>
      <c r="GS40" s="31">
        <v>0</v>
      </c>
      <c r="GT40" s="32">
        <v>0</v>
      </c>
      <c r="GU40" s="33">
        <v>0</v>
      </c>
      <c r="GV40" s="34">
        <v>0</v>
      </c>
      <c r="GW40" s="32">
        <v>0</v>
      </c>
      <c r="GX40" s="32">
        <v>0</v>
      </c>
      <c r="GY40" s="32">
        <v>0</v>
      </c>
      <c r="GZ40" s="32">
        <v>0</v>
      </c>
      <c r="HA40" s="32">
        <v>0</v>
      </c>
      <c r="HB40" s="35">
        <v>0</v>
      </c>
      <c r="HC40" s="36">
        <v>0</v>
      </c>
      <c r="HD40" s="31">
        <v>0</v>
      </c>
      <c r="HE40" s="32">
        <v>0</v>
      </c>
      <c r="HF40" s="33">
        <v>0</v>
      </c>
      <c r="HG40" s="405">
        <v>0</v>
      </c>
      <c r="HH40" s="32">
        <v>0</v>
      </c>
      <c r="HI40" s="32">
        <v>0</v>
      </c>
      <c r="HJ40" s="32">
        <v>0</v>
      </c>
      <c r="HK40" s="32">
        <v>0</v>
      </c>
      <c r="HL40" s="32">
        <v>0</v>
      </c>
      <c r="HM40" s="35">
        <v>0</v>
      </c>
      <c r="HN40" s="36">
        <v>0</v>
      </c>
      <c r="HO40" s="31">
        <v>0</v>
      </c>
      <c r="HP40" s="32">
        <v>0</v>
      </c>
      <c r="HQ40" s="33">
        <v>0</v>
      </c>
      <c r="HR40" s="34">
        <v>0</v>
      </c>
      <c r="HS40" s="32">
        <v>0</v>
      </c>
      <c r="HT40" s="32">
        <v>2852</v>
      </c>
      <c r="HU40" s="32">
        <v>181252</v>
      </c>
      <c r="HV40" s="32">
        <v>156085</v>
      </c>
      <c r="HW40" s="32">
        <v>199423</v>
      </c>
      <c r="HX40" s="35">
        <v>539612</v>
      </c>
      <c r="HY40" s="36">
        <v>539612</v>
      </c>
    </row>
    <row r="41" spans="2:233" x14ac:dyDescent="0.2">
      <c r="B41" s="71" t="s">
        <v>84</v>
      </c>
    </row>
  </sheetData>
  <mergeCells count="88">
    <mergeCell ref="FK5:FK6"/>
    <mergeCell ref="HC5:HC6"/>
    <mergeCell ref="HO5:HQ5"/>
    <mergeCell ref="HR5:HX5"/>
    <mergeCell ref="HY5:HY6"/>
    <mergeCell ref="GG5:GG6"/>
    <mergeCell ref="GH5:GJ5"/>
    <mergeCell ref="GK5:GQ5"/>
    <mergeCell ref="GR5:GR6"/>
    <mergeCell ref="GS5:GU5"/>
    <mergeCell ref="GV5:HB5"/>
    <mergeCell ref="HD5:HF5"/>
    <mergeCell ref="HG5:HM5"/>
    <mergeCell ref="HN5:HN6"/>
    <mergeCell ref="DA5:DG5"/>
    <mergeCell ref="DH5:DH6"/>
    <mergeCell ref="FZ5:GF5"/>
    <mergeCell ref="ED5:ED6"/>
    <mergeCell ref="EE5:EG5"/>
    <mergeCell ref="EH5:EN5"/>
    <mergeCell ref="EO5:EO6"/>
    <mergeCell ref="EP5:ER5"/>
    <mergeCell ref="ES5:EY5"/>
    <mergeCell ref="EZ5:EZ6"/>
    <mergeCell ref="FL5:FN5"/>
    <mergeCell ref="FO5:FU5"/>
    <mergeCell ref="FV5:FV6"/>
    <mergeCell ref="FW5:FY5"/>
    <mergeCell ref="FA5:FC5"/>
    <mergeCell ref="FD5:FJ5"/>
    <mergeCell ref="AU5:AW5"/>
    <mergeCell ref="AX5:BD5"/>
    <mergeCell ref="BE5:BE6"/>
    <mergeCell ref="DW5:EC5"/>
    <mergeCell ref="CA5:CA6"/>
    <mergeCell ref="CB5:CD5"/>
    <mergeCell ref="CE5:CK5"/>
    <mergeCell ref="CL5:CL6"/>
    <mergeCell ref="CM5:CO5"/>
    <mergeCell ref="CP5:CV5"/>
    <mergeCell ref="CW5:CW6"/>
    <mergeCell ref="DI5:DK5"/>
    <mergeCell ref="DL5:DR5"/>
    <mergeCell ref="DS5:DS6"/>
    <mergeCell ref="DT5:DV5"/>
    <mergeCell ref="CX5:CZ5"/>
    <mergeCell ref="B3:B6"/>
    <mergeCell ref="BQ4:CA4"/>
    <mergeCell ref="CB4:CL4"/>
    <mergeCell ref="CM4:CW4"/>
    <mergeCell ref="BT5:BZ5"/>
    <mergeCell ref="X5:X6"/>
    <mergeCell ref="Y5:AA5"/>
    <mergeCell ref="AB5:AH5"/>
    <mergeCell ref="AI5:AI6"/>
    <mergeCell ref="AJ5:AL5"/>
    <mergeCell ref="AM5:AS5"/>
    <mergeCell ref="AT5:AT6"/>
    <mergeCell ref="BF5:BH5"/>
    <mergeCell ref="BI5:BO5"/>
    <mergeCell ref="BP5:BP6"/>
    <mergeCell ref="BQ5:BS5"/>
    <mergeCell ref="C5:E5"/>
    <mergeCell ref="F5:L5"/>
    <mergeCell ref="M5:M6"/>
    <mergeCell ref="N5:P5"/>
    <mergeCell ref="Q5:W5"/>
    <mergeCell ref="HO3:HY4"/>
    <mergeCell ref="EE4:EO4"/>
    <mergeCell ref="FW4:GG4"/>
    <mergeCell ref="GH4:GR4"/>
    <mergeCell ref="GS4:HC4"/>
    <mergeCell ref="FA4:FK4"/>
    <mergeCell ref="G1:H1"/>
    <mergeCell ref="HD4:HN4"/>
    <mergeCell ref="DI3:HN3"/>
    <mergeCell ref="EP4:EZ4"/>
    <mergeCell ref="FL4:FV4"/>
    <mergeCell ref="CX4:DH4"/>
    <mergeCell ref="C3:DH3"/>
    <mergeCell ref="DI4:DS4"/>
    <mergeCell ref="DT4:ED4"/>
    <mergeCell ref="C4:M4"/>
    <mergeCell ref="N4:X4"/>
    <mergeCell ref="Y4:AI4"/>
    <mergeCell ref="AJ4:AT4"/>
    <mergeCell ref="BF4:BP4"/>
    <mergeCell ref="AU4:BE4"/>
  </mergeCells>
  <phoneticPr fontId="4"/>
  <pageMargins left="0.59055118110236227" right="0.39370078740157483" top="0.74803149606299213" bottom="0.74803149606299213" header="0.31496062992125984" footer="0.31496062992125984"/>
  <pageSetup paperSize="9" scale="40" orientation="landscape" r:id="rId1"/>
  <headerFooter>
    <oddFooter>&amp;L&amp;20&amp;A&amp;C&amp;P/&amp;N</oddFooter>
  </headerFooter>
  <colBreaks count="6" manualBreakCount="6">
    <brk id="35" max="1048575" man="1"/>
    <brk id="68" max="1048575" man="1"/>
    <brk id="102" max="1048575" man="1"/>
    <brk id="134" max="1048575" man="1"/>
    <brk id="167" max="1048575" man="1"/>
    <brk id="20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KM41"/>
  <sheetViews>
    <sheetView zoomScaleNormal="100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11" width="7.88671875" style="70" customWidth="1"/>
    <col min="12" max="13" width="8.77734375" style="70" customWidth="1"/>
    <col min="14" max="33" width="7.88671875" style="70" customWidth="1"/>
    <col min="34" max="34" width="9.109375" style="70" customWidth="1"/>
    <col min="35" max="35" width="8.44140625" style="70" customWidth="1"/>
    <col min="36" max="55" width="7.88671875" style="70" customWidth="1"/>
    <col min="56" max="56" width="9.109375" style="70" customWidth="1"/>
    <col min="57" max="57" width="8.44140625" style="70" customWidth="1"/>
    <col min="58" max="77" width="7.88671875" style="70" customWidth="1"/>
    <col min="78" max="78" width="9.109375" style="70" customWidth="1"/>
    <col min="79" max="79" width="8.44140625" style="70" customWidth="1"/>
    <col min="80" max="86" width="7.88671875" style="70" customWidth="1"/>
    <col min="87" max="93" width="9" style="70"/>
    <col min="94" max="94" width="8.44140625" style="70" customWidth="1"/>
    <col min="95" max="102" width="9" style="70"/>
    <col min="103" max="104" width="9" style="71"/>
    <col min="105" max="105" width="7.77734375" style="71" customWidth="1"/>
    <col min="106" max="115" width="9" style="71"/>
    <col min="116" max="116" width="7.77734375" style="71" customWidth="1"/>
    <col min="117" max="126" width="9" style="71"/>
    <col min="127" max="127" width="7.77734375" style="71" customWidth="1"/>
    <col min="128" max="137" width="9" style="71"/>
    <col min="138" max="138" width="8" style="71" customWidth="1"/>
    <col min="139" max="148" width="9" style="71"/>
    <col min="149" max="149" width="7.77734375" style="71" customWidth="1"/>
    <col min="150" max="159" width="9" style="71"/>
    <col min="160" max="160" width="7.44140625" style="71" customWidth="1"/>
    <col min="161" max="170" width="9" style="71"/>
    <col min="171" max="171" width="7.88671875" style="71" customWidth="1"/>
    <col min="172" max="181" width="9" style="71"/>
    <col min="182" max="182" width="7.21875" style="71" customWidth="1"/>
    <col min="183" max="192" width="9" style="71"/>
    <col min="193" max="193" width="8" style="71" customWidth="1"/>
    <col min="194" max="203" width="9" style="71"/>
    <col min="204" max="204" width="7.88671875" style="71" customWidth="1"/>
    <col min="205" max="214" width="9" style="71"/>
    <col min="215" max="215" width="7.88671875" style="71" customWidth="1"/>
    <col min="216" max="225" width="9" style="71"/>
    <col min="226" max="226" width="7.33203125" style="71" customWidth="1"/>
    <col min="227" max="236" width="9" style="71"/>
    <col min="237" max="237" width="7.6640625" style="71" customWidth="1"/>
    <col min="238" max="247" width="9" style="71"/>
    <col min="248" max="248" width="8" style="71" customWidth="1"/>
    <col min="249" max="258" width="9" style="71"/>
    <col min="259" max="259" width="8" style="71" customWidth="1"/>
    <col min="260" max="269" width="9" style="71"/>
    <col min="270" max="270" width="8" style="71" customWidth="1"/>
    <col min="271" max="280" width="9" style="71"/>
    <col min="281" max="281" width="8" style="71" customWidth="1"/>
    <col min="282" max="291" width="9" style="71"/>
    <col min="292" max="292" width="8.109375" style="71" customWidth="1"/>
    <col min="293" max="16384" width="9" style="71"/>
  </cols>
  <sheetData>
    <row r="1" spans="2:299" ht="24" customHeight="1" x14ac:dyDescent="0.2">
      <c r="B1" s="9" t="s">
        <v>119</v>
      </c>
      <c r="F1" s="442">
        <f>第１表!F2</f>
        <v>7</v>
      </c>
      <c r="G1" s="442"/>
      <c r="H1" s="18">
        <f>第１表!G2</f>
        <v>2</v>
      </c>
      <c r="I1" s="424">
        <f>H1</f>
        <v>2</v>
      </c>
      <c r="J1" s="424"/>
    </row>
    <row r="2" spans="2:299" ht="24" customHeight="1" thickBot="1" x14ac:dyDescent="0.25">
      <c r="B2" s="10" t="s">
        <v>128</v>
      </c>
    </row>
    <row r="3" spans="2:299" ht="21" customHeight="1" thickBot="1" x14ac:dyDescent="0.25">
      <c r="B3" s="425" t="s">
        <v>38</v>
      </c>
      <c r="C3" s="437" t="s">
        <v>96</v>
      </c>
      <c r="D3" s="437"/>
      <c r="E3" s="437"/>
      <c r="F3" s="437"/>
      <c r="G3" s="437"/>
      <c r="H3" s="437"/>
      <c r="I3" s="437"/>
      <c r="J3" s="437"/>
      <c r="K3" s="437"/>
      <c r="L3" s="437"/>
      <c r="M3" s="437"/>
      <c r="N3" s="437"/>
      <c r="O3" s="437"/>
      <c r="P3" s="437"/>
      <c r="Q3" s="437"/>
      <c r="R3" s="437"/>
      <c r="S3" s="437"/>
      <c r="T3" s="437"/>
      <c r="U3" s="437"/>
      <c r="V3" s="437"/>
      <c r="W3" s="437"/>
      <c r="X3" s="437"/>
      <c r="Y3" s="437"/>
      <c r="Z3" s="437"/>
      <c r="AA3" s="437"/>
      <c r="AB3" s="437"/>
      <c r="AC3" s="437"/>
      <c r="AD3" s="437"/>
      <c r="AE3" s="437"/>
      <c r="AF3" s="437"/>
      <c r="AG3" s="437"/>
      <c r="AH3" s="437"/>
      <c r="AI3" s="437"/>
      <c r="AJ3" s="437"/>
      <c r="AK3" s="437"/>
      <c r="AL3" s="437"/>
      <c r="AM3" s="437"/>
      <c r="AN3" s="437"/>
      <c r="AO3" s="437"/>
      <c r="AP3" s="437"/>
      <c r="AQ3" s="437"/>
      <c r="AR3" s="437"/>
      <c r="AS3" s="437"/>
      <c r="AT3" s="437"/>
      <c r="AU3" s="437"/>
      <c r="AV3" s="437"/>
      <c r="AW3" s="437"/>
      <c r="AX3" s="437"/>
      <c r="AY3" s="437"/>
      <c r="AZ3" s="437"/>
      <c r="BA3" s="437"/>
      <c r="BB3" s="437"/>
      <c r="BC3" s="437"/>
      <c r="BD3" s="437"/>
      <c r="BE3" s="437"/>
      <c r="BF3" s="437"/>
      <c r="BG3" s="437"/>
      <c r="BH3" s="437"/>
      <c r="BI3" s="437"/>
      <c r="BJ3" s="437"/>
      <c r="BK3" s="437"/>
      <c r="BL3" s="437"/>
      <c r="BM3" s="437"/>
      <c r="BN3" s="437"/>
      <c r="BO3" s="437"/>
      <c r="BP3" s="437"/>
      <c r="BQ3" s="437"/>
      <c r="BR3" s="437"/>
      <c r="BS3" s="437"/>
      <c r="BT3" s="437"/>
      <c r="BU3" s="437"/>
      <c r="BV3" s="437"/>
      <c r="BW3" s="437"/>
      <c r="BX3" s="437"/>
      <c r="BY3" s="437"/>
      <c r="BZ3" s="437"/>
      <c r="CA3" s="437"/>
      <c r="CB3" s="437"/>
      <c r="CC3" s="437"/>
      <c r="CD3" s="437"/>
      <c r="CE3" s="437"/>
      <c r="CF3" s="437"/>
      <c r="CG3" s="437"/>
      <c r="CH3" s="437"/>
      <c r="CI3" s="437"/>
      <c r="CJ3" s="437"/>
      <c r="CK3" s="437"/>
      <c r="CL3" s="437"/>
      <c r="CM3" s="437"/>
      <c r="CN3" s="437"/>
      <c r="CO3" s="437"/>
      <c r="CP3" s="437"/>
      <c r="CQ3" s="437"/>
      <c r="CR3" s="437"/>
      <c r="CS3" s="437"/>
      <c r="CT3" s="437"/>
      <c r="CU3" s="437"/>
      <c r="CV3" s="437"/>
      <c r="CW3" s="438"/>
      <c r="CX3" s="437" t="s">
        <v>102</v>
      </c>
      <c r="CY3" s="437"/>
      <c r="CZ3" s="437"/>
      <c r="DA3" s="437"/>
      <c r="DB3" s="437"/>
      <c r="DC3" s="437"/>
      <c r="DD3" s="437"/>
      <c r="DE3" s="437"/>
      <c r="DF3" s="437"/>
      <c r="DG3" s="437"/>
      <c r="DH3" s="437"/>
      <c r="DI3" s="437"/>
      <c r="DJ3" s="437"/>
      <c r="DK3" s="437"/>
      <c r="DL3" s="437"/>
      <c r="DM3" s="437"/>
      <c r="DN3" s="437"/>
      <c r="DO3" s="437"/>
      <c r="DP3" s="437"/>
      <c r="DQ3" s="437"/>
      <c r="DR3" s="437"/>
      <c r="DS3" s="437"/>
      <c r="DT3" s="437"/>
      <c r="DU3" s="437"/>
      <c r="DV3" s="437"/>
      <c r="DW3" s="437"/>
      <c r="DX3" s="437"/>
      <c r="DY3" s="437"/>
      <c r="DZ3" s="437"/>
      <c r="EA3" s="437"/>
      <c r="EB3" s="437"/>
      <c r="EC3" s="437"/>
      <c r="ED3" s="437"/>
      <c r="EE3" s="437"/>
      <c r="EF3" s="437"/>
      <c r="EG3" s="437"/>
      <c r="EH3" s="437"/>
      <c r="EI3" s="437"/>
      <c r="EJ3" s="437"/>
      <c r="EK3" s="437"/>
      <c r="EL3" s="437"/>
      <c r="EM3" s="437"/>
      <c r="EN3" s="437"/>
      <c r="EO3" s="437"/>
      <c r="EP3" s="437"/>
      <c r="EQ3" s="437"/>
      <c r="ER3" s="437"/>
      <c r="ES3" s="437"/>
      <c r="ET3" s="437"/>
      <c r="EU3" s="437"/>
      <c r="EV3" s="437"/>
      <c r="EW3" s="437"/>
      <c r="EX3" s="437"/>
      <c r="EY3" s="437"/>
      <c r="EZ3" s="437"/>
      <c r="FA3" s="437"/>
      <c r="FB3" s="437"/>
      <c r="FC3" s="437"/>
      <c r="FD3" s="437"/>
      <c r="FE3" s="437"/>
      <c r="FF3" s="437"/>
      <c r="FG3" s="437"/>
      <c r="FH3" s="437"/>
      <c r="FI3" s="437"/>
      <c r="FJ3" s="437"/>
      <c r="FK3" s="437"/>
      <c r="FL3" s="437"/>
      <c r="FM3" s="437"/>
      <c r="FN3" s="437"/>
      <c r="FO3" s="437"/>
      <c r="FP3" s="437"/>
      <c r="FQ3" s="437"/>
      <c r="FR3" s="437"/>
      <c r="FS3" s="437"/>
      <c r="FT3" s="437"/>
      <c r="FU3" s="437"/>
      <c r="FV3" s="437"/>
      <c r="FW3" s="437"/>
      <c r="FX3" s="437"/>
      <c r="FY3" s="437"/>
      <c r="FZ3" s="437"/>
      <c r="GA3" s="437"/>
      <c r="GB3" s="437"/>
      <c r="GC3" s="437"/>
      <c r="GD3" s="437"/>
      <c r="GE3" s="437"/>
      <c r="GF3" s="437"/>
      <c r="GG3" s="437"/>
      <c r="GH3" s="437"/>
      <c r="GI3" s="437"/>
      <c r="GJ3" s="437"/>
      <c r="GK3" s="437"/>
      <c r="GL3" s="437"/>
      <c r="GM3" s="437"/>
      <c r="GN3" s="437"/>
      <c r="GO3" s="437"/>
      <c r="GP3" s="437"/>
      <c r="GQ3" s="437"/>
      <c r="GR3" s="438"/>
      <c r="GS3" s="437" t="s">
        <v>103</v>
      </c>
      <c r="GT3" s="437"/>
      <c r="GU3" s="437"/>
      <c r="GV3" s="437"/>
      <c r="GW3" s="437"/>
      <c r="GX3" s="437"/>
      <c r="GY3" s="437"/>
      <c r="GZ3" s="437"/>
      <c r="HA3" s="437"/>
      <c r="HB3" s="437"/>
      <c r="HC3" s="437"/>
      <c r="HD3" s="437"/>
      <c r="HE3" s="437"/>
      <c r="HF3" s="437"/>
      <c r="HG3" s="437"/>
      <c r="HH3" s="437"/>
      <c r="HI3" s="437"/>
      <c r="HJ3" s="437"/>
      <c r="HK3" s="437"/>
      <c r="HL3" s="437"/>
      <c r="HM3" s="437"/>
      <c r="HN3" s="437"/>
      <c r="HO3" s="437"/>
      <c r="HP3" s="437"/>
      <c r="HQ3" s="437"/>
      <c r="HR3" s="437"/>
      <c r="HS3" s="437"/>
      <c r="HT3" s="437"/>
      <c r="HU3" s="437"/>
      <c r="HV3" s="437"/>
      <c r="HW3" s="437"/>
      <c r="HX3" s="437"/>
      <c r="HY3" s="437"/>
      <c r="HZ3" s="437"/>
      <c r="IA3" s="437"/>
      <c r="IB3" s="437"/>
      <c r="IC3" s="437"/>
      <c r="ID3" s="437"/>
      <c r="IE3" s="437"/>
      <c r="IF3" s="437"/>
      <c r="IG3" s="437"/>
      <c r="IH3" s="437"/>
      <c r="II3" s="437"/>
      <c r="IJ3" s="437"/>
      <c r="IK3" s="437"/>
      <c r="IL3" s="437"/>
      <c r="IM3" s="437"/>
      <c r="IN3" s="437"/>
      <c r="IO3" s="437"/>
      <c r="IP3" s="437"/>
      <c r="IQ3" s="437"/>
      <c r="IR3" s="437"/>
      <c r="IS3" s="437"/>
      <c r="IT3" s="437"/>
      <c r="IU3" s="437"/>
      <c r="IV3" s="437"/>
      <c r="IW3" s="437"/>
      <c r="IX3" s="437"/>
      <c r="IY3" s="437"/>
      <c r="IZ3" s="437"/>
      <c r="JA3" s="437"/>
      <c r="JB3" s="437"/>
      <c r="JC3" s="437"/>
      <c r="JD3" s="437"/>
      <c r="JE3" s="437"/>
      <c r="JF3" s="437"/>
      <c r="JG3" s="437"/>
      <c r="JH3" s="437"/>
      <c r="JI3" s="437"/>
      <c r="JJ3" s="437"/>
      <c r="JK3" s="437"/>
      <c r="JL3" s="437"/>
      <c r="JM3" s="437"/>
      <c r="JN3" s="437"/>
      <c r="JO3" s="437"/>
      <c r="JP3" s="437"/>
      <c r="JQ3" s="437"/>
      <c r="JR3" s="437"/>
      <c r="JS3" s="437"/>
      <c r="JT3" s="437"/>
      <c r="JU3" s="437"/>
      <c r="JV3" s="437"/>
      <c r="JW3" s="437"/>
      <c r="JX3" s="437"/>
      <c r="JY3" s="437"/>
      <c r="JZ3" s="437"/>
      <c r="KA3" s="437"/>
      <c r="KB3" s="437"/>
      <c r="KC3" s="437"/>
      <c r="KD3" s="437"/>
      <c r="KE3" s="437"/>
      <c r="KF3" s="437"/>
      <c r="KG3" s="437"/>
      <c r="KH3" s="437"/>
      <c r="KI3" s="437"/>
      <c r="KJ3" s="437"/>
      <c r="KK3" s="437"/>
      <c r="KL3" s="437"/>
      <c r="KM3" s="438"/>
    </row>
    <row r="4" spans="2:299" ht="21" customHeight="1" thickBot="1" x14ac:dyDescent="0.25">
      <c r="B4" s="443"/>
      <c r="C4" s="439" t="s">
        <v>39</v>
      </c>
      <c r="D4" s="440"/>
      <c r="E4" s="440"/>
      <c r="F4" s="440"/>
      <c r="G4" s="440"/>
      <c r="H4" s="440"/>
      <c r="I4" s="440"/>
      <c r="J4" s="440"/>
      <c r="K4" s="440"/>
      <c r="L4" s="440"/>
      <c r="M4" s="440"/>
      <c r="N4" s="440"/>
      <c r="O4" s="440"/>
      <c r="P4" s="440"/>
      <c r="Q4" s="440"/>
      <c r="R4" s="440"/>
      <c r="S4" s="440"/>
      <c r="T4" s="440"/>
      <c r="U4" s="440"/>
      <c r="V4" s="440"/>
      <c r="W4" s="440"/>
      <c r="X4" s="440"/>
      <c r="Y4" s="440"/>
      <c r="Z4" s="440"/>
      <c r="AA4" s="440"/>
      <c r="AB4" s="440"/>
      <c r="AC4" s="440"/>
      <c r="AD4" s="440"/>
      <c r="AE4" s="440"/>
      <c r="AF4" s="440"/>
      <c r="AG4" s="440"/>
      <c r="AH4" s="440"/>
      <c r="AI4" s="440"/>
      <c r="AJ4" s="440"/>
      <c r="AK4" s="440"/>
      <c r="AL4" s="440"/>
      <c r="AM4" s="440"/>
      <c r="AN4" s="440"/>
      <c r="AO4" s="440"/>
      <c r="AP4" s="440"/>
      <c r="AQ4" s="440"/>
      <c r="AR4" s="440"/>
      <c r="AS4" s="440"/>
      <c r="AT4" s="440"/>
      <c r="AU4" s="440"/>
      <c r="AV4" s="440"/>
      <c r="AW4" s="440"/>
      <c r="AX4" s="440"/>
      <c r="AY4" s="440"/>
      <c r="AZ4" s="440"/>
      <c r="BA4" s="440"/>
      <c r="BB4" s="440"/>
      <c r="BC4" s="440"/>
      <c r="BD4" s="440"/>
      <c r="BE4" s="440"/>
      <c r="BF4" s="440"/>
      <c r="BG4" s="440"/>
      <c r="BH4" s="440"/>
      <c r="BI4" s="440"/>
      <c r="BJ4" s="440"/>
      <c r="BK4" s="440"/>
      <c r="BL4" s="440"/>
      <c r="BM4" s="440"/>
      <c r="BN4" s="440"/>
      <c r="BO4" s="440"/>
      <c r="BP4" s="440"/>
      <c r="BQ4" s="440"/>
      <c r="BR4" s="440"/>
      <c r="BS4" s="440"/>
      <c r="BT4" s="440"/>
      <c r="BU4" s="440"/>
      <c r="BV4" s="440"/>
      <c r="BW4" s="440"/>
      <c r="BX4" s="440"/>
      <c r="BY4" s="440"/>
      <c r="BZ4" s="440"/>
      <c r="CA4" s="441"/>
      <c r="CB4" s="425" t="s">
        <v>40</v>
      </c>
      <c r="CC4" s="426"/>
      <c r="CD4" s="426"/>
      <c r="CE4" s="426"/>
      <c r="CF4" s="426"/>
      <c r="CG4" s="426"/>
      <c r="CH4" s="426"/>
      <c r="CI4" s="426"/>
      <c r="CJ4" s="426"/>
      <c r="CK4" s="426"/>
      <c r="CL4" s="427"/>
      <c r="CM4" s="425" t="s">
        <v>41</v>
      </c>
      <c r="CN4" s="426"/>
      <c r="CO4" s="426"/>
      <c r="CP4" s="426"/>
      <c r="CQ4" s="426"/>
      <c r="CR4" s="426"/>
      <c r="CS4" s="426"/>
      <c r="CT4" s="426"/>
      <c r="CU4" s="426"/>
      <c r="CV4" s="426"/>
      <c r="CW4" s="427"/>
      <c r="CX4" s="439" t="s">
        <v>39</v>
      </c>
      <c r="CY4" s="440"/>
      <c r="CZ4" s="440"/>
      <c r="DA4" s="440"/>
      <c r="DB4" s="440"/>
      <c r="DC4" s="440"/>
      <c r="DD4" s="440"/>
      <c r="DE4" s="440"/>
      <c r="DF4" s="440"/>
      <c r="DG4" s="440"/>
      <c r="DH4" s="440"/>
      <c r="DI4" s="440"/>
      <c r="DJ4" s="440"/>
      <c r="DK4" s="440"/>
      <c r="DL4" s="440"/>
      <c r="DM4" s="440"/>
      <c r="DN4" s="440"/>
      <c r="DO4" s="440"/>
      <c r="DP4" s="440"/>
      <c r="DQ4" s="440"/>
      <c r="DR4" s="440"/>
      <c r="DS4" s="440"/>
      <c r="DT4" s="440"/>
      <c r="DU4" s="440"/>
      <c r="DV4" s="440"/>
      <c r="DW4" s="440"/>
      <c r="DX4" s="440"/>
      <c r="DY4" s="440"/>
      <c r="DZ4" s="440"/>
      <c r="EA4" s="440"/>
      <c r="EB4" s="440"/>
      <c r="EC4" s="440"/>
      <c r="ED4" s="440"/>
      <c r="EE4" s="440"/>
      <c r="EF4" s="440"/>
      <c r="EG4" s="440"/>
      <c r="EH4" s="440"/>
      <c r="EI4" s="440"/>
      <c r="EJ4" s="440"/>
      <c r="EK4" s="440"/>
      <c r="EL4" s="440"/>
      <c r="EM4" s="440"/>
      <c r="EN4" s="440"/>
      <c r="EO4" s="440"/>
      <c r="EP4" s="440"/>
      <c r="EQ4" s="440"/>
      <c r="ER4" s="440"/>
      <c r="ES4" s="440"/>
      <c r="ET4" s="440"/>
      <c r="EU4" s="440"/>
      <c r="EV4" s="440"/>
      <c r="EW4" s="440"/>
      <c r="EX4" s="440"/>
      <c r="EY4" s="440"/>
      <c r="EZ4" s="440"/>
      <c r="FA4" s="440"/>
      <c r="FB4" s="440"/>
      <c r="FC4" s="440"/>
      <c r="FD4" s="440"/>
      <c r="FE4" s="440"/>
      <c r="FF4" s="440"/>
      <c r="FG4" s="440"/>
      <c r="FH4" s="440"/>
      <c r="FI4" s="440"/>
      <c r="FJ4" s="440"/>
      <c r="FK4" s="440"/>
      <c r="FL4" s="440"/>
      <c r="FM4" s="440"/>
      <c r="FN4" s="440"/>
      <c r="FO4" s="440"/>
      <c r="FP4" s="440"/>
      <c r="FQ4" s="440"/>
      <c r="FR4" s="440"/>
      <c r="FS4" s="440"/>
      <c r="FT4" s="440"/>
      <c r="FU4" s="440"/>
      <c r="FV4" s="441"/>
      <c r="FW4" s="425" t="s">
        <v>40</v>
      </c>
      <c r="FX4" s="426"/>
      <c r="FY4" s="426"/>
      <c r="FZ4" s="426"/>
      <c r="GA4" s="426"/>
      <c r="GB4" s="426"/>
      <c r="GC4" s="426"/>
      <c r="GD4" s="426"/>
      <c r="GE4" s="426"/>
      <c r="GF4" s="426"/>
      <c r="GG4" s="427"/>
      <c r="GH4" s="425" t="s">
        <v>41</v>
      </c>
      <c r="GI4" s="426"/>
      <c r="GJ4" s="426"/>
      <c r="GK4" s="426"/>
      <c r="GL4" s="426"/>
      <c r="GM4" s="426"/>
      <c r="GN4" s="426"/>
      <c r="GO4" s="426"/>
      <c r="GP4" s="426"/>
      <c r="GQ4" s="426"/>
      <c r="GR4" s="427"/>
      <c r="GS4" s="439" t="s">
        <v>39</v>
      </c>
      <c r="GT4" s="440"/>
      <c r="GU4" s="440"/>
      <c r="GV4" s="440"/>
      <c r="GW4" s="440"/>
      <c r="GX4" s="440"/>
      <c r="GY4" s="440"/>
      <c r="GZ4" s="440"/>
      <c r="HA4" s="440"/>
      <c r="HB4" s="440"/>
      <c r="HC4" s="440"/>
      <c r="HD4" s="440"/>
      <c r="HE4" s="440"/>
      <c r="HF4" s="440"/>
      <c r="HG4" s="440"/>
      <c r="HH4" s="440"/>
      <c r="HI4" s="440"/>
      <c r="HJ4" s="440"/>
      <c r="HK4" s="440"/>
      <c r="HL4" s="440"/>
      <c r="HM4" s="440"/>
      <c r="HN4" s="440"/>
      <c r="HO4" s="440"/>
      <c r="HP4" s="440"/>
      <c r="HQ4" s="440"/>
      <c r="HR4" s="440"/>
      <c r="HS4" s="440"/>
      <c r="HT4" s="440"/>
      <c r="HU4" s="440"/>
      <c r="HV4" s="440"/>
      <c r="HW4" s="440"/>
      <c r="HX4" s="440"/>
      <c r="HY4" s="440"/>
      <c r="HZ4" s="440"/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1"/>
      <c r="JR4" s="425" t="s">
        <v>40</v>
      </c>
      <c r="JS4" s="426"/>
      <c r="JT4" s="426"/>
      <c r="JU4" s="426"/>
      <c r="JV4" s="426"/>
      <c r="JW4" s="426"/>
      <c r="JX4" s="426"/>
      <c r="JY4" s="426"/>
      <c r="JZ4" s="426"/>
      <c r="KA4" s="426"/>
      <c r="KB4" s="427"/>
      <c r="KC4" s="425" t="s">
        <v>41</v>
      </c>
      <c r="KD4" s="426"/>
      <c r="KE4" s="426"/>
      <c r="KF4" s="426"/>
      <c r="KG4" s="426"/>
      <c r="KH4" s="426"/>
      <c r="KI4" s="426"/>
      <c r="KJ4" s="426"/>
      <c r="KK4" s="426"/>
      <c r="KL4" s="426"/>
      <c r="KM4" s="427"/>
    </row>
    <row r="5" spans="2:299" ht="21" customHeight="1" thickBot="1" x14ac:dyDescent="0.25">
      <c r="B5" s="431"/>
      <c r="C5" s="431"/>
      <c r="D5" s="432"/>
      <c r="E5" s="432"/>
      <c r="F5" s="432"/>
      <c r="G5" s="432"/>
      <c r="H5" s="432"/>
      <c r="I5" s="432"/>
      <c r="J5" s="432"/>
      <c r="K5" s="432"/>
      <c r="L5" s="432"/>
      <c r="M5" s="433"/>
      <c r="N5" s="434" t="s">
        <v>97</v>
      </c>
      <c r="O5" s="435"/>
      <c r="P5" s="435"/>
      <c r="Q5" s="435"/>
      <c r="R5" s="435"/>
      <c r="S5" s="435"/>
      <c r="T5" s="435"/>
      <c r="U5" s="435"/>
      <c r="V5" s="435"/>
      <c r="W5" s="435"/>
      <c r="X5" s="436"/>
      <c r="Y5" s="434" t="s">
        <v>98</v>
      </c>
      <c r="Z5" s="435"/>
      <c r="AA5" s="435"/>
      <c r="AB5" s="435"/>
      <c r="AC5" s="435"/>
      <c r="AD5" s="435"/>
      <c r="AE5" s="435"/>
      <c r="AF5" s="435"/>
      <c r="AG5" s="435"/>
      <c r="AH5" s="435"/>
      <c r="AI5" s="436"/>
      <c r="AJ5" s="434" t="s">
        <v>99</v>
      </c>
      <c r="AK5" s="435"/>
      <c r="AL5" s="435"/>
      <c r="AM5" s="435"/>
      <c r="AN5" s="435"/>
      <c r="AO5" s="435"/>
      <c r="AP5" s="435"/>
      <c r="AQ5" s="435"/>
      <c r="AR5" s="435"/>
      <c r="AS5" s="435"/>
      <c r="AT5" s="436"/>
      <c r="AU5" s="434" t="s">
        <v>100</v>
      </c>
      <c r="AV5" s="435"/>
      <c r="AW5" s="435"/>
      <c r="AX5" s="435"/>
      <c r="AY5" s="435"/>
      <c r="AZ5" s="435"/>
      <c r="BA5" s="435"/>
      <c r="BB5" s="435"/>
      <c r="BC5" s="435"/>
      <c r="BD5" s="435"/>
      <c r="BE5" s="436"/>
      <c r="BF5" s="434" t="s">
        <v>161</v>
      </c>
      <c r="BG5" s="435"/>
      <c r="BH5" s="435"/>
      <c r="BI5" s="435"/>
      <c r="BJ5" s="435"/>
      <c r="BK5" s="435"/>
      <c r="BL5" s="435"/>
      <c r="BM5" s="435"/>
      <c r="BN5" s="435"/>
      <c r="BO5" s="435"/>
      <c r="BP5" s="436"/>
      <c r="BQ5" s="434" t="s">
        <v>101</v>
      </c>
      <c r="BR5" s="435"/>
      <c r="BS5" s="435"/>
      <c r="BT5" s="435"/>
      <c r="BU5" s="435"/>
      <c r="BV5" s="435"/>
      <c r="BW5" s="435"/>
      <c r="BX5" s="435"/>
      <c r="BY5" s="435"/>
      <c r="BZ5" s="435"/>
      <c r="CA5" s="436"/>
      <c r="CB5" s="428"/>
      <c r="CC5" s="429"/>
      <c r="CD5" s="429"/>
      <c r="CE5" s="429"/>
      <c r="CF5" s="429"/>
      <c r="CG5" s="429"/>
      <c r="CH5" s="429"/>
      <c r="CI5" s="429"/>
      <c r="CJ5" s="429"/>
      <c r="CK5" s="429"/>
      <c r="CL5" s="430"/>
      <c r="CM5" s="428"/>
      <c r="CN5" s="429"/>
      <c r="CO5" s="429"/>
      <c r="CP5" s="429"/>
      <c r="CQ5" s="429"/>
      <c r="CR5" s="429"/>
      <c r="CS5" s="429"/>
      <c r="CT5" s="429"/>
      <c r="CU5" s="429"/>
      <c r="CV5" s="429"/>
      <c r="CW5" s="430"/>
      <c r="CX5" s="431"/>
      <c r="CY5" s="432"/>
      <c r="CZ5" s="432"/>
      <c r="DA5" s="432"/>
      <c r="DB5" s="432"/>
      <c r="DC5" s="432"/>
      <c r="DD5" s="432"/>
      <c r="DE5" s="432"/>
      <c r="DF5" s="432"/>
      <c r="DG5" s="432"/>
      <c r="DH5" s="433"/>
      <c r="DI5" s="434" t="s">
        <v>97</v>
      </c>
      <c r="DJ5" s="435"/>
      <c r="DK5" s="435"/>
      <c r="DL5" s="435"/>
      <c r="DM5" s="435"/>
      <c r="DN5" s="435"/>
      <c r="DO5" s="435"/>
      <c r="DP5" s="435"/>
      <c r="DQ5" s="435"/>
      <c r="DR5" s="435"/>
      <c r="DS5" s="436"/>
      <c r="DT5" s="434" t="s">
        <v>98</v>
      </c>
      <c r="DU5" s="435"/>
      <c r="DV5" s="435"/>
      <c r="DW5" s="435"/>
      <c r="DX5" s="435"/>
      <c r="DY5" s="435"/>
      <c r="DZ5" s="435"/>
      <c r="EA5" s="435"/>
      <c r="EB5" s="435"/>
      <c r="EC5" s="435"/>
      <c r="ED5" s="436"/>
      <c r="EE5" s="434" t="s">
        <v>99</v>
      </c>
      <c r="EF5" s="435"/>
      <c r="EG5" s="435"/>
      <c r="EH5" s="435"/>
      <c r="EI5" s="435"/>
      <c r="EJ5" s="435"/>
      <c r="EK5" s="435"/>
      <c r="EL5" s="435"/>
      <c r="EM5" s="435"/>
      <c r="EN5" s="435"/>
      <c r="EO5" s="436"/>
      <c r="EP5" s="434" t="s">
        <v>100</v>
      </c>
      <c r="EQ5" s="435"/>
      <c r="ER5" s="435"/>
      <c r="ES5" s="435"/>
      <c r="ET5" s="435"/>
      <c r="EU5" s="435"/>
      <c r="EV5" s="435"/>
      <c r="EW5" s="435"/>
      <c r="EX5" s="435"/>
      <c r="EY5" s="435"/>
      <c r="EZ5" s="436"/>
      <c r="FA5" s="434" t="s">
        <v>161</v>
      </c>
      <c r="FB5" s="435"/>
      <c r="FC5" s="435"/>
      <c r="FD5" s="435"/>
      <c r="FE5" s="435"/>
      <c r="FF5" s="435"/>
      <c r="FG5" s="435"/>
      <c r="FH5" s="435"/>
      <c r="FI5" s="435"/>
      <c r="FJ5" s="435"/>
      <c r="FK5" s="436"/>
      <c r="FL5" s="434" t="s">
        <v>101</v>
      </c>
      <c r="FM5" s="435"/>
      <c r="FN5" s="435"/>
      <c r="FO5" s="435"/>
      <c r="FP5" s="435"/>
      <c r="FQ5" s="435"/>
      <c r="FR5" s="435"/>
      <c r="FS5" s="435"/>
      <c r="FT5" s="435"/>
      <c r="FU5" s="435"/>
      <c r="FV5" s="436"/>
      <c r="FW5" s="428"/>
      <c r="FX5" s="429"/>
      <c r="FY5" s="429"/>
      <c r="FZ5" s="429"/>
      <c r="GA5" s="429"/>
      <c r="GB5" s="429"/>
      <c r="GC5" s="429"/>
      <c r="GD5" s="429"/>
      <c r="GE5" s="429"/>
      <c r="GF5" s="429"/>
      <c r="GG5" s="430"/>
      <c r="GH5" s="428"/>
      <c r="GI5" s="429"/>
      <c r="GJ5" s="429"/>
      <c r="GK5" s="429"/>
      <c r="GL5" s="429"/>
      <c r="GM5" s="429"/>
      <c r="GN5" s="429"/>
      <c r="GO5" s="429"/>
      <c r="GP5" s="429"/>
      <c r="GQ5" s="429"/>
      <c r="GR5" s="430"/>
      <c r="GS5" s="431"/>
      <c r="GT5" s="432"/>
      <c r="GU5" s="432"/>
      <c r="GV5" s="432"/>
      <c r="GW5" s="432"/>
      <c r="GX5" s="432"/>
      <c r="GY5" s="432"/>
      <c r="GZ5" s="432"/>
      <c r="HA5" s="432"/>
      <c r="HB5" s="432"/>
      <c r="HC5" s="433"/>
      <c r="HD5" s="434" t="s">
        <v>97</v>
      </c>
      <c r="HE5" s="435"/>
      <c r="HF5" s="435"/>
      <c r="HG5" s="435"/>
      <c r="HH5" s="435"/>
      <c r="HI5" s="435"/>
      <c r="HJ5" s="435"/>
      <c r="HK5" s="435"/>
      <c r="HL5" s="435"/>
      <c r="HM5" s="435"/>
      <c r="HN5" s="436"/>
      <c r="HO5" s="434" t="s">
        <v>98</v>
      </c>
      <c r="HP5" s="435"/>
      <c r="HQ5" s="435"/>
      <c r="HR5" s="435"/>
      <c r="HS5" s="435"/>
      <c r="HT5" s="435"/>
      <c r="HU5" s="435"/>
      <c r="HV5" s="435"/>
      <c r="HW5" s="435"/>
      <c r="HX5" s="435"/>
      <c r="HY5" s="436"/>
      <c r="HZ5" s="434" t="s">
        <v>99</v>
      </c>
      <c r="IA5" s="435"/>
      <c r="IB5" s="435"/>
      <c r="IC5" s="435"/>
      <c r="ID5" s="435"/>
      <c r="IE5" s="435"/>
      <c r="IF5" s="435"/>
      <c r="IG5" s="435"/>
      <c r="IH5" s="435"/>
      <c r="II5" s="435"/>
      <c r="IJ5" s="436"/>
      <c r="IK5" s="434" t="s">
        <v>100</v>
      </c>
      <c r="IL5" s="435"/>
      <c r="IM5" s="435"/>
      <c r="IN5" s="435"/>
      <c r="IO5" s="435"/>
      <c r="IP5" s="435"/>
      <c r="IQ5" s="435"/>
      <c r="IR5" s="435"/>
      <c r="IS5" s="435"/>
      <c r="IT5" s="435"/>
      <c r="IU5" s="436"/>
      <c r="IV5" s="434" t="s">
        <v>161</v>
      </c>
      <c r="IW5" s="435"/>
      <c r="IX5" s="435"/>
      <c r="IY5" s="435"/>
      <c r="IZ5" s="435"/>
      <c r="JA5" s="435"/>
      <c r="JB5" s="435"/>
      <c r="JC5" s="435"/>
      <c r="JD5" s="435"/>
      <c r="JE5" s="435"/>
      <c r="JF5" s="436"/>
      <c r="JG5" s="434" t="s">
        <v>101</v>
      </c>
      <c r="JH5" s="435"/>
      <c r="JI5" s="435"/>
      <c r="JJ5" s="435"/>
      <c r="JK5" s="435"/>
      <c r="JL5" s="435"/>
      <c r="JM5" s="435"/>
      <c r="JN5" s="435"/>
      <c r="JO5" s="435"/>
      <c r="JP5" s="435"/>
      <c r="JQ5" s="436"/>
      <c r="JR5" s="428"/>
      <c r="JS5" s="429"/>
      <c r="JT5" s="429"/>
      <c r="JU5" s="429"/>
      <c r="JV5" s="429"/>
      <c r="JW5" s="429"/>
      <c r="JX5" s="429"/>
      <c r="JY5" s="429"/>
      <c r="JZ5" s="429"/>
      <c r="KA5" s="429"/>
      <c r="KB5" s="430"/>
      <c r="KC5" s="428"/>
      <c r="KD5" s="429"/>
      <c r="KE5" s="429"/>
      <c r="KF5" s="429"/>
      <c r="KG5" s="429"/>
      <c r="KH5" s="429"/>
      <c r="KI5" s="429"/>
      <c r="KJ5" s="429"/>
      <c r="KK5" s="429"/>
      <c r="KL5" s="429"/>
      <c r="KM5" s="430"/>
    </row>
    <row r="6" spans="2:299" ht="30" customHeight="1" thickBot="1" x14ac:dyDescent="0.25">
      <c r="B6" s="72" t="s">
        <v>42</v>
      </c>
      <c r="C6" s="73" t="s">
        <v>43</v>
      </c>
      <c r="D6" s="74" t="s">
        <v>44</v>
      </c>
      <c r="E6" s="75" t="s">
        <v>45</v>
      </c>
      <c r="F6" s="76" t="s">
        <v>46</v>
      </c>
      <c r="G6" s="74" t="s">
        <v>47</v>
      </c>
      <c r="H6" s="74" t="s">
        <v>48</v>
      </c>
      <c r="I6" s="74" t="s">
        <v>49</v>
      </c>
      <c r="J6" s="74" t="s">
        <v>50</v>
      </c>
      <c r="K6" s="74" t="s">
        <v>51</v>
      </c>
      <c r="L6" s="75" t="s">
        <v>45</v>
      </c>
      <c r="M6" s="77" t="s">
        <v>52</v>
      </c>
      <c r="N6" s="78" t="s">
        <v>43</v>
      </c>
      <c r="O6" s="79" t="s">
        <v>44</v>
      </c>
      <c r="P6" s="80" t="s">
        <v>45</v>
      </c>
      <c r="Q6" s="81" t="s">
        <v>46</v>
      </c>
      <c r="R6" s="79" t="s">
        <v>47</v>
      </c>
      <c r="S6" s="79" t="s">
        <v>48</v>
      </c>
      <c r="T6" s="79" t="s">
        <v>49</v>
      </c>
      <c r="U6" s="79" t="s">
        <v>50</v>
      </c>
      <c r="V6" s="79" t="s">
        <v>51</v>
      </c>
      <c r="W6" s="80" t="s">
        <v>45</v>
      </c>
      <c r="X6" s="82" t="s">
        <v>52</v>
      </c>
      <c r="Y6" s="78" t="s">
        <v>43</v>
      </c>
      <c r="Z6" s="79" t="s">
        <v>44</v>
      </c>
      <c r="AA6" s="80" t="s">
        <v>45</v>
      </c>
      <c r="AB6" s="81" t="s">
        <v>46</v>
      </c>
      <c r="AC6" s="79" t="s">
        <v>47</v>
      </c>
      <c r="AD6" s="79" t="s">
        <v>48</v>
      </c>
      <c r="AE6" s="79" t="s">
        <v>49</v>
      </c>
      <c r="AF6" s="79" t="s">
        <v>50</v>
      </c>
      <c r="AG6" s="79" t="s">
        <v>51</v>
      </c>
      <c r="AH6" s="80" t="s">
        <v>45</v>
      </c>
      <c r="AI6" s="83" t="s">
        <v>52</v>
      </c>
      <c r="AJ6" s="78" t="s">
        <v>43</v>
      </c>
      <c r="AK6" s="79" t="s">
        <v>44</v>
      </c>
      <c r="AL6" s="80" t="s">
        <v>45</v>
      </c>
      <c r="AM6" s="81" t="s">
        <v>46</v>
      </c>
      <c r="AN6" s="79" t="s">
        <v>47</v>
      </c>
      <c r="AO6" s="79" t="s">
        <v>48</v>
      </c>
      <c r="AP6" s="79" t="s">
        <v>49</v>
      </c>
      <c r="AQ6" s="79" t="s">
        <v>50</v>
      </c>
      <c r="AR6" s="79" t="s">
        <v>51</v>
      </c>
      <c r="AS6" s="80" t="s">
        <v>45</v>
      </c>
      <c r="AT6" s="83" t="s">
        <v>52</v>
      </c>
      <c r="AU6" s="78" t="s">
        <v>43</v>
      </c>
      <c r="AV6" s="79" t="s">
        <v>44</v>
      </c>
      <c r="AW6" s="80" t="s">
        <v>45</v>
      </c>
      <c r="AX6" s="81" t="s">
        <v>46</v>
      </c>
      <c r="AY6" s="79" t="s">
        <v>47</v>
      </c>
      <c r="AZ6" s="79" t="s">
        <v>48</v>
      </c>
      <c r="BA6" s="79" t="s">
        <v>49</v>
      </c>
      <c r="BB6" s="79" t="s">
        <v>50</v>
      </c>
      <c r="BC6" s="79" t="s">
        <v>51</v>
      </c>
      <c r="BD6" s="80" t="s">
        <v>45</v>
      </c>
      <c r="BE6" s="83" t="s">
        <v>52</v>
      </c>
      <c r="BF6" s="78" t="s">
        <v>43</v>
      </c>
      <c r="BG6" s="79" t="s">
        <v>44</v>
      </c>
      <c r="BH6" s="80" t="s">
        <v>45</v>
      </c>
      <c r="BI6" s="81" t="s">
        <v>46</v>
      </c>
      <c r="BJ6" s="79" t="s">
        <v>47</v>
      </c>
      <c r="BK6" s="79" t="s">
        <v>48</v>
      </c>
      <c r="BL6" s="79" t="s">
        <v>49</v>
      </c>
      <c r="BM6" s="79" t="s">
        <v>50</v>
      </c>
      <c r="BN6" s="79" t="s">
        <v>51</v>
      </c>
      <c r="BO6" s="80" t="s">
        <v>45</v>
      </c>
      <c r="BP6" s="83" t="s">
        <v>52</v>
      </c>
      <c r="BQ6" s="78" t="s">
        <v>43</v>
      </c>
      <c r="BR6" s="79" t="s">
        <v>44</v>
      </c>
      <c r="BS6" s="80" t="s">
        <v>45</v>
      </c>
      <c r="BT6" s="81" t="s">
        <v>46</v>
      </c>
      <c r="BU6" s="79" t="s">
        <v>47</v>
      </c>
      <c r="BV6" s="79" t="s">
        <v>48</v>
      </c>
      <c r="BW6" s="79" t="s">
        <v>49</v>
      </c>
      <c r="BX6" s="79" t="s">
        <v>50</v>
      </c>
      <c r="BY6" s="79" t="s">
        <v>51</v>
      </c>
      <c r="BZ6" s="80" t="s">
        <v>45</v>
      </c>
      <c r="CA6" s="83" t="s">
        <v>52</v>
      </c>
      <c r="CB6" s="78" t="s">
        <v>43</v>
      </c>
      <c r="CC6" s="79" t="s">
        <v>44</v>
      </c>
      <c r="CD6" s="80" t="s">
        <v>45</v>
      </c>
      <c r="CE6" s="81" t="s">
        <v>46</v>
      </c>
      <c r="CF6" s="79" t="s">
        <v>47</v>
      </c>
      <c r="CG6" s="79" t="s">
        <v>48</v>
      </c>
      <c r="CH6" s="79" t="s">
        <v>49</v>
      </c>
      <c r="CI6" s="79" t="s">
        <v>50</v>
      </c>
      <c r="CJ6" s="79" t="s">
        <v>51</v>
      </c>
      <c r="CK6" s="80" t="s">
        <v>45</v>
      </c>
      <c r="CL6" s="83" t="s">
        <v>52</v>
      </c>
      <c r="CM6" s="78" t="s">
        <v>43</v>
      </c>
      <c r="CN6" s="79" t="s">
        <v>44</v>
      </c>
      <c r="CO6" s="80" t="s">
        <v>45</v>
      </c>
      <c r="CP6" s="81" t="s">
        <v>46</v>
      </c>
      <c r="CQ6" s="79" t="s">
        <v>47</v>
      </c>
      <c r="CR6" s="79" t="s">
        <v>48</v>
      </c>
      <c r="CS6" s="79" t="s">
        <v>49</v>
      </c>
      <c r="CT6" s="79" t="s">
        <v>50</v>
      </c>
      <c r="CU6" s="79" t="s">
        <v>51</v>
      </c>
      <c r="CV6" s="80" t="s">
        <v>45</v>
      </c>
      <c r="CW6" s="83" t="s">
        <v>52</v>
      </c>
      <c r="CX6" s="73" t="s">
        <v>43</v>
      </c>
      <c r="CY6" s="74" t="s">
        <v>44</v>
      </c>
      <c r="CZ6" s="75" t="s">
        <v>45</v>
      </c>
      <c r="DA6" s="76" t="s">
        <v>46</v>
      </c>
      <c r="DB6" s="74" t="s">
        <v>47</v>
      </c>
      <c r="DC6" s="74" t="s">
        <v>48</v>
      </c>
      <c r="DD6" s="74" t="s">
        <v>49</v>
      </c>
      <c r="DE6" s="74" t="s">
        <v>50</v>
      </c>
      <c r="DF6" s="74" t="s">
        <v>51</v>
      </c>
      <c r="DG6" s="75" t="s">
        <v>45</v>
      </c>
      <c r="DH6" s="77" t="s">
        <v>52</v>
      </c>
      <c r="DI6" s="78" t="s">
        <v>43</v>
      </c>
      <c r="DJ6" s="79" t="s">
        <v>44</v>
      </c>
      <c r="DK6" s="80" t="s">
        <v>45</v>
      </c>
      <c r="DL6" s="81" t="s">
        <v>46</v>
      </c>
      <c r="DM6" s="79" t="s">
        <v>47</v>
      </c>
      <c r="DN6" s="79" t="s">
        <v>48</v>
      </c>
      <c r="DO6" s="79" t="s">
        <v>49</v>
      </c>
      <c r="DP6" s="79" t="s">
        <v>50</v>
      </c>
      <c r="DQ6" s="79" t="s">
        <v>51</v>
      </c>
      <c r="DR6" s="80" t="s">
        <v>45</v>
      </c>
      <c r="DS6" s="83" t="s">
        <v>52</v>
      </c>
      <c r="DT6" s="78" t="s">
        <v>43</v>
      </c>
      <c r="DU6" s="79" t="s">
        <v>44</v>
      </c>
      <c r="DV6" s="80" t="s">
        <v>45</v>
      </c>
      <c r="DW6" s="81" t="s">
        <v>46</v>
      </c>
      <c r="DX6" s="79" t="s">
        <v>47</v>
      </c>
      <c r="DY6" s="79" t="s">
        <v>48</v>
      </c>
      <c r="DZ6" s="79" t="s">
        <v>49</v>
      </c>
      <c r="EA6" s="79" t="s">
        <v>50</v>
      </c>
      <c r="EB6" s="79" t="s">
        <v>51</v>
      </c>
      <c r="EC6" s="80" t="s">
        <v>45</v>
      </c>
      <c r="ED6" s="83" t="s">
        <v>52</v>
      </c>
      <c r="EE6" s="78" t="s">
        <v>43</v>
      </c>
      <c r="EF6" s="79" t="s">
        <v>44</v>
      </c>
      <c r="EG6" s="80" t="s">
        <v>45</v>
      </c>
      <c r="EH6" s="81" t="s">
        <v>46</v>
      </c>
      <c r="EI6" s="79" t="s">
        <v>47</v>
      </c>
      <c r="EJ6" s="79" t="s">
        <v>48</v>
      </c>
      <c r="EK6" s="79" t="s">
        <v>49</v>
      </c>
      <c r="EL6" s="79" t="s">
        <v>50</v>
      </c>
      <c r="EM6" s="79" t="s">
        <v>51</v>
      </c>
      <c r="EN6" s="80" t="s">
        <v>45</v>
      </c>
      <c r="EO6" s="83" t="s">
        <v>52</v>
      </c>
      <c r="EP6" s="78" t="s">
        <v>43</v>
      </c>
      <c r="EQ6" s="79" t="s">
        <v>44</v>
      </c>
      <c r="ER6" s="80" t="s">
        <v>45</v>
      </c>
      <c r="ES6" s="81" t="s">
        <v>46</v>
      </c>
      <c r="ET6" s="79" t="s">
        <v>47</v>
      </c>
      <c r="EU6" s="79" t="s">
        <v>48</v>
      </c>
      <c r="EV6" s="79" t="s">
        <v>49</v>
      </c>
      <c r="EW6" s="79" t="s">
        <v>50</v>
      </c>
      <c r="EX6" s="79" t="s">
        <v>51</v>
      </c>
      <c r="EY6" s="80" t="s">
        <v>45</v>
      </c>
      <c r="EZ6" s="83" t="s">
        <v>52</v>
      </c>
      <c r="FA6" s="78" t="s">
        <v>43</v>
      </c>
      <c r="FB6" s="79" t="s">
        <v>44</v>
      </c>
      <c r="FC6" s="80" t="s">
        <v>45</v>
      </c>
      <c r="FD6" s="81" t="s">
        <v>46</v>
      </c>
      <c r="FE6" s="79" t="s">
        <v>47</v>
      </c>
      <c r="FF6" s="79" t="s">
        <v>48</v>
      </c>
      <c r="FG6" s="79" t="s">
        <v>49</v>
      </c>
      <c r="FH6" s="79" t="s">
        <v>50</v>
      </c>
      <c r="FI6" s="79" t="s">
        <v>51</v>
      </c>
      <c r="FJ6" s="80" t="s">
        <v>45</v>
      </c>
      <c r="FK6" s="83" t="s">
        <v>52</v>
      </c>
      <c r="FL6" s="78" t="s">
        <v>43</v>
      </c>
      <c r="FM6" s="79" t="s">
        <v>44</v>
      </c>
      <c r="FN6" s="80" t="s">
        <v>45</v>
      </c>
      <c r="FO6" s="81" t="s">
        <v>46</v>
      </c>
      <c r="FP6" s="79" t="s">
        <v>47</v>
      </c>
      <c r="FQ6" s="79" t="s">
        <v>48</v>
      </c>
      <c r="FR6" s="79" t="s">
        <v>49</v>
      </c>
      <c r="FS6" s="79" t="s">
        <v>50</v>
      </c>
      <c r="FT6" s="79" t="s">
        <v>51</v>
      </c>
      <c r="FU6" s="80" t="s">
        <v>45</v>
      </c>
      <c r="FV6" s="83" t="s">
        <v>52</v>
      </c>
      <c r="FW6" s="78" t="s">
        <v>43</v>
      </c>
      <c r="FX6" s="79" t="s">
        <v>44</v>
      </c>
      <c r="FY6" s="80" t="s">
        <v>45</v>
      </c>
      <c r="FZ6" s="81" t="s">
        <v>46</v>
      </c>
      <c r="GA6" s="79" t="s">
        <v>47</v>
      </c>
      <c r="GB6" s="79" t="s">
        <v>48</v>
      </c>
      <c r="GC6" s="79" t="s">
        <v>49</v>
      </c>
      <c r="GD6" s="79" t="s">
        <v>50</v>
      </c>
      <c r="GE6" s="79" t="s">
        <v>51</v>
      </c>
      <c r="GF6" s="80" t="s">
        <v>45</v>
      </c>
      <c r="GG6" s="83" t="s">
        <v>52</v>
      </c>
      <c r="GH6" s="78" t="s">
        <v>43</v>
      </c>
      <c r="GI6" s="79" t="s">
        <v>44</v>
      </c>
      <c r="GJ6" s="80" t="s">
        <v>45</v>
      </c>
      <c r="GK6" s="81" t="s">
        <v>46</v>
      </c>
      <c r="GL6" s="79" t="s">
        <v>47</v>
      </c>
      <c r="GM6" s="79" t="s">
        <v>48</v>
      </c>
      <c r="GN6" s="79" t="s">
        <v>49</v>
      </c>
      <c r="GO6" s="79" t="s">
        <v>50</v>
      </c>
      <c r="GP6" s="79" t="s">
        <v>51</v>
      </c>
      <c r="GQ6" s="80" t="s">
        <v>45</v>
      </c>
      <c r="GR6" s="83" t="s">
        <v>52</v>
      </c>
      <c r="GS6" s="73" t="s">
        <v>43</v>
      </c>
      <c r="GT6" s="74" t="s">
        <v>44</v>
      </c>
      <c r="GU6" s="75" t="s">
        <v>45</v>
      </c>
      <c r="GV6" s="76" t="s">
        <v>46</v>
      </c>
      <c r="GW6" s="74" t="s">
        <v>47</v>
      </c>
      <c r="GX6" s="74" t="s">
        <v>48</v>
      </c>
      <c r="GY6" s="74" t="s">
        <v>49</v>
      </c>
      <c r="GZ6" s="74" t="s">
        <v>50</v>
      </c>
      <c r="HA6" s="74" t="s">
        <v>51</v>
      </c>
      <c r="HB6" s="75" t="s">
        <v>45</v>
      </c>
      <c r="HC6" s="77" t="s">
        <v>52</v>
      </c>
      <c r="HD6" s="78" t="s">
        <v>43</v>
      </c>
      <c r="HE6" s="79" t="s">
        <v>44</v>
      </c>
      <c r="HF6" s="80" t="s">
        <v>45</v>
      </c>
      <c r="HG6" s="81" t="s">
        <v>46</v>
      </c>
      <c r="HH6" s="79" t="s">
        <v>47</v>
      </c>
      <c r="HI6" s="79" t="s">
        <v>48</v>
      </c>
      <c r="HJ6" s="79" t="s">
        <v>49</v>
      </c>
      <c r="HK6" s="79" t="s">
        <v>50</v>
      </c>
      <c r="HL6" s="79" t="s">
        <v>51</v>
      </c>
      <c r="HM6" s="80" t="s">
        <v>45</v>
      </c>
      <c r="HN6" s="83" t="s">
        <v>52</v>
      </c>
      <c r="HO6" s="78" t="s">
        <v>43</v>
      </c>
      <c r="HP6" s="79" t="s">
        <v>44</v>
      </c>
      <c r="HQ6" s="80" t="s">
        <v>45</v>
      </c>
      <c r="HR6" s="81" t="s">
        <v>46</v>
      </c>
      <c r="HS6" s="79" t="s">
        <v>47</v>
      </c>
      <c r="HT6" s="79" t="s">
        <v>48</v>
      </c>
      <c r="HU6" s="79" t="s">
        <v>49</v>
      </c>
      <c r="HV6" s="79" t="s">
        <v>50</v>
      </c>
      <c r="HW6" s="79" t="s">
        <v>51</v>
      </c>
      <c r="HX6" s="80" t="s">
        <v>45</v>
      </c>
      <c r="HY6" s="83" t="s">
        <v>52</v>
      </c>
      <c r="HZ6" s="78" t="s">
        <v>43</v>
      </c>
      <c r="IA6" s="79" t="s">
        <v>44</v>
      </c>
      <c r="IB6" s="80" t="s">
        <v>45</v>
      </c>
      <c r="IC6" s="81" t="s">
        <v>46</v>
      </c>
      <c r="ID6" s="79" t="s">
        <v>47</v>
      </c>
      <c r="IE6" s="79" t="s">
        <v>48</v>
      </c>
      <c r="IF6" s="79" t="s">
        <v>49</v>
      </c>
      <c r="IG6" s="79" t="s">
        <v>50</v>
      </c>
      <c r="IH6" s="79" t="s">
        <v>51</v>
      </c>
      <c r="II6" s="80" t="s">
        <v>45</v>
      </c>
      <c r="IJ6" s="83" t="s">
        <v>52</v>
      </c>
      <c r="IK6" s="78" t="s">
        <v>43</v>
      </c>
      <c r="IL6" s="79" t="s">
        <v>44</v>
      </c>
      <c r="IM6" s="80" t="s">
        <v>45</v>
      </c>
      <c r="IN6" s="81" t="s">
        <v>46</v>
      </c>
      <c r="IO6" s="79" t="s">
        <v>47</v>
      </c>
      <c r="IP6" s="79" t="s">
        <v>48</v>
      </c>
      <c r="IQ6" s="79" t="s">
        <v>49</v>
      </c>
      <c r="IR6" s="79" t="s">
        <v>50</v>
      </c>
      <c r="IS6" s="79" t="s">
        <v>51</v>
      </c>
      <c r="IT6" s="80" t="s">
        <v>45</v>
      </c>
      <c r="IU6" s="83" t="s">
        <v>52</v>
      </c>
      <c r="IV6" s="78" t="s">
        <v>43</v>
      </c>
      <c r="IW6" s="79" t="s">
        <v>44</v>
      </c>
      <c r="IX6" s="80" t="s">
        <v>45</v>
      </c>
      <c r="IY6" s="81" t="s">
        <v>46</v>
      </c>
      <c r="IZ6" s="79" t="s">
        <v>47</v>
      </c>
      <c r="JA6" s="79" t="s">
        <v>48</v>
      </c>
      <c r="JB6" s="79" t="s">
        <v>49</v>
      </c>
      <c r="JC6" s="79" t="s">
        <v>50</v>
      </c>
      <c r="JD6" s="79" t="s">
        <v>51</v>
      </c>
      <c r="JE6" s="80" t="s">
        <v>45</v>
      </c>
      <c r="JF6" s="83" t="s">
        <v>52</v>
      </c>
      <c r="JG6" s="78" t="s">
        <v>43</v>
      </c>
      <c r="JH6" s="79" t="s">
        <v>44</v>
      </c>
      <c r="JI6" s="80" t="s">
        <v>45</v>
      </c>
      <c r="JJ6" s="81" t="s">
        <v>46</v>
      </c>
      <c r="JK6" s="79" t="s">
        <v>47</v>
      </c>
      <c r="JL6" s="79" t="s">
        <v>48</v>
      </c>
      <c r="JM6" s="79" t="s">
        <v>49</v>
      </c>
      <c r="JN6" s="79" t="s">
        <v>50</v>
      </c>
      <c r="JO6" s="79" t="s">
        <v>51</v>
      </c>
      <c r="JP6" s="80" t="s">
        <v>45</v>
      </c>
      <c r="JQ6" s="83" t="s">
        <v>52</v>
      </c>
      <c r="JR6" s="78" t="s">
        <v>43</v>
      </c>
      <c r="JS6" s="79" t="s">
        <v>44</v>
      </c>
      <c r="JT6" s="80" t="s">
        <v>45</v>
      </c>
      <c r="JU6" s="81" t="s">
        <v>46</v>
      </c>
      <c r="JV6" s="79" t="s">
        <v>47</v>
      </c>
      <c r="JW6" s="79" t="s">
        <v>48</v>
      </c>
      <c r="JX6" s="79" t="s">
        <v>49</v>
      </c>
      <c r="JY6" s="79" t="s">
        <v>50</v>
      </c>
      <c r="JZ6" s="79" t="s">
        <v>51</v>
      </c>
      <c r="KA6" s="80" t="s">
        <v>45</v>
      </c>
      <c r="KB6" s="83" t="s">
        <v>52</v>
      </c>
      <c r="KC6" s="78" t="s">
        <v>43</v>
      </c>
      <c r="KD6" s="79" t="s">
        <v>44</v>
      </c>
      <c r="KE6" s="80" t="s">
        <v>45</v>
      </c>
      <c r="KF6" s="81" t="s">
        <v>46</v>
      </c>
      <c r="KG6" s="79" t="s">
        <v>47</v>
      </c>
      <c r="KH6" s="79" t="s">
        <v>48</v>
      </c>
      <c r="KI6" s="79" t="s">
        <v>49</v>
      </c>
      <c r="KJ6" s="79" t="s">
        <v>50</v>
      </c>
      <c r="KK6" s="79" t="s">
        <v>51</v>
      </c>
      <c r="KL6" s="80" t="s">
        <v>45</v>
      </c>
      <c r="KM6" s="83" t="s">
        <v>52</v>
      </c>
    </row>
    <row r="7" spans="2:299" s="70" customFormat="1" ht="21" customHeight="1" x14ac:dyDescent="0.2">
      <c r="B7" s="84" t="s">
        <v>4</v>
      </c>
      <c r="C7" s="85">
        <v>4399</v>
      </c>
      <c r="D7" s="86">
        <v>4265</v>
      </c>
      <c r="E7" s="87">
        <v>8664</v>
      </c>
      <c r="F7" s="412">
        <v>0</v>
      </c>
      <c r="G7" s="86">
        <v>5956</v>
      </c>
      <c r="H7" s="86">
        <v>5478</v>
      </c>
      <c r="I7" s="86">
        <v>3374</v>
      </c>
      <c r="J7" s="86">
        <v>2771</v>
      </c>
      <c r="K7" s="86">
        <v>1482</v>
      </c>
      <c r="L7" s="88">
        <v>19061</v>
      </c>
      <c r="M7" s="89">
        <v>27725</v>
      </c>
      <c r="N7" s="90">
        <v>68</v>
      </c>
      <c r="O7" s="91">
        <v>71</v>
      </c>
      <c r="P7" s="92">
        <v>139</v>
      </c>
      <c r="Q7" s="412">
        <v>0</v>
      </c>
      <c r="R7" s="91">
        <v>74</v>
      </c>
      <c r="S7" s="91">
        <v>95</v>
      </c>
      <c r="T7" s="91">
        <v>61</v>
      </c>
      <c r="U7" s="91">
        <v>59</v>
      </c>
      <c r="V7" s="91">
        <v>31</v>
      </c>
      <c r="W7" s="92">
        <v>320</v>
      </c>
      <c r="X7" s="93">
        <v>459</v>
      </c>
      <c r="Y7" s="90">
        <v>155</v>
      </c>
      <c r="Z7" s="91">
        <v>162</v>
      </c>
      <c r="AA7" s="92">
        <v>317</v>
      </c>
      <c r="AB7" s="412">
        <v>0</v>
      </c>
      <c r="AC7" s="91">
        <v>177</v>
      </c>
      <c r="AD7" s="91">
        <v>224</v>
      </c>
      <c r="AE7" s="91">
        <v>112</v>
      </c>
      <c r="AF7" s="91">
        <v>119</v>
      </c>
      <c r="AG7" s="91">
        <v>88</v>
      </c>
      <c r="AH7" s="92">
        <v>720</v>
      </c>
      <c r="AI7" s="93">
        <v>1037</v>
      </c>
      <c r="AJ7" s="90">
        <v>345</v>
      </c>
      <c r="AK7" s="91">
        <v>378</v>
      </c>
      <c r="AL7" s="92">
        <v>723</v>
      </c>
      <c r="AM7" s="412">
        <v>0</v>
      </c>
      <c r="AN7" s="91">
        <v>465</v>
      </c>
      <c r="AO7" s="91">
        <v>442</v>
      </c>
      <c r="AP7" s="91">
        <v>252</v>
      </c>
      <c r="AQ7" s="91">
        <v>231</v>
      </c>
      <c r="AR7" s="91">
        <v>169</v>
      </c>
      <c r="AS7" s="92">
        <v>1559</v>
      </c>
      <c r="AT7" s="93">
        <v>2282</v>
      </c>
      <c r="AU7" s="90">
        <v>869</v>
      </c>
      <c r="AV7" s="91">
        <v>841</v>
      </c>
      <c r="AW7" s="92">
        <v>1710</v>
      </c>
      <c r="AX7" s="412">
        <v>0</v>
      </c>
      <c r="AY7" s="91">
        <v>1153</v>
      </c>
      <c r="AZ7" s="91">
        <v>961</v>
      </c>
      <c r="BA7" s="91">
        <v>552</v>
      </c>
      <c r="BB7" s="91">
        <v>417</v>
      </c>
      <c r="BC7" s="91">
        <v>280</v>
      </c>
      <c r="BD7" s="92">
        <v>3363</v>
      </c>
      <c r="BE7" s="93">
        <v>5073</v>
      </c>
      <c r="BF7" s="90">
        <v>1493</v>
      </c>
      <c r="BG7" s="91">
        <v>1378</v>
      </c>
      <c r="BH7" s="92">
        <v>2871</v>
      </c>
      <c r="BI7" s="412">
        <v>0</v>
      </c>
      <c r="BJ7" s="91">
        <v>1956</v>
      </c>
      <c r="BK7" s="91">
        <v>1588</v>
      </c>
      <c r="BL7" s="91">
        <v>952</v>
      </c>
      <c r="BM7" s="91">
        <v>734</v>
      </c>
      <c r="BN7" s="91">
        <v>365</v>
      </c>
      <c r="BO7" s="92">
        <v>5595</v>
      </c>
      <c r="BP7" s="93">
        <v>8466</v>
      </c>
      <c r="BQ7" s="90">
        <v>1469</v>
      </c>
      <c r="BR7" s="91">
        <v>1435</v>
      </c>
      <c r="BS7" s="92">
        <v>2904</v>
      </c>
      <c r="BT7" s="412">
        <v>0</v>
      </c>
      <c r="BU7" s="91">
        <v>2131</v>
      </c>
      <c r="BV7" s="91">
        <v>2168</v>
      </c>
      <c r="BW7" s="91">
        <v>1445</v>
      </c>
      <c r="BX7" s="91">
        <v>1211</v>
      </c>
      <c r="BY7" s="91">
        <v>549</v>
      </c>
      <c r="BZ7" s="92">
        <v>7504</v>
      </c>
      <c r="CA7" s="93">
        <v>10408</v>
      </c>
      <c r="CB7" s="90">
        <v>0</v>
      </c>
      <c r="CC7" s="91">
        <v>0</v>
      </c>
      <c r="CD7" s="92">
        <v>0</v>
      </c>
      <c r="CE7" s="412">
        <v>0</v>
      </c>
      <c r="CF7" s="91">
        <v>0</v>
      </c>
      <c r="CG7" s="91">
        <v>0</v>
      </c>
      <c r="CH7" s="91">
        <v>0</v>
      </c>
      <c r="CI7" s="91">
        <v>0</v>
      </c>
      <c r="CJ7" s="91">
        <v>0</v>
      </c>
      <c r="CK7" s="92">
        <v>0</v>
      </c>
      <c r="CL7" s="93">
        <v>0</v>
      </c>
      <c r="CM7" s="90">
        <v>4399</v>
      </c>
      <c r="CN7" s="91">
        <v>4265</v>
      </c>
      <c r="CO7" s="92">
        <v>8664</v>
      </c>
      <c r="CP7" s="412">
        <v>0</v>
      </c>
      <c r="CQ7" s="91">
        <v>5956</v>
      </c>
      <c r="CR7" s="91">
        <v>5478</v>
      </c>
      <c r="CS7" s="91">
        <v>3374</v>
      </c>
      <c r="CT7" s="91">
        <v>2771</v>
      </c>
      <c r="CU7" s="91">
        <v>1482</v>
      </c>
      <c r="CV7" s="92">
        <v>19061</v>
      </c>
      <c r="CW7" s="93">
        <v>27725</v>
      </c>
      <c r="CX7" s="94">
        <v>677</v>
      </c>
      <c r="CY7" s="86">
        <v>773</v>
      </c>
      <c r="CZ7" s="87">
        <v>1450</v>
      </c>
      <c r="DA7" s="412">
        <v>0</v>
      </c>
      <c r="DB7" s="86">
        <v>893</v>
      </c>
      <c r="DC7" s="86">
        <v>818</v>
      </c>
      <c r="DD7" s="86">
        <v>567</v>
      </c>
      <c r="DE7" s="86">
        <v>555</v>
      </c>
      <c r="DF7" s="86">
        <v>354</v>
      </c>
      <c r="DG7" s="88">
        <v>3187</v>
      </c>
      <c r="DH7" s="89">
        <v>4637</v>
      </c>
      <c r="DI7" s="90">
        <v>24</v>
      </c>
      <c r="DJ7" s="91">
        <v>25</v>
      </c>
      <c r="DK7" s="92">
        <v>49</v>
      </c>
      <c r="DL7" s="412">
        <v>0</v>
      </c>
      <c r="DM7" s="91">
        <v>15</v>
      </c>
      <c r="DN7" s="91">
        <v>16</v>
      </c>
      <c r="DO7" s="91">
        <v>15</v>
      </c>
      <c r="DP7" s="91">
        <v>9</v>
      </c>
      <c r="DQ7" s="91">
        <v>5</v>
      </c>
      <c r="DR7" s="92">
        <v>60</v>
      </c>
      <c r="DS7" s="93">
        <v>109</v>
      </c>
      <c r="DT7" s="90">
        <v>58</v>
      </c>
      <c r="DU7" s="91">
        <v>51</v>
      </c>
      <c r="DV7" s="92">
        <v>109</v>
      </c>
      <c r="DW7" s="412">
        <v>0</v>
      </c>
      <c r="DX7" s="91">
        <v>34</v>
      </c>
      <c r="DY7" s="91">
        <v>22</v>
      </c>
      <c r="DZ7" s="91">
        <v>17</v>
      </c>
      <c r="EA7" s="91">
        <v>13</v>
      </c>
      <c r="EB7" s="91">
        <v>8</v>
      </c>
      <c r="EC7" s="92">
        <v>94</v>
      </c>
      <c r="ED7" s="93">
        <v>203</v>
      </c>
      <c r="EE7" s="90">
        <v>92</v>
      </c>
      <c r="EF7" s="91">
        <v>101</v>
      </c>
      <c r="EG7" s="92">
        <v>193</v>
      </c>
      <c r="EH7" s="412">
        <v>0</v>
      </c>
      <c r="EI7" s="91">
        <v>69</v>
      </c>
      <c r="EJ7" s="91">
        <v>62</v>
      </c>
      <c r="EK7" s="91">
        <v>31</v>
      </c>
      <c r="EL7" s="91">
        <v>24</v>
      </c>
      <c r="EM7" s="91">
        <v>34</v>
      </c>
      <c r="EN7" s="92">
        <v>220</v>
      </c>
      <c r="EO7" s="93">
        <v>413</v>
      </c>
      <c r="EP7" s="90">
        <v>172</v>
      </c>
      <c r="EQ7" s="91">
        <v>191</v>
      </c>
      <c r="ER7" s="92">
        <v>363</v>
      </c>
      <c r="ES7" s="412">
        <v>0</v>
      </c>
      <c r="ET7" s="91">
        <v>192</v>
      </c>
      <c r="EU7" s="91">
        <v>144</v>
      </c>
      <c r="EV7" s="91">
        <v>81</v>
      </c>
      <c r="EW7" s="91">
        <v>67</v>
      </c>
      <c r="EX7" s="91">
        <v>39</v>
      </c>
      <c r="EY7" s="92">
        <v>523</v>
      </c>
      <c r="EZ7" s="93">
        <v>886</v>
      </c>
      <c r="FA7" s="90">
        <v>193</v>
      </c>
      <c r="FB7" s="91">
        <v>229</v>
      </c>
      <c r="FC7" s="92">
        <v>422</v>
      </c>
      <c r="FD7" s="412">
        <v>0</v>
      </c>
      <c r="FE7" s="91">
        <v>256</v>
      </c>
      <c r="FF7" s="91">
        <v>227</v>
      </c>
      <c r="FG7" s="91">
        <v>132</v>
      </c>
      <c r="FH7" s="91">
        <v>124</v>
      </c>
      <c r="FI7" s="91">
        <v>79</v>
      </c>
      <c r="FJ7" s="92">
        <v>818</v>
      </c>
      <c r="FK7" s="93">
        <v>1240</v>
      </c>
      <c r="FL7" s="90">
        <v>138</v>
      </c>
      <c r="FM7" s="91">
        <v>176</v>
      </c>
      <c r="FN7" s="92">
        <v>314</v>
      </c>
      <c r="FO7" s="412">
        <v>0</v>
      </c>
      <c r="FP7" s="91">
        <v>327</v>
      </c>
      <c r="FQ7" s="91">
        <v>347</v>
      </c>
      <c r="FR7" s="91">
        <v>291</v>
      </c>
      <c r="FS7" s="91">
        <v>318</v>
      </c>
      <c r="FT7" s="91">
        <v>189</v>
      </c>
      <c r="FU7" s="92">
        <v>1472</v>
      </c>
      <c r="FV7" s="93">
        <v>1786</v>
      </c>
      <c r="FW7" s="90">
        <v>0</v>
      </c>
      <c r="FX7" s="91">
        <v>0</v>
      </c>
      <c r="FY7" s="92">
        <v>0</v>
      </c>
      <c r="FZ7" s="412">
        <v>0</v>
      </c>
      <c r="GA7" s="91">
        <v>0</v>
      </c>
      <c r="GB7" s="91">
        <v>0</v>
      </c>
      <c r="GC7" s="91">
        <v>0</v>
      </c>
      <c r="GD7" s="91">
        <v>0</v>
      </c>
      <c r="GE7" s="91">
        <v>0</v>
      </c>
      <c r="GF7" s="92">
        <v>0</v>
      </c>
      <c r="GG7" s="93">
        <v>0</v>
      </c>
      <c r="GH7" s="90">
        <v>677</v>
      </c>
      <c r="GI7" s="91">
        <v>773</v>
      </c>
      <c r="GJ7" s="92">
        <v>1450</v>
      </c>
      <c r="GK7" s="412">
        <v>0</v>
      </c>
      <c r="GL7" s="91">
        <v>893</v>
      </c>
      <c r="GM7" s="91">
        <v>818</v>
      </c>
      <c r="GN7" s="91">
        <v>567</v>
      </c>
      <c r="GO7" s="91">
        <v>555</v>
      </c>
      <c r="GP7" s="91">
        <v>354</v>
      </c>
      <c r="GQ7" s="92">
        <v>3187</v>
      </c>
      <c r="GR7" s="93">
        <v>4637</v>
      </c>
      <c r="GS7" s="94">
        <v>5076</v>
      </c>
      <c r="GT7" s="86">
        <v>5038</v>
      </c>
      <c r="GU7" s="87">
        <v>10114</v>
      </c>
      <c r="GV7" s="412">
        <v>0</v>
      </c>
      <c r="GW7" s="86">
        <v>6849</v>
      </c>
      <c r="GX7" s="86">
        <v>6296</v>
      </c>
      <c r="GY7" s="86">
        <v>3941</v>
      </c>
      <c r="GZ7" s="86">
        <v>3326</v>
      </c>
      <c r="HA7" s="86">
        <v>1836</v>
      </c>
      <c r="HB7" s="88">
        <v>22248</v>
      </c>
      <c r="HC7" s="89">
        <v>32362</v>
      </c>
      <c r="HD7" s="90">
        <v>92</v>
      </c>
      <c r="HE7" s="91">
        <v>96</v>
      </c>
      <c r="HF7" s="92">
        <v>188</v>
      </c>
      <c r="HG7" s="412">
        <v>0</v>
      </c>
      <c r="HH7" s="91">
        <v>89</v>
      </c>
      <c r="HI7" s="91">
        <v>111</v>
      </c>
      <c r="HJ7" s="91">
        <v>76</v>
      </c>
      <c r="HK7" s="91">
        <v>68</v>
      </c>
      <c r="HL7" s="91">
        <v>36</v>
      </c>
      <c r="HM7" s="92">
        <v>380</v>
      </c>
      <c r="HN7" s="93">
        <v>568</v>
      </c>
      <c r="HO7" s="90">
        <v>213</v>
      </c>
      <c r="HP7" s="91">
        <v>213</v>
      </c>
      <c r="HQ7" s="92">
        <v>426</v>
      </c>
      <c r="HR7" s="412">
        <v>0</v>
      </c>
      <c r="HS7" s="91">
        <v>211</v>
      </c>
      <c r="HT7" s="91">
        <v>246</v>
      </c>
      <c r="HU7" s="91">
        <v>129</v>
      </c>
      <c r="HV7" s="91">
        <v>132</v>
      </c>
      <c r="HW7" s="91">
        <v>96</v>
      </c>
      <c r="HX7" s="92">
        <v>814</v>
      </c>
      <c r="HY7" s="93">
        <v>1240</v>
      </c>
      <c r="HZ7" s="90">
        <v>437</v>
      </c>
      <c r="IA7" s="91">
        <v>479</v>
      </c>
      <c r="IB7" s="92">
        <v>916</v>
      </c>
      <c r="IC7" s="412">
        <v>0</v>
      </c>
      <c r="ID7" s="91">
        <v>534</v>
      </c>
      <c r="IE7" s="91">
        <v>504</v>
      </c>
      <c r="IF7" s="91">
        <v>283</v>
      </c>
      <c r="IG7" s="91">
        <v>255</v>
      </c>
      <c r="IH7" s="91">
        <v>203</v>
      </c>
      <c r="II7" s="92">
        <v>1779</v>
      </c>
      <c r="IJ7" s="93">
        <v>2695</v>
      </c>
      <c r="IK7" s="90">
        <v>1041</v>
      </c>
      <c r="IL7" s="91">
        <v>1032</v>
      </c>
      <c r="IM7" s="92">
        <v>2073</v>
      </c>
      <c r="IN7" s="412">
        <v>0</v>
      </c>
      <c r="IO7" s="91">
        <v>1345</v>
      </c>
      <c r="IP7" s="91">
        <v>1105</v>
      </c>
      <c r="IQ7" s="91">
        <v>633</v>
      </c>
      <c r="IR7" s="91">
        <v>484</v>
      </c>
      <c r="IS7" s="91">
        <v>319</v>
      </c>
      <c r="IT7" s="92">
        <v>3886</v>
      </c>
      <c r="IU7" s="93">
        <v>5959</v>
      </c>
      <c r="IV7" s="90">
        <v>1686</v>
      </c>
      <c r="IW7" s="91">
        <v>1607</v>
      </c>
      <c r="IX7" s="92">
        <v>3293</v>
      </c>
      <c r="IY7" s="412">
        <v>0</v>
      </c>
      <c r="IZ7" s="91">
        <v>2212</v>
      </c>
      <c r="JA7" s="91">
        <v>1815</v>
      </c>
      <c r="JB7" s="91">
        <v>1084</v>
      </c>
      <c r="JC7" s="91">
        <v>858</v>
      </c>
      <c r="JD7" s="91">
        <v>444</v>
      </c>
      <c r="JE7" s="92">
        <v>6413</v>
      </c>
      <c r="JF7" s="93">
        <v>9706</v>
      </c>
      <c r="JG7" s="90">
        <v>1607</v>
      </c>
      <c r="JH7" s="91">
        <v>1611</v>
      </c>
      <c r="JI7" s="92">
        <v>3218</v>
      </c>
      <c r="JJ7" s="412">
        <v>0</v>
      </c>
      <c r="JK7" s="91">
        <v>2458</v>
      </c>
      <c r="JL7" s="91">
        <v>2515</v>
      </c>
      <c r="JM7" s="91">
        <v>1736</v>
      </c>
      <c r="JN7" s="91">
        <v>1529</v>
      </c>
      <c r="JO7" s="91">
        <v>738</v>
      </c>
      <c r="JP7" s="92">
        <v>8976</v>
      </c>
      <c r="JQ7" s="93">
        <v>12194</v>
      </c>
      <c r="JR7" s="90">
        <v>0</v>
      </c>
      <c r="JS7" s="91">
        <v>0</v>
      </c>
      <c r="JT7" s="92">
        <v>0</v>
      </c>
      <c r="JU7" s="412">
        <v>0</v>
      </c>
      <c r="JV7" s="91">
        <v>0</v>
      </c>
      <c r="JW7" s="91">
        <v>0</v>
      </c>
      <c r="JX7" s="91">
        <v>0</v>
      </c>
      <c r="JY7" s="91">
        <v>0</v>
      </c>
      <c r="JZ7" s="91">
        <v>0</v>
      </c>
      <c r="KA7" s="92">
        <v>0</v>
      </c>
      <c r="KB7" s="93">
        <v>0</v>
      </c>
      <c r="KC7" s="90">
        <v>5076</v>
      </c>
      <c r="KD7" s="91">
        <v>5038</v>
      </c>
      <c r="KE7" s="92">
        <v>10114</v>
      </c>
      <c r="KF7" s="412">
        <v>0</v>
      </c>
      <c r="KG7" s="91">
        <v>6849</v>
      </c>
      <c r="KH7" s="91">
        <v>6296</v>
      </c>
      <c r="KI7" s="91">
        <v>3941</v>
      </c>
      <c r="KJ7" s="91">
        <v>3326</v>
      </c>
      <c r="KK7" s="91">
        <v>1836</v>
      </c>
      <c r="KL7" s="92">
        <v>22248</v>
      </c>
      <c r="KM7" s="93">
        <v>32362</v>
      </c>
    </row>
    <row r="8" spans="2:299" s="70" customFormat="1" ht="21" customHeight="1" x14ac:dyDescent="0.2">
      <c r="B8" s="95" t="s">
        <v>5</v>
      </c>
      <c r="C8" s="96">
        <v>1780</v>
      </c>
      <c r="D8" s="97">
        <v>2149</v>
      </c>
      <c r="E8" s="98">
        <v>3929</v>
      </c>
      <c r="F8" s="413">
        <v>0</v>
      </c>
      <c r="G8" s="97">
        <v>2140</v>
      </c>
      <c r="H8" s="97">
        <v>2582</v>
      </c>
      <c r="I8" s="97">
        <v>1539</v>
      </c>
      <c r="J8" s="97">
        <v>1232</v>
      </c>
      <c r="K8" s="97">
        <v>650</v>
      </c>
      <c r="L8" s="99">
        <v>8143</v>
      </c>
      <c r="M8" s="100">
        <v>12072</v>
      </c>
      <c r="N8" s="101">
        <v>18</v>
      </c>
      <c r="O8" s="102">
        <v>37</v>
      </c>
      <c r="P8" s="103">
        <v>55</v>
      </c>
      <c r="Q8" s="413">
        <v>0</v>
      </c>
      <c r="R8" s="102">
        <v>32</v>
      </c>
      <c r="S8" s="102">
        <v>46</v>
      </c>
      <c r="T8" s="102">
        <v>25</v>
      </c>
      <c r="U8" s="102">
        <v>25</v>
      </c>
      <c r="V8" s="102">
        <v>13</v>
      </c>
      <c r="W8" s="103">
        <v>141</v>
      </c>
      <c r="X8" s="104">
        <v>196</v>
      </c>
      <c r="Y8" s="101">
        <v>52</v>
      </c>
      <c r="Z8" s="102">
        <v>75</v>
      </c>
      <c r="AA8" s="103">
        <v>127</v>
      </c>
      <c r="AB8" s="413">
        <v>0</v>
      </c>
      <c r="AC8" s="102">
        <v>55</v>
      </c>
      <c r="AD8" s="102">
        <v>105</v>
      </c>
      <c r="AE8" s="102">
        <v>50</v>
      </c>
      <c r="AF8" s="102">
        <v>48</v>
      </c>
      <c r="AG8" s="102">
        <v>33</v>
      </c>
      <c r="AH8" s="103">
        <v>291</v>
      </c>
      <c r="AI8" s="104">
        <v>418</v>
      </c>
      <c r="AJ8" s="101">
        <v>132</v>
      </c>
      <c r="AK8" s="102">
        <v>183</v>
      </c>
      <c r="AL8" s="103">
        <v>315</v>
      </c>
      <c r="AM8" s="413">
        <v>0</v>
      </c>
      <c r="AN8" s="102">
        <v>143</v>
      </c>
      <c r="AO8" s="102">
        <v>199</v>
      </c>
      <c r="AP8" s="102">
        <v>119</v>
      </c>
      <c r="AQ8" s="102">
        <v>93</v>
      </c>
      <c r="AR8" s="102">
        <v>63</v>
      </c>
      <c r="AS8" s="103">
        <v>617</v>
      </c>
      <c r="AT8" s="104">
        <v>932</v>
      </c>
      <c r="AU8" s="101">
        <v>335</v>
      </c>
      <c r="AV8" s="102">
        <v>414</v>
      </c>
      <c r="AW8" s="103">
        <v>749</v>
      </c>
      <c r="AX8" s="413">
        <v>0</v>
      </c>
      <c r="AY8" s="102">
        <v>382</v>
      </c>
      <c r="AZ8" s="102">
        <v>417</v>
      </c>
      <c r="BA8" s="102">
        <v>248</v>
      </c>
      <c r="BB8" s="102">
        <v>172</v>
      </c>
      <c r="BC8" s="102">
        <v>133</v>
      </c>
      <c r="BD8" s="103">
        <v>1352</v>
      </c>
      <c r="BE8" s="104">
        <v>2101</v>
      </c>
      <c r="BF8" s="101">
        <v>587</v>
      </c>
      <c r="BG8" s="102">
        <v>674</v>
      </c>
      <c r="BH8" s="103">
        <v>1261</v>
      </c>
      <c r="BI8" s="413">
        <v>0</v>
      </c>
      <c r="BJ8" s="102">
        <v>731</v>
      </c>
      <c r="BK8" s="102">
        <v>779</v>
      </c>
      <c r="BL8" s="102">
        <v>410</v>
      </c>
      <c r="BM8" s="102">
        <v>307</v>
      </c>
      <c r="BN8" s="102">
        <v>156</v>
      </c>
      <c r="BO8" s="103">
        <v>2383</v>
      </c>
      <c r="BP8" s="104">
        <v>3644</v>
      </c>
      <c r="BQ8" s="101">
        <v>656</v>
      </c>
      <c r="BR8" s="102">
        <v>766</v>
      </c>
      <c r="BS8" s="103">
        <v>1422</v>
      </c>
      <c r="BT8" s="413">
        <v>0</v>
      </c>
      <c r="BU8" s="102">
        <v>797</v>
      </c>
      <c r="BV8" s="102">
        <v>1036</v>
      </c>
      <c r="BW8" s="102">
        <v>687</v>
      </c>
      <c r="BX8" s="102">
        <v>587</v>
      </c>
      <c r="BY8" s="102">
        <v>252</v>
      </c>
      <c r="BZ8" s="103">
        <v>3359</v>
      </c>
      <c r="CA8" s="104">
        <v>4781</v>
      </c>
      <c r="CB8" s="101">
        <v>0</v>
      </c>
      <c r="CC8" s="102">
        <v>0</v>
      </c>
      <c r="CD8" s="103">
        <v>0</v>
      </c>
      <c r="CE8" s="413">
        <v>0</v>
      </c>
      <c r="CF8" s="102">
        <v>0</v>
      </c>
      <c r="CG8" s="102">
        <v>0</v>
      </c>
      <c r="CH8" s="102">
        <v>0</v>
      </c>
      <c r="CI8" s="102">
        <v>0</v>
      </c>
      <c r="CJ8" s="102">
        <v>0</v>
      </c>
      <c r="CK8" s="103">
        <v>0</v>
      </c>
      <c r="CL8" s="104">
        <v>0</v>
      </c>
      <c r="CM8" s="101">
        <v>1780</v>
      </c>
      <c r="CN8" s="102">
        <v>2149</v>
      </c>
      <c r="CO8" s="103">
        <v>3929</v>
      </c>
      <c r="CP8" s="413">
        <v>0</v>
      </c>
      <c r="CQ8" s="102">
        <v>2140</v>
      </c>
      <c r="CR8" s="102">
        <v>2582</v>
      </c>
      <c r="CS8" s="102">
        <v>1539</v>
      </c>
      <c r="CT8" s="102">
        <v>1232</v>
      </c>
      <c r="CU8" s="102">
        <v>650</v>
      </c>
      <c r="CV8" s="103">
        <v>8143</v>
      </c>
      <c r="CW8" s="104">
        <v>12072</v>
      </c>
      <c r="CX8" s="105">
        <v>284</v>
      </c>
      <c r="CY8" s="97">
        <v>367</v>
      </c>
      <c r="CZ8" s="98">
        <v>651</v>
      </c>
      <c r="DA8" s="413">
        <v>0</v>
      </c>
      <c r="DB8" s="97">
        <v>329</v>
      </c>
      <c r="DC8" s="97">
        <v>397</v>
      </c>
      <c r="DD8" s="97">
        <v>266</v>
      </c>
      <c r="DE8" s="97">
        <v>247</v>
      </c>
      <c r="DF8" s="97">
        <v>164</v>
      </c>
      <c r="DG8" s="99">
        <v>1403</v>
      </c>
      <c r="DH8" s="100">
        <v>2054</v>
      </c>
      <c r="DI8" s="101">
        <v>10</v>
      </c>
      <c r="DJ8" s="102">
        <v>9</v>
      </c>
      <c r="DK8" s="103">
        <v>19</v>
      </c>
      <c r="DL8" s="413">
        <v>0</v>
      </c>
      <c r="DM8" s="102">
        <v>5</v>
      </c>
      <c r="DN8" s="102">
        <v>5</v>
      </c>
      <c r="DO8" s="102">
        <v>7</v>
      </c>
      <c r="DP8" s="102">
        <v>4</v>
      </c>
      <c r="DQ8" s="102">
        <v>2</v>
      </c>
      <c r="DR8" s="103">
        <v>23</v>
      </c>
      <c r="DS8" s="104">
        <v>42</v>
      </c>
      <c r="DT8" s="101">
        <v>24</v>
      </c>
      <c r="DU8" s="102">
        <v>25</v>
      </c>
      <c r="DV8" s="103">
        <v>49</v>
      </c>
      <c r="DW8" s="413">
        <v>0</v>
      </c>
      <c r="DX8" s="102">
        <v>9</v>
      </c>
      <c r="DY8" s="102">
        <v>13</v>
      </c>
      <c r="DZ8" s="102">
        <v>11</v>
      </c>
      <c r="EA8" s="102">
        <v>5</v>
      </c>
      <c r="EB8" s="102">
        <v>3</v>
      </c>
      <c r="EC8" s="103">
        <v>41</v>
      </c>
      <c r="ED8" s="104">
        <v>90</v>
      </c>
      <c r="EE8" s="101">
        <v>39</v>
      </c>
      <c r="EF8" s="102">
        <v>50</v>
      </c>
      <c r="EG8" s="103">
        <v>89</v>
      </c>
      <c r="EH8" s="413">
        <v>0</v>
      </c>
      <c r="EI8" s="102">
        <v>32</v>
      </c>
      <c r="EJ8" s="102">
        <v>30</v>
      </c>
      <c r="EK8" s="102">
        <v>14</v>
      </c>
      <c r="EL8" s="102">
        <v>11</v>
      </c>
      <c r="EM8" s="102">
        <v>17</v>
      </c>
      <c r="EN8" s="103">
        <v>104</v>
      </c>
      <c r="EO8" s="104">
        <v>193</v>
      </c>
      <c r="EP8" s="101">
        <v>74</v>
      </c>
      <c r="EQ8" s="102">
        <v>94</v>
      </c>
      <c r="ER8" s="103">
        <v>168</v>
      </c>
      <c r="ES8" s="413">
        <v>0</v>
      </c>
      <c r="ET8" s="102">
        <v>81</v>
      </c>
      <c r="EU8" s="102">
        <v>74</v>
      </c>
      <c r="EV8" s="102">
        <v>36</v>
      </c>
      <c r="EW8" s="102">
        <v>37</v>
      </c>
      <c r="EX8" s="102">
        <v>24</v>
      </c>
      <c r="EY8" s="103">
        <v>252</v>
      </c>
      <c r="EZ8" s="104">
        <v>420</v>
      </c>
      <c r="FA8" s="101">
        <v>77</v>
      </c>
      <c r="FB8" s="102">
        <v>98</v>
      </c>
      <c r="FC8" s="103">
        <v>175</v>
      </c>
      <c r="FD8" s="413">
        <v>0</v>
      </c>
      <c r="FE8" s="102">
        <v>90</v>
      </c>
      <c r="FF8" s="102">
        <v>113</v>
      </c>
      <c r="FG8" s="102">
        <v>63</v>
      </c>
      <c r="FH8" s="102">
        <v>56</v>
      </c>
      <c r="FI8" s="102">
        <v>29</v>
      </c>
      <c r="FJ8" s="103">
        <v>351</v>
      </c>
      <c r="FK8" s="104">
        <v>526</v>
      </c>
      <c r="FL8" s="101">
        <v>60</v>
      </c>
      <c r="FM8" s="102">
        <v>91</v>
      </c>
      <c r="FN8" s="103">
        <v>151</v>
      </c>
      <c r="FO8" s="413">
        <v>0</v>
      </c>
      <c r="FP8" s="102">
        <v>112</v>
      </c>
      <c r="FQ8" s="102">
        <v>162</v>
      </c>
      <c r="FR8" s="102">
        <v>135</v>
      </c>
      <c r="FS8" s="102">
        <v>134</v>
      </c>
      <c r="FT8" s="102">
        <v>89</v>
      </c>
      <c r="FU8" s="103">
        <v>632</v>
      </c>
      <c r="FV8" s="104">
        <v>783</v>
      </c>
      <c r="FW8" s="101">
        <v>0</v>
      </c>
      <c r="FX8" s="102">
        <v>0</v>
      </c>
      <c r="FY8" s="103">
        <v>0</v>
      </c>
      <c r="FZ8" s="413">
        <v>0</v>
      </c>
      <c r="GA8" s="102">
        <v>0</v>
      </c>
      <c r="GB8" s="102">
        <v>0</v>
      </c>
      <c r="GC8" s="102">
        <v>0</v>
      </c>
      <c r="GD8" s="102">
        <v>0</v>
      </c>
      <c r="GE8" s="102">
        <v>0</v>
      </c>
      <c r="GF8" s="103">
        <v>0</v>
      </c>
      <c r="GG8" s="104">
        <v>0</v>
      </c>
      <c r="GH8" s="101">
        <v>284</v>
      </c>
      <c r="GI8" s="102">
        <v>367</v>
      </c>
      <c r="GJ8" s="103">
        <v>651</v>
      </c>
      <c r="GK8" s="413">
        <v>0</v>
      </c>
      <c r="GL8" s="102">
        <v>329</v>
      </c>
      <c r="GM8" s="102">
        <v>397</v>
      </c>
      <c r="GN8" s="102">
        <v>266</v>
      </c>
      <c r="GO8" s="102">
        <v>247</v>
      </c>
      <c r="GP8" s="102">
        <v>164</v>
      </c>
      <c r="GQ8" s="103">
        <v>1403</v>
      </c>
      <c r="GR8" s="104">
        <v>2054</v>
      </c>
      <c r="GS8" s="105">
        <v>2064</v>
      </c>
      <c r="GT8" s="97">
        <v>2516</v>
      </c>
      <c r="GU8" s="98">
        <v>4580</v>
      </c>
      <c r="GV8" s="413">
        <v>0</v>
      </c>
      <c r="GW8" s="97">
        <v>2469</v>
      </c>
      <c r="GX8" s="97">
        <v>2979</v>
      </c>
      <c r="GY8" s="97">
        <v>1805</v>
      </c>
      <c r="GZ8" s="97">
        <v>1479</v>
      </c>
      <c r="HA8" s="97">
        <v>814</v>
      </c>
      <c r="HB8" s="99">
        <v>9546</v>
      </c>
      <c r="HC8" s="100">
        <v>14126</v>
      </c>
      <c r="HD8" s="101">
        <v>28</v>
      </c>
      <c r="HE8" s="102">
        <v>46</v>
      </c>
      <c r="HF8" s="103">
        <v>74</v>
      </c>
      <c r="HG8" s="413">
        <v>0</v>
      </c>
      <c r="HH8" s="102">
        <v>37</v>
      </c>
      <c r="HI8" s="102">
        <v>51</v>
      </c>
      <c r="HJ8" s="102">
        <v>32</v>
      </c>
      <c r="HK8" s="102">
        <v>29</v>
      </c>
      <c r="HL8" s="102">
        <v>15</v>
      </c>
      <c r="HM8" s="103">
        <v>164</v>
      </c>
      <c r="HN8" s="104">
        <v>238</v>
      </c>
      <c r="HO8" s="101">
        <v>76</v>
      </c>
      <c r="HP8" s="102">
        <v>100</v>
      </c>
      <c r="HQ8" s="103">
        <v>176</v>
      </c>
      <c r="HR8" s="413">
        <v>0</v>
      </c>
      <c r="HS8" s="102">
        <v>64</v>
      </c>
      <c r="HT8" s="102">
        <v>118</v>
      </c>
      <c r="HU8" s="102">
        <v>61</v>
      </c>
      <c r="HV8" s="102">
        <v>53</v>
      </c>
      <c r="HW8" s="102">
        <v>36</v>
      </c>
      <c r="HX8" s="103">
        <v>332</v>
      </c>
      <c r="HY8" s="104">
        <v>508</v>
      </c>
      <c r="HZ8" s="101">
        <v>171</v>
      </c>
      <c r="IA8" s="102">
        <v>233</v>
      </c>
      <c r="IB8" s="103">
        <v>404</v>
      </c>
      <c r="IC8" s="413">
        <v>0</v>
      </c>
      <c r="ID8" s="102">
        <v>175</v>
      </c>
      <c r="IE8" s="102">
        <v>229</v>
      </c>
      <c r="IF8" s="102">
        <v>133</v>
      </c>
      <c r="IG8" s="102">
        <v>104</v>
      </c>
      <c r="IH8" s="102">
        <v>80</v>
      </c>
      <c r="II8" s="103">
        <v>721</v>
      </c>
      <c r="IJ8" s="104">
        <v>1125</v>
      </c>
      <c r="IK8" s="101">
        <v>409</v>
      </c>
      <c r="IL8" s="102">
        <v>508</v>
      </c>
      <c r="IM8" s="103">
        <v>917</v>
      </c>
      <c r="IN8" s="413">
        <v>0</v>
      </c>
      <c r="IO8" s="102">
        <v>463</v>
      </c>
      <c r="IP8" s="102">
        <v>491</v>
      </c>
      <c r="IQ8" s="102">
        <v>284</v>
      </c>
      <c r="IR8" s="102">
        <v>209</v>
      </c>
      <c r="IS8" s="102">
        <v>157</v>
      </c>
      <c r="IT8" s="103">
        <v>1604</v>
      </c>
      <c r="IU8" s="104">
        <v>2521</v>
      </c>
      <c r="IV8" s="101">
        <v>664</v>
      </c>
      <c r="IW8" s="102">
        <v>772</v>
      </c>
      <c r="IX8" s="103">
        <v>1436</v>
      </c>
      <c r="IY8" s="413">
        <v>0</v>
      </c>
      <c r="IZ8" s="102">
        <v>821</v>
      </c>
      <c r="JA8" s="102">
        <v>892</v>
      </c>
      <c r="JB8" s="102">
        <v>473</v>
      </c>
      <c r="JC8" s="102">
        <v>363</v>
      </c>
      <c r="JD8" s="102">
        <v>185</v>
      </c>
      <c r="JE8" s="103">
        <v>2734</v>
      </c>
      <c r="JF8" s="104">
        <v>4170</v>
      </c>
      <c r="JG8" s="101">
        <v>716</v>
      </c>
      <c r="JH8" s="102">
        <v>857</v>
      </c>
      <c r="JI8" s="103">
        <v>1573</v>
      </c>
      <c r="JJ8" s="413">
        <v>0</v>
      </c>
      <c r="JK8" s="102">
        <v>909</v>
      </c>
      <c r="JL8" s="102">
        <v>1198</v>
      </c>
      <c r="JM8" s="102">
        <v>822</v>
      </c>
      <c r="JN8" s="102">
        <v>721</v>
      </c>
      <c r="JO8" s="102">
        <v>341</v>
      </c>
      <c r="JP8" s="103">
        <v>3991</v>
      </c>
      <c r="JQ8" s="104">
        <v>5564</v>
      </c>
      <c r="JR8" s="101">
        <v>0</v>
      </c>
      <c r="JS8" s="102">
        <v>0</v>
      </c>
      <c r="JT8" s="103">
        <v>0</v>
      </c>
      <c r="JU8" s="413">
        <v>0</v>
      </c>
      <c r="JV8" s="102">
        <v>0</v>
      </c>
      <c r="JW8" s="102">
        <v>0</v>
      </c>
      <c r="JX8" s="102">
        <v>0</v>
      </c>
      <c r="JY8" s="102">
        <v>0</v>
      </c>
      <c r="JZ8" s="102">
        <v>0</v>
      </c>
      <c r="KA8" s="103">
        <v>0</v>
      </c>
      <c r="KB8" s="104">
        <v>0</v>
      </c>
      <c r="KC8" s="101">
        <v>2064</v>
      </c>
      <c r="KD8" s="102">
        <v>2516</v>
      </c>
      <c r="KE8" s="103">
        <v>4580</v>
      </c>
      <c r="KF8" s="413">
        <v>0</v>
      </c>
      <c r="KG8" s="102">
        <v>2469</v>
      </c>
      <c r="KH8" s="102">
        <v>2979</v>
      </c>
      <c r="KI8" s="102">
        <v>1805</v>
      </c>
      <c r="KJ8" s="102">
        <v>1479</v>
      </c>
      <c r="KK8" s="102">
        <v>814</v>
      </c>
      <c r="KL8" s="103">
        <v>9546</v>
      </c>
      <c r="KM8" s="104">
        <v>14126</v>
      </c>
    </row>
    <row r="9" spans="2:299" s="70" customFormat="1" ht="21" customHeight="1" x14ac:dyDescent="0.2">
      <c r="B9" s="106" t="s">
        <v>6</v>
      </c>
      <c r="C9" s="96">
        <v>513</v>
      </c>
      <c r="D9" s="97">
        <v>398</v>
      </c>
      <c r="E9" s="98">
        <v>911</v>
      </c>
      <c r="F9" s="413">
        <v>0</v>
      </c>
      <c r="G9" s="97">
        <v>796</v>
      </c>
      <c r="H9" s="97">
        <v>611</v>
      </c>
      <c r="I9" s="97">
        <v>392</v>
      </c>
      <c r="J9" s="97">
        <v>306</v>
      </c>
      <c r="K9" s="97">
        <v>193</v>
      </c>
      <c r="L9" s="99">
        <v>2298</v>
      </c>
      <c r="M9" s="100">
        <v>3209</v>
      </c>
      <c r="N9" s="101">
        <v>11</v>
      </c>
      <c r="O9" s="102">
        <v>9</v>
      </c>
      <c r="P9" s="103">
        <v>20</v>
      </c>
      <c r="Q9" s="413">
        <v>0</v>
      </c>
      <c r="R9" s="102">
        <v>9</v>
      </c>
      <c r="S9" s="102">
        <v>9</v>
      </c>
      <c r="T9" s="102">
        <v>13</v>
      </c>
      <c r="U9" s="102">
        <v>4</v>
      </c>
      <c r="V9" s="102">
        <v>5</v>
      </c>
      <c r="W9" s="103">
        <v>40</v>
      </c>
      <c r="X9" s="104">
        <v>60</v>
      </c>
      <c r="Y9" s="101">
        <v>22</v>
      </c>
      <c r="Z9" s="102">
        <v>13</v>
      </c>
      <c r="AA9" s="103">
        <v>35</v>
      </c>
      <c r="AB9" s="413">
        <v>0</v>
      </c>
      <c r="AC9" s="102">
        <v>27</v>
      </c>
      <c r="AD9" s="102">
        <v>29</v>
      </c>
      <c r="AE9" s="102">
        <v>13</v>
      </c>
      <c r="AF9" s="102">
        <v>17</v>
      </c>
      <c r="AG9" s="102">
        <v>14</v>
      </c>
      <c r="AH9" s="103">
        <v>100</v>
      </c>
      <c r="AI9" s="104">
        <v>135</v>
      </c>
      <c r="AJ9" s="101">
        <v>52</v>
      </c>
      <c r="AK9" s="102">
        <v>39</v>
      </c>
      <c r="AL9" s="103">
        <v>91</v>
      </c>
      <c r="AM9" s="413">
        <v>0</v>
      </c>
      <c r="AN9" s="102">
        <v>63</v>
      </c>
      <c r="AO9" s="102">
        <v>50</v>
      </c>
      <c r="AP9" s="102">
        <v>19</v>
      </c>
      <c r="AQ9" s="102">
        <v>34</v>
      </c>
      <c r="AR9" s="102">
        <v>24</v>
      </c>
      <c r="AS9" s="103">
        <v>190</v>
      </c>
      <c r="AT9" s="104">
        <v>281</v>
      </c>
      <c r="AU9" s="101">
        <v>95</v>
      </c>
      <c r="AV9" s="102">
        <v>74</v>
      </c>
      <c r="AW9" s="103">
        <v>169</v>
      </c>
      <c r="AX9" s="413">
        <v>0</v>
      </c>
      <c r="AY9" s="102">
        <v>146</v>
      </c>
      <c r="AZ9" s="102">
        <v>111</v>
      </c>
      <c r="BA9" s="102">
        <v>61</v>
      </c>
      <c r="BB9" s="102">
        <v>38</v>
      </c>
      <c r="BC9" s="102">
        <v>31</v>
      </c>
      <c r="BD9" s="103">
        <v>387</v>
      </c>
      <c r="BE9" s="104">
        <v>556</v>
      </c>
      <c r="BF9" s="101">
        <v>176</v>
      </c>
      <c r="BG9" s="102">
        <v>134</v>
      </c>
      <c r="BH9" s="103">
        <v>310</v>
      </c>
      <c r="BI9" s="413">
        <v>0</v>
      </c>
      <c r="BJ9" s="102">
        <v>233</v>
      </c>
      <c r="BK9" s="102">
        <v>173</v>
      </c>
      <c r="BL9" s="102">
        <v>105</v>
      </c>
      <c r="BM9" s="102">
        <v>82</v>
      </c>
      <c r="BN9" s="102">
        <v>57</v>
      </c>
      <c r="BO9" s="103">
        <v>650</v>
      </c>
      <c r="BP9" s="104">
        <v>960</v>
      </c>
      <c r="BQ9" s="101">
        <v>157</v>
      </c>
      <c r="BR9" s="102">
        <v>129</v>
      </c>
      <c r="BS9" s="103">
        <v>286</v>
      </c>
      <c r="BT9" s="413">
        <v>0</v>
      </c>
      <c r="BU9" s="102">
        <v>318</v>
      </c>
      <c r="BV9" s="102">
        <v>239</v>
      </c>
      <c r="BW9" s="102">
        <v>181</v>
      </c>
      <c r="BX9" s="102">
        <v>131</v>
      </c>
      <c r="BY9" s="102">
        <v>62</v>
      </c>
      <c r="BZ9" s="103">
        <v>931</v>
      </c>
      <c r="CA9" s="104">
        <v>1217</v>
      </c>
      <c r="CB9" s="101">
        <v>0</v>
      </c>
      <c r="CC9" s="102">
        <v>0</v>
      </c>
      <c r="CD9" s="103">
        <v>0</v>
      </c>
      <c r="CE9" s="413">
        <v>0</v>
      </c>
      <c r="CF9" s="102">
        <v>0</v>
      </c>
      <c r="CG9" s="102">
        <v>0</v>
      </c>
      <c r="CH9" s="102">
        <v>0</v>
      </c>
      <c r="CI9" s="102">
        <v>0</v>
      </c>
      <c r="CJ9" s="102">
        <v>0</v>
      </c>
      <c r="CK9" s="103">
        <v>0</v>
      </c>
      <c r="CL9" s="104">
        <v>0</v>
      </c>
      <c r="CM9" s="101">
        <v>513</v>
      </c>
      <c r="CN9" s="102">
        <v>398</v>
      </c>
      <c r="CO9" s="103">
        <v>911</v>
      </c>
      <c r="CP9" s="413">
        <v>0</v>
      </c>
      <c r="CQ9" s="102">
        <v>796</v>
      </c>
      <c r="CR9" s="102">
        <v>611</v>
      </c>
      <c r="CS9" s="102">
        <v>392</v>
      </c>
      <c r="CT9" s="102">
        <v>306</v>
      </c>
      <c r="CU9" s="102">
        <v>193</v>
      </c>
      <c r="CV9" s="103">
        <v>2298</v>
      </c>
      <c r="CW9" s="104">
        <v>3209</v>
      </c>
      <c r="CX9" s="105">
        <v>107</v>
      </c>
      <c r="CY9" s="97">
        <v>112</v>
      </c>
      <c r="CZ9" s="98">
        <v>219</v>
      </c>
      <c r="DA9" s="413">
        <v>0</v>
      </c>
      <c r="DB9" s="97">
        <v>139</v>
      </c>
      <c r="DC9" s="97">
        <v>95</v>
      </c>
      <c r="DD9" s="97">
        <v>79</v>
      </c>
      <c r="DE9" s="97">
        <v>82</v>
      </c>
      <c r="DF9" s="97">
        <v>53</v>
      </c>
      <c r="DG9" s="99">
        <v>448</v>
      </c>
      <c r="DH9" s="100">
        <v>667</v>
      </c>
      <c r="DI9" s="101">
        <v>3</v>
      </c>
      <c r="DJ9" s="102">
        <v>4</v>
      </c>
      <c r="DK9" s="103">
        <v>7</v>
      </c>
      <c r="DL9" s="413">
        <v>0</v>
      </c>
      <c r="DM9" s="102">
        <v>1</v>
      </c>
      <c r="DN9" s="102">
        <v>2</v>
      </c>
      <c r="DO9" s="102">
        <v>2</v>
      </c>
      <c r="DP9" s="102">
        <v>3</v>
      </c>
      <c r="DQ9" s="102">
        <v>0</v>
      </c>
      <c r="DR9" s="103">
        <v>8</v>
      </c>
      <c r="DS9" s="104">
        <v>15</v>
      </c>
      <c r="DT9" s="101">
        <v>6</v>
      </c>
      <c r="DU9" s="102">
        <v>6</v>
      </c>
      <c r="DV9" s="103">
        <v>12</v>
      </c>
      <c r="DW9" s="413">
        <v>0</v>
      </c>
      <c r="DX9" s="102">
        <v>5</v>
      </c>
      <c r="DY9" s="102">
        <v>3</v>
      </c>
      <c r="DZ9" s="102">
        <v>1</v>
      </c>
      <c r="EA9" s="102">
        <v>3</v>
      </c>
      <c r="EB9" s="102">
        <v>0</v>
      </c>
      <c r="EC9" s="103">
        <v>12</v>
      </c>
      <c r="ED9" s="104">
        <v>24</v>
      </c>
      <c r="EE9" s="101">
        <v>14</v>
      </c>
      <c r="EF9" s="102">
        <v>14</v>
      </c>
      <c r="EG9" s="103">
        <v>28</v>
      </c>
      <c r="EH9" s="413">
        <v>0</v>
      </c>
      <c r="EI9" s="102">
        <v>10</v>
      </c>
      <c r="EJ9" s="102">
        <v>6</v>
      </c>
      <c r="EK9" s="102">
        <v>4</v>
      </c>
      <c r="EL9" s="102">
        <v>4</v>
      </c>
      <c r="EM9" s="102">
        <v>3</v>
      </c>
      <c r="EN9" s="103">
        <v>27</v>
      </c>
      <c r="EO9" s="104">
        <v>55</v>
      </c>
      <c r="EP9" s="101">
        <v>27</v>
      </c>
      <c r="EQ9" s="102">
        <v>31</v>
      </c>
      <c r="ER9" s="103">
        <v>58</v>
      </c>
      <c r="ES9" s="413">
        <v>0</v>
      </c>
      <c r="ET9" s="102">
        <v>25</v>
      </c>
      <c r="EU9" s="102">
        <v>13</v>
      </c>
      <c r="EV9" s="102">
        <v>10</v>
      </c>
      <c r="EW9" s="102">
        <v>8</v>
      </c>
      <c r="EX9" s="102">
        <v>5</v>
      </c>
      <c r="EY9" s="103">
        <v>61</v>
      </c>
      <c r="EZ9" s="104">
        <v>119</v>
      </c>
      <c r="FA9" s="101">
        <v>35</v>
      </c>
      <c r="FB9" s="102">
        <v>34</v>
      </c>
      <c r="FC9" s="103">
        <v>69</v>
      </c>
      <c r="FD9" s="413">
        <v>0</v>
      </c>
      <c r="FE9" s="102">
        <v>40</v>
      </c>
      <c r="FF9" s="102">
        <v>25</v>
      </c>
      <c r="FG9" s="102">
        <v>23</v>
      </c>
      <c r="FH9" s="102">
        <v>18</v>
      </c>
      <c r="FI9" s="102">
        <v>15</v>
      </c>
      <c r="FJ9" s="103">
        <v>121</v>
      </c>
      <c r="FK9" s="104">
        <v>190</v>
      </c>
      <c r="FL9" s="101">
        <v>22</v>
      </c>
      <c r="FM9" s="102">
        <v>23</v>
      </c>
      <c r="FN9" s="103">
        <v>45</v>
      </c>
      <c r="FO9" s="413">
        <v>0</v>
      </c>
      <c r="FP9" s="102">
        <v>58</v>
      </c>
      <c r="FQ9" s="102">
        <v>46</v>
      </c>
      <c r="FR9" s="102">
        <v>39</v>
      </c>
      <c r="FS9" s="102">
        <v>46</v>
      </c>
      <c r="FT9" s="102">
        <v>30</v>
      </c>
      <c r="FU9" s="103">
        <v>219</v>
      </c>
      <c r="FV9" s="104">
        <v>264</v>
      </c>
      <c r="FW9" s="101">
        <v>0</v>
      </c>
      <c r="FX9" s="102">
        <v>0</v>
      </c>
      <c r="FY9" s="103">
        <v>0</v>
      </c>
      <c r="FZ9" s="413">
        <v>0</v>
      </c>
      <c r="GA9" s="102">
        <v>0</v>
      </c>
      <c r="GB9" s="102">
        <v>0</v>
      </c>
      <c r="GC9" s="102">
        <v>0</v>
      </c>
      <c r="GD9" s="102">
        <v>0</v>
      </c>
      <c r="GE9" s="102">
        <v>0</v>
      </c>
      <c r="GF9" s="103">
        <v>0</v>
      </c>
      <c r="GG9" s="104">
        <v>0</v>
      </c>
      <c r="GH9" s="101">
        <v>107</v>
      </c>
      <c r="GI9" s="102">
        <v>112</v>
      </c>
      <c r="GJ9" s="103">
        <v>219</v>
      </c>
      <c r="GK9" s="413">
        <v>0</v>
      </c>
      <c r="GL9" s="102">
        <v>139</v>
      </c>
      <c r="GM9" s="102">
        <v>95</v>
      </c>
      <c r="GN9" s="102">
        <v>79</v>
      </c>
      <c r="GO9" s="102">
        <v>82</v>
      </c>
      <c r="GP9" s="102">
        <v>53</v>
      </c>
      <c r="GQ9" s="103">
        <v>448</v>
      </c>
      <c r="GR9" s="104">
        <v>667</v>
      </c>
      <c r="GS9" s="105">
        <v>620</v>
      </c>
      <c r="GT9" s="97">
        <v>510</v>
      </c>
      <c r="GU9" s="98">
        <v>1130</v>
      </c>
      <c r="GV9" s="413">
        <v>0</v>
      </c>
      <c r="GW9" s="97">
        <v>935</v>
      </c>
      <c r="GX9" s="97">
        <v>706</v>
      </c>
      <c r="GY9" s="97">
        <v>471</v>
      </c>
      <c r="GZ9" s="97">
        <v>388</v>
      </c>
      <c r="HA9" s="97">
        <v>246</v>
      </c>
      <c r="HB9" s="99">
        <v>2746</v>
      </c>
      <c r="HC9" s="100">
        <v>3876</v>
      </c>
      <c r="HD9" s="101">
        <v>14</v>
      </c>
      <c r="HE9" s="102">
        <v>13</v>
      </c>
      <c r="HF9" s="103">
        <v>27</v>
      </c>
      <c r="HG9" s="413">
        <v>0</v>
      </c>
      <c r="HH9" s="102">
        <v>10</v>
      </c>
      <c r="HI9" s="102">
        <v>11</v>
      </c>
      <c r="HJ9" s="102">
        <v>15</v>
      </c>
      <c r="HK9" s="102">
        <v>7</v>
      </c>
      <c r="HL9" s="102">
        <v>5</v>
      </c>
      <c r="HM9" s="103">
        <v>48</v>
      </c>
      <c r="HN9" s="104">
        <v>75</v>
      </c>
      <c r="HO9" s="101">
        <v>28</v>
      </c>
      <c r="HP9" s="102">
        <v>19</v>
      </c>
      <c r="HQ9" s="103">
        <v>47</v>
      </c>
      <c r="HR9" s="413">
        <v>0</v>
      </c>
      <c r="HS9" s="102">
        <v>32</v>
      </c>
      <c r="HT9" s="102">
        <v>32</v>
      </c>
      <c r="HU9" s="102">
        <v>14</v>
      </c>
      <c r="HV9" s="102">
        <v>20</v>
      </c>
      <c r="HW9" s="102">
        <v>14</v>
      </c>
      <c r="HX9" s="103">
        <v>112</v>
      </c>
      <c r="HY9" s="104">
        <v>159</v>
      </c>
      <c r="HZ9" s="101">
        <v>66</v>
      </c>
      <c r="IA9" s="102">
        <v>53</v>
      </c>
      <c r="IB9" s="103">
        <v>119</v>
      </c>
      <c r="IC9" s="413">
        <v>0</v>
      </c>
      <c r="ID9" s="102">
        <v>73</v>
      </c>
      <c r="IE9" s="102">
        <v>56</v>
      </c>
      <c r="IF9" s="102">
        <v>23</v>
      </c>
      <c r="IG9" s="102">
        <v>38</v>
      </c>
      <c r="IH9" s="102">
        <v>27</v>
      </c>
      <c r="II9" s="103">
        <v>217</v>
      </c>
      <c r="IJ9" s="104">
        <v>336</v>
      </c>
      <c r="IK9" s="101">
        <v>122</v>
      </c>
      <c r="IL9" s="102">
        <v>105</v>
      </c>
      <c r="IM9" s="103">
        <v>227</v>
      </c>
      <c r="IN9" s="413">
        <v>0</v>
      </c>
      <c r="IO9" s="102">
        <v>171</v>
      </c>
      <c r="IP9" s="102">
        <v>124</v>
      </c>
      <c r="IQ9" s="102">
        <v>71</v>
      </c>
      <c r="IR9" s="102">
        <v>46</v>
      </c>
      <c r="IS9" s="102">
        <v>36</v>
      </c>
      <c r="IT9" s="103">
        <v>448</v>
      </c>
      <c r="IU9" s="104">
        <v>675</v>
      </c>
      <c r="IV9" s="101">
        <v>211</v>
      </c>
      <c r="IW9" s="102">
        <v>168</v>
      </c>
      <c r="IX9" s="103">
        <v>379</v>
      </c>
      <c r="IY9" s="413">
        <v>0</v>
      </c>
      <c r="IZ9" s="102">
        <v>273</v>
      </c>
      <c r="JA9" s="102">
        <v>198</v>
      </c>
      <c r="JB9" s="102">
        <v>128</v>
      </c>
      <c r="JC9" s="102">
        <v>100</v>
      </c>
      <c r="JD9" s="102">
        <v>72</v>
      </c>
      <c r="JE9" s="103">
        <v>771</v>
      </c>
      <c r="JF9" s="104">
        <v>1150</v>
      </c>
      <c r="JG9" s="101">
        <v>179</v>
      </c>
      <c r="JH9" s="102">
        <v>152</v>
      </c>
      <c r="JI9" s="103">
        <v>331</v>
      </c>
      <c r="JJ9" s="413">
        <v>0</v>
      </c>
      <c r="JK9" s="102">
        <v>376</v>
      </c>
      <c r="JL9" s="102">
        <v>285</v>
      </c>
      <c r="JM9" s="102">
        <v>220</v>
      </c>
      <c r="JN9" s="102">
        <v>177</v>
      </c>
      <c r="JO9" s="102">
        <v>92</v>
      </c>
      <c r="JP9" s="103">
        <v>1150</v>
      </c>
      <c r="JQ9" s="104">
        <v>1481</v>
      </c>
      <c r="JR9" s="101">
        <v>0</v>
      </c>
      <c r="JS9" s="102">
        <v>0</v>
      </c>
      <c r="JT9" s="103">
        <v>0</v>
      </c>
      <c r="JU9" s="413">
        <v>0</v>
      </c>
      <c r="JV9" s="102">
        <v>0</v>
      </c>
      <c r="JW9" s="102">
        <v>0</v>
      </c>
      <c r="JX9" s="102">
        <v>0</v>
      </c>
      <c r="JY9" s="102">
        <v>0</v>
      </c>
      <c r="JZ9" s="102">
        <v>0</v>
      </c>
      <c r="KA9" s="103">
        <v>0</v>
      </c>
      <c r="KB9" s="104">
        <v>0</v>
      </c>
      <c r="KC9" s="101">
        <v>620</v>
      </c>
      <c r="KD9" s="102">
        <v>510</v>
      </c>
      <c r="KE9" s="103">
        <v>1130</v>
      </c>
      <c r="KF9" s="413">
        <v>0</v>
      </c>
      <c r="KG9" s="102">
        <v>935</v>
      </c>
      <c r="KH9" s="102">
        <v>706</v>
      </c>
      <c r="KI9" s="102">
        <v>471</v>
      </c>
      <c r="KJ9" s="102">
        <v>388</v>
      </c>
      <c r="KK9" s="102">
        <v>246</v>
      </c>
      <c r="KL9" s="103">
        <v>2746</v>
      </c>
      <c r="KM9" s="104">
        <v>3876</v>
      </c>
    </row>
    <row r="10" spans="2:299" s="70" customFormat="1" ht="21" customHeight="1" x14ac:dyDescent="0.2">
      <c r="B10" s="106" t="s">
        <v>14</v>
      </c>
      <c r="C10" s="96">
        <v>303</v>
      </c>
      <c r="D10" s="97">
        <v>346</v>
      </c>
      <c r="E10" s="98">
        <v>649</v>
      </c>
      <c r="F10" s="413">
        <v>0</v>
      </c>
      <c r="G10" s="97">
        <v>409</v>
      </c>
      <c r="H10" s="97">
        <v>429</v>
      </c>
      <c r="I10" s="97">
        <v>287</v>
      </c>
      <c r="J10" s="97">
        <v>234</v>
      </c>
      <c r="K10" s="97">
        <v>125</v>
      </c>
      <c r="L10" s="99">
        <v>1484</v>
      </c>
      <c r="M10" s="100">
        <v>2133</v>
      </c>
      <c r="N10" s="101">
        <v>5</v>
      </c>
      <c r="O10" s="102">
        <v>6</v>
      </c>
      <c r="P10" s="103">
        <v>11</v>
      </c>
      <c r="Q10" s="413">
        <v>0</v>
      </c>
      <c r="R10" s="102">
        <v>6</v>
      </c>
      <c r="S10" s="102">
        <v>9</v>
      </c>
      <c r="T10" s="102">
        <v>6</v>
      </c>
      <c r="U10" s="102">
        <v>7</v>
      </c>
      <c r="V10" s="102">
        <v>3</v>
      </c>
      <c r="W10" s="103">
        <v>31</v>
      </c>
      <c r="X10" s="104">
        <v>42</v>
      </c>
      <c r="Y10" s="101">
        <v>16</v>
      </c>
      <c r="Z10" s="102">
        <v>22</v>
      </c>
      <c r="AA10" s="103">
        <v>38</v>
      </c>
      <c r="AB10" s="413">
        <v>0</v>
      </c>
      <c r="AC10" s="102">
        <v>19</v>
      </c>
      <c r="AD10" s="102">
        <v>21</v>
      </c>
      <c r="AE10" s="102">
        <v>11</v>
      </c>
      <c r="AF10" s="102">
        <v>8</v>
      </c>
      <c r="AG10" s="102">
        <v>4</v>
      </c>
      <c r="AH10" s="103">
        <v>63</v>
      </c>
      <c r="AI10" s="104">
        <v>101</v>
      </c>
      <c r="AJ10" s="101">
        <v>23</v>
      </c>
      <c r="AK10" s="102">
        <v>31</v>
      </c>
      <c r="AL10" s="103">
        <v>54</v>
      </c>
      <c r="AM10" s="413">
        <v>0</v>
      </c>
      <c r="AN10" s="102">
        <v>39</v>
      </c>
      <c r="AO10" s="102">
        <v>33</v>
      </c>
      <c r="AP10" s="102">
        <v>22</v>
      </c>
      <c r="AQ10" s="102">
        <v>24</v>
      </c>
      <c r="AR10" s="102">
        <v>25</v>
      </c>
      <c r="AS10" s="103">
        <v>143</v>
      </c>
      <c r="AT10" s="104">
        <v>197</v>
      </c>
      <c r="AU10" s="101">
        <v>69</v>
      </c>
      <c r="AV10" s="102">
        <v>79</v>
      </c>
      <c r="AW10" s="103">
        <v>148</v>
      </c>
      <c r="AX10" s="413">
        <v>0</v>
      </c>
      <c r="AY10" s="102">
        <v>97</v>
      </c>
      <c r="AZ10" s="102">
        <v>85</v>
      </c>
      <c r="BA10" s="102">
        <v>51</v>
      </c>
      <c r="BB10" s="102">
        <v>45</v>
      </c>
      <c r="BC10" s="102">
        <v>20</v>
      </c>
      <c r="BD10" s="103">
        <v>298</v>
      </c>
      <c r="BE10" s="104">
        <v>446</v>
      </c>
      <c r="BF10" s="101">
        <v>99</v>
      </c>
      <c r="BG10" s="102">
        <v>108</v>
      </c>
      <c r="BH10" s="103">
        <v>207</v>
      </c>
      <c r="BI10" s="413">
        <v>0</v>
      </c>
      <c r="BJ10" s="102">
        <v>123</v>
      </c>
      <c r="BK10" s="102">
        <v>135</v>
      </c>
      <c r="BL10" s="102">
        <v>88</v>
      </c>
      <c r="BM10" s="102">
        <v>67</v>
      </c>
      <c r="BN10" s="102">
        <v>28</v>
      </c>
      <c r="BO10" s="103">
        <v>441</v>
      </c>
      <c r="BP10" s="104">
        <v>648</v>
      </c>
      <c r="BQ10" s="101">
        <v>91</v>
      </c>
      <c r="BR10" s="102">
        <v>100</v>
      </c>
      <c r="BS10" s="103">
        <v>191</v>
      </c>
      <c r="BT10" s="413">
        <v>0</v>
      </c>
      <c r="BU10" s="102">
        <v>125</v>
      </c>
      <c r="BV10" s="102">
        <v>146</v>
      </c>
      <c r="BW10" s="102">
        <v>109</v>
      </c>
      <c r="BX10" s="102">
        <v>83</v>
      </c>
      <c r="BY10" s="102">
        <v>45</v>
      </c>
      <c r="BZ10" s="103">
        <v>508</v>
      </c>
      <c r="CA10" s="104">
        <v>699</v>
      </c>
      <c r="CB10" s="101">
        <v>0</v>
      </c>
      <c r="CC10" s="102">
        <v>0</v>
      </c>
      <c r="CD10" s="103">
        <v>0</v>
      </c>
      <c r="CE10" s="413">
        <v>0</v>
      </c>
      <c r="CF10" s="102">
        <v>0</v>
      </c>
      <c r="CG10" s="102">
        <v>0</v>
      </c>
      <c r="CH10" s="102">
        <v>0</v>
      </c>
      <c r="CI10" s="102">
        <v>0</v>
      </c>
      <c r="CJ10" s="102">
        <v>0</v>
      </c>
      <c r="CK10" s="103">
        <v>0</v>
      </c>
      <c r="CL10" s="104">
        <v>0</v>
      </c>
      <c r="CM10" s="101">
        <v>303</v>
      </c>
      <c r="CN10" s="102">
        <v>346</v>
      </c>
      <c r="CO10" s="103">
        <v>649</v>
      </c>
      <c r="CP10" s="413">
        <v>0</v>
      </c>
      <c r="CQ10" s="102">
        <v>409</v>
      </c>
      <c r="CR10" s="102">
        <v>429</v>
      </c>
      <c r="CS10" s="102">
        <v>287</v>
      </c>
      <c r="CT10" s="102">
        <v>234</v>
      </c>
      <c r="CU10" s="102">
        <v>125</v>
      </c>
      <c r="CV10" s="103">
        <v>1484</v>
      </c>
      <c r="CW10" s="104">
        <v>2133</v>
      </c>
      <c r="CX10" s="105">
        <v>44</v>
      </c>
      <c r="CY10" s="97">
        <v>48</v>
      </c>
      <c r="CZ10" s="98">
        <v>92</v>
      </c>
      <c r="DA10" s="413">
        <v>0</v>
      </c>
      <c r="DB10" s="97">
        <v>51</v>
      </c>
      <c r="DC10" s="97">
        <v>57</v>
      </c>
      <c r="DD10" s="97">
        <v>37</v>
      </c>
      <c r="DE10" s="97">
        <v>36</v>
      </c>
      <c r="DF10" s="97">
        <v>19</v>
      </c>
      <c r="DG10" s="99">
        <v>200</v>
      </c>
      <c r="DH10" s="100">
        <v>292</v>
      </c>
      <c r="DI10" s="101">
        <v>0</v>
      </c>
      <c r="DJ10" s="102">
        <v>2</v>
      </c>
      <c r="DK10" s="103">
        <v>2</v>
      </c>
      <c r="DL10" s="413">
        <v>0</v>
      </c>
      <c r="DM10" s="102">
        <v>1</v>
      </c>
      <c r="DN10" s="102">
        <v>3</v>
      </c>
      <c r="DO10" s="102">
        <v>1</v>
      </c>
      <c r="DP10" s="102">
        <v>1</v>
      </c>
      <c r="DQ10" s="102">
        <v>2</v>
      </c>
      <c r="DR10" s="103">
        <v>8</v>
      </c>
      <c r="DS10" s="104">
        <v>10</v>
      </c>
      <c r="DT10" s="101">
        <v>5</v>
      </c>
      <c r="DU10" s="102">
        <v>3</v>
      </c>
      <c r="DV10" s="103">
        <v>8</v>
      </c>
      <c r="DW10" s="413">
        <v>0</v>
      </c>
      <c r="DX10" s="102">
        <v>1</v>
      </c>
      <c r="DY10" s="102">
        <v>0</v>
      </c>
      <c r="DZ10" s="102">
        <v>0</v>
      </c>
      <c r="EA10" s="102">
        <v>1</v>
      </c>
      <c r="EB10" s="102">
        <v>3</v>
      </c>
      <c r="EC10" s="103">
        <v>5</v>
      </c>
      <c r="ED10" s="104">
        <v>13</v>
      </c>
      <c r="EE10" s="101">
        <v>7</v>
      </c>
      <c r="EF10" s="102">
        <v>6</v>
      </c>
      <c r="EG10" s="103">
        <v>13</v>
      </c>
      <c r="EH10" s="413">
        <v>0</v>
      </c>
      <c r="EI10" s="102">
        <v>5</v>
      </c>
      <c r="EJ10" s="102">
        <v>6</v>
      </c>
      <c r="EK10" s="102">
        <v>3</v>
      </c>
      <c r="EL10" s="102">
        <v>2</v>
      </c>
      <c r="EM10" s="102">
        <v>2</v>
      </c>
      <c r="EN10" s="103">
        <v>18</v>
      </c>
      <c r="EO10" s="104">
        <v>31</v>
      </c>
      <c r="EP10" s="101">
        <v>13</v>
      </c>
      <c r="EQ10" s="102">
        <v>14</v>
      </c>
      <c r="ER10" s="103">
        <v>27</v>
      </c>
      <c r="ES10" s="413">
        <v>0</v>
      </c>
      <c r="ET10" s="102">
        <v>12</v>
      </c>
      <c r="EU10" s="102">
        <v>14</v>
      </c>
      <c r="EV10" s="102">
        <v>5</v>
      </c>
      <c r="EW10" s="102">
        <v>5</v>
      </c>
      <c r="EX10" s="102">
        <v>1</v>
      </c>
      <c r="EY10" s="103">
        <v>37</v>
      </c>
      <c r="EZ10" s="104">
        <v>64</v>
      </c>
      <c r="FA10" s="101">
        <v>11</v>
      </c>
      <c r="FB10" s="102">
        <v>16</v>
      </c>
      <c r="FC10" s="103">
        <v>27</v>
      </c>
      <c r="FD10" s="413">
        <v>0</v>
      </c>
      <c r="FE10" s="102">
        <v>17</v>
      </c>
      <c r="FF10" s="102">
        <v>11</v>
      </c>
      <c r="FG10" s="102">
        <v>11</v>
      </c>
      <c r="FH10" s="102">
        <v>6</v>
      </c>
      <c r="FI10" s="102">
        <v>4</v>
      </c>
      <c r="FJ10" s="103">
        <v>49</v>
      </c>
      <c r="FK10" s="104">
        <v>76</v>
      </c>
      <c r="FL10" s="101">
        <v>8</v>
      </c>
      <c r="FM10" s="102">
        <v>7</v>
      </c>
      <c r="FN10" s="103">
        <v>15</v>
      </c>
      <c r="FO10" s="413">
        <v>0</v>
      </c>
      <c r="FP10" s="102">
        <v>15</v>
      </c>
      <c r="FQ10" s="102">
        <v>23</v>
      </c>
      <c r="FR10" s="102">
        <v>17</v>
      </c>
      <c r="FS10" s="102">
        <v>21</v>
      </c>
      <c r="FT10" s="102">
        <v>7</v>
      </c>
      <c r="FU10" s="103">
        <v>83</v>
      </c>
      <c r="FV10" s="104">
        <v>98</v>
      </c>
      <c r="FW10" s="101">
        <v>0</v>
      </c>
      <c r="FX10" s="102">
        <v>0</v>
      </c>
      <c r="FY10" s="103">
        <v>0</v>
      </c>
      <c r="FZ10" s="413">
        <v>0</v>
      </c>
      <c r="GA10" s="102">
        <v>0</v>
      </c>
      <c r="GB10" s="102">
        <v>0</v>
      </c>
      <c r="GC10" s="102">
        <v>0</v>
      </c>
      <c r="GD10" s="102">
        <v>0</v>
      </c>
      <c r="GE10" s="102">
        <v>0</v>
      </c>
      <c r="GF10" s="103">
        <v>0</v>
      </c>
      <c r="GG10" s="104">
        <v>0</v>
      </c>
      <c r="GH10" s="101">
        <v>44</v>
      </c>
      <c r="GI10" s="102">
        <v>48</v>
      </c>
      <c r="GJ10" s="103">
        <v>92</v>
      </c>
      <c r="GK10" s="413">
        <v>0</v>
      </c>
      <c r="GL10" s="102">
        <v>51</v>
      </c>
      <c r="GM10" s="102">
        <v>57</v>
      </c>
      <c r="GN10" s="102">
        <v>37</v>
      </c>
      <c r="GO10" s="102">
        <v>36</v>
      </c>
      <c r="GP10" s="102">
        <v>19</v>
      </c>
      <c r="GQ10" s="103">
        <v>200</v>
      </c>
      <c r="GR10" s="104">
        <v>292</v>
      </c>
      <c r="GS10" s="105">
        <v>347</v>
      </c>
      <c r="GT10" s="97">
        <v>394</v>
      </c>
      <c r="GU10" s="98">
        <v>741</v>
      </c>
      <c r="GV10" s="413">
        <v>0</v>
      </c>
      <c r="GW10" s="97">
        <v>460</v>
      </c>
      <c r="GX10" s="97">
        <v>486</v>
      </c>
      <c r="GY10" s="97">
        <v>324</v>
      </c>
      <c r="GZ10" s="97">
        <v>270</v>
      </c>
      <c r="HA10" s="97">
        <v>144</v>
      </c>
      <c r="HB10" s="99">
        <v>1684</v>
      </c>
      <c r="HC10" s="100">
        <v>2425</v>
      </c>
      <c r="HD10" s="101">
        <v>5</v>
      </c>
      <c r="HE10" s="102">
        <v>8</v>
      </c>
      <c r="HF10" s="103">
        <v>13</v>
      </c>
      <c r="HG10" s="413">
        <v>0</v>
      </c>
      <c r="HH10" s="102">
        <v>7</v>
      </c>
      <c r="HI10" s="102">
        <v>12</v>
      </c>
      <c r="HJ10" s="102">
        <v>7</v>
      </c>
      <c r="HK10" s="102">
        <v>8</v>
      </c>
      <c r="HL10" s="102">
        <v>5</v>
      </c>
      <c r="HM10" s="103">
        <v>39</v>
      </c>
      <c r="HN10" s="104">
        <v>52</v>
      </c>
      <c r="HO10" s="101">
        <v>21</v>
      </c>
      <c r="HP10" s="102">
        <v>25</v>
      </c>
      <c r="HQ10" s="103">
        <v>46</v>
      </c>
      <c r="HR10" s="413">
        <v>0</v>
      </c>
      <c r="HS10" s="102">
        <v>20</v>
      </c>
      <c r="HT10" s="102">
        <v>21</v>
      </c>
      <c r="HU10" s="102">
        <v>11</v>
      </c>
      <c r="HV10" s="102">
        <v>9</v>
      </c>
      <c r="HW10" s="102">
        <v>7</v>
      </c>
      <c r="HX10" s="103">
        <v>68</v>
      </c>
      <c r="HY10" s="104">
        <v>114</v>
      </c>
      <c r="HZ10" s="101">
        <v>30</v>
      </c>
      <c r="IA10" s="102">
        <v>37</v>
      </c>
      <c r="IB10" s="103">
        <v>67</v>
      </c>
      <c r="IC10" s="413">
        <v>0</v>
      </c>
      <c r="ID10" s="102">
        <v>44</v>
      </c>
      <c r="IE10" s="102">
        <v>39</v>
      </c>
      <c r="IF10" s="102">
        <v>25</v>
      </c>
      <c r="IG10" s="102">
        <v>26</v>
      </c>
      <c r="IH10" s="102">
        <v>27</v>
      </c>
      <c r="II10" s="103">
        <v>161</v>
      </c>
      <c r="IJ10" s="104">
        <v>228</v>
      </c>
      <c r="IK10" s="101">
        <v>82</v>
      </c>
      <c r="IL10" s="102">
        <v>93</v>
      </c>
      <c r="IM10" s="103">
        <v>175</v>
      </c>
      <c r="IN10" s="413">
        <v>0</v>
      </c>
      <c r="IO10" s="102">
        <v>109</v>
      </c>
      <c r="IP10" s="102">
        <v>99</v>
      </c>
      <c r="IQ10" s="102">
        <v>56</v>
      </c>
      <c r="IR10" s="102">
        <v>50</v>
      </c>
      <c r="IS10" s="102">
        <v>21</v>
      </c>
      <c r="IT10" s="103">
        <v>335</v>
      </c>
      <c r="IU10" s="104">
        <v>510</v>
      </c>
      <c r="IV10" s="101">
        <v>110</v>
      </c>
      <c r="IW10" s="102">
        <v>124</v>
      </c>
      <c r="IX10" s="103">
        <v>234</v>
      </c>
      <c r="IY10" s="413">
        <v>0</v>
      </c>
      <c r="IZ10" s="102">
        <v>140</v>
      </c>
      <c r="JA10" s="102">
        <v>146</v>
      </c>
      <c r="JB10" s="102">
        <v>99</v>
      </c>
      <c r="JC10" s="102">
        <v>73</v>
      </c>
      <c r="JD10" s="102">
        <v>32</v>
      </c>
      <c r="JE10" s="103">
        <v>490</v>
      </c>
      <c r="JF10" s="104">
        <v>724</v>
      </c>
      <c r="JG10" s="101">
        <v>99</v>
      </c>
      <c r="JH10" s="102">
        <v>107</v>
      </c>
      <c r="JI10" s="103">
        <v>206</v>
      </c>
      <c r="JJ10" s="413">
        <v>0</v>
      </c>
      <c r="JK10" s="102">
        <v>140</v>
      </c>
      <c r="JL10" s="102">
        <v>169</v>
      </c>
      <c r="JM10" s="102">
        <v>126</v>
      </c>
      <c r="JN10" s="102">
        <v>104</v>
      </c>
      <c r="JO10" s="102">
        <v>52</v>
      </c>
      <c r="JP10" s="103">
        <v>591</v>
      </c>
      <c r="JQ10" s="104">
        <v>797</v>
      </c>
      <c r="JR10" s="101">
        <v>0</v>
      </c>
      <c r="JS10" s="102">
        <v>0</v>
      </c>
      <c r="JT10" s="103">
        <v>0</v>
      </c>
      <c r="JU10" s="413">
        <v>0</v>
      </c>
      <c r="JV10" s="102">
        <v>0</v>
      </c>
      <c r="JW10" s="102">
        <v>0</v>
      </c>
      <c r="JX10" s="102">
        <v>0</v>
      </c>
      <c r="JY10" s="102">
        <v>0</v>
      </c>
      <c r="JZ10" s="102">
        <v>0</v>
      </c>
      <c r="KA10" s="103">
        <v>0</v>
      </c>
      <c r="KB10" s="104">
        <v>0</v>
      </c>
      <c r="KC10" s="101">
        <v>347</v>
      </c>
      <c r="KD10" s="102">
        <v>394</v>
      </c>
      <c r="KE10" s="103">
        <v>741</v>
      </c>
      <c r="KF10" s="413">
        <v>0</v>
      </c>
      <c r="KG10" s="102">
        <v>460</v>
      </c>
      <c r="KH10" s="102">
        <v>486</v>
      </c>
      <c r="KI10" s="102">
        <v>324</v>
      </c>
      <c r="KJ10" s="102">
        <v>270</v>
      </c>
      <c r="KK10" s="102">
        <v>144</v>
      </c>
      <c r="KL10" s="103">
        <v>1684</v>
      </c>
      <c r="KM10" s="104">
        <v>2425</v>
      </c>
    </row>
    <row r="11" spans="2:299" s="70" customFormat="1" ht="21" customHeight="1" x14ac:dyDescent="0.2">
      <c r="B11" s="106" t="s">
        <v>7</v>
      </c>
      <c r="C11" s="96">
        <v>253</v>
      </c>
      <c r="D11" s="97">
        <v>197</v>
      </c>
      <c r="E11" s="98">
        <v>450</v>
      </c>
      <c r="F11" s="413">
        <v>0</v>
      </c>
      <c r="G11" s="97">
        <v>516</v>
      </c>
      <c r="H11" s="97">
        <v>304</v>
      </c>
      <c r="I11" s="97">
        <v>181</v>
      </c>
      <c r="J11" s="97">
        <v>169</v>
      </c>
      <c r="K11" s="97">
        <v>77</v>
      </c>
      <c r="L11" s="99">
        <v>1247</v>
      </c>
      <c r="M11" s="100">
        <v>1697</v>
      </c>
      <c r="N11" s="101">
        <v>3</v>
      </c>
      <c r="O11" s="102">
        <v>3</v>
      </c>
      <c r="P11" s="103">
        <v>6</v>
      </c>
      <c r="Q11" s="413">
        <v>0</v>
      </c>
      <c r="R11" s="102">
        <v>5</v>
      </c>
      <c r="S11" s="102">
        <v>2</v>
      </c>
      <c r="T11" s="102">
        <v>1</v>
      </c>
      <c r="U11" s="102">
        <v>6</v>
      </c>
      <c r="V11" s="102">
        <v>1</v>
      </c>
      <c r="W11" s="103">
        <v>15</v>
      </c>
      <c r="X11" s="104">
        <v>21</v>
      </c>
      <c r="Y11" s="101">
        <v>6</v>
      </c>
      <c r="Z11" s="102">
        <v>8</v>
      </c>
      <c r="AA11" s="103">
        <v>14</v>
      </c>
      <c r="AB11" s="413">
        <v>0</v>
      </c>
      <c r="AC11" s="102">
        <v>17</v>
      </c>
      <c r="AD11" s="102">
        <v>9</v>
      </c>
      <c r="AE11" s="102">
        <v>3</v>
      </c>
      <c r="AF11" s="102">
        <v>8</v>
      </c>
      <c r="AG11" s="102">
        <v>6</v>
      </c>
      <c r="AH11" s="103">
        <v>43</v>
      </c>
      <c r="AI11" s="104">
        <v>57</v>
      </c>
      <c r="AJ11" s="101">
        <v>19</v>
      </c>
      <c r="AK11" s="102">
        <v>10</v>
      </c>
      <c r="AL11" s="103">
        <v>29</v>
      </c>
      <c r="AM11" s="413">
        <v>0</v>
      </c>
      <c r="AN11" s="102">
        <v>38</v>
      </c>
      <c r="AO11" s="102">
        <v>25</v>
      </c>
      <c r="AP11" s="102">
        <v>9</v>
      </c>
      <c r="AQ11" s="102">
        <v>12</v>
      </c>
      <c r="AR11" s="102">
        <v>9</v>
      </c>
      <c r="AS11" s="103">
        <v>93</v>
      </c>
      <c r="AT11" s="104">
        <v>122</v>
      </c>
      <c r="AU11" s="101">
        <v>44</v>
      </c>
      <c r="AV11" s="102">
        <v>37</v>
      </c>
      <c r="AW11" s="103">
        <v>81</v>
      </c>
      <c r="AX11" s="413">
        <v>0</v>
      </c>
      <c r="AY11" s="102">
        <v>112</v>
      </c>
      <c r="AZ11" s="102">
        <v>53</v>
      </c>
      <c r="BA11" s="102">
        <v>30</v>
      </c>
      <c r="BB11" s="102">
        <v>30</v>
      </c>
      <c r="BC11" s="102">
        <v>16</v>
      </c>
      <c r="BD11" s="103">
        <v>241</v>
      </c>
      <c r="BE11" s="104">
        <v>322</v>
      </c>
      <c r="BF11" s="101">
        <v>89</v>
      </c>
      <c r="BG11" s="102">
        <v>75</v>
      </c>
      <c r="BH11" s="103">
        <v>164</v>
      </c>
      <c r="BI11" s="413">
        <v>0</v>
      </c>
      <c r="BJ11" s="102">
        <v>168</v>
      </c>
      <c r="BK11" s="102">
        <v>83</v>
      </c>
      <c r="BL11" s="102">
        <v>62</v>
      </c>
      <c r="BM11" s="102">
        <v>47</v>
      </c>
      <c r="BN11" s="102">
        <v>21</v>
      </c>
      <c r="BO11" s="103">
        <v>381</v>
      </c>
      <c r="BP11" s="104">
        <v>545</v>
      </c>
      <c r="BQ11" s="101">
        <v>92</v>
      </c>
      <c r="BR11" s="102">
        <v>64</v>
      </c>
      <c r="BS11" s="103">
        <v>156</v>
      </c>
      <c r="BT11" s="413">
        <v>0</v>
      </c>
      <c r="BU11" s="102">
        <v>176</v>
      </c>
      <c r="BV11" s="102">
        <v>132</v>
      </c>
      <c r="BW11" s="102">
        <v>76</v>
      </c>
      <c r="BX11" s="102">
        <v>66</v>
      </c>
      <c r="BY11" s="102">
        <v>24</v>
      </c>
      <c r="BZ11" s="103">
        <v>474</v>
      </c>
      <c r="CA11" s="104">
        <v>630</v>
      </c>
      <c r="CB11" s="101">
        <v>0</v>
      </c>
      <c r="CC11" s="102">
        <v>0</v>
      </c>
      <c r="CD11" s="103">
        <v>0</v>
      </c>
      <c r="CE11" s="413">
        <v>0</v>
      </c>
      <c r="CF11" s="102">
        <v>0</v>
      </c>
      <c r="CG11" s="102">
        <v>0</v>
      </c>
      <c r="CH11" s="102">
        <v>0</v>
      </c>
      <c r="CI11" s="102">
        <v>0</v>
      </c>
      <c r="CJ11" s="102">
        <v>0</v>
      </c>
      <c r="CK11" s="103">
        <v>0</v>
      </c>
      <c r="CL11" s="104">
        <v>0</v>
      </c>
      <c r="CM11" s="101">
        <v>253</v>
      </c>
      <c r="CN11" s="102">
        <v>197</v>
      </c>
      <c r="CO11" s="103">
        <v>450</v>
      </c>
      <c r="CP11" s="413">
        <v>0</v>
      </c>
      <c r="CQ11" s="102">
        <v>516</v>
      </c>
      <c r="CR11" s="102">
        <v>304</v>
      </c>
      <c r="CS11" s="102">
        <v>181</v>
      </c>
      <c r="CT11" s="102">
        <v>169</v>
      </c>
      <c r="CU11" s="102">
        <v>77</v>
      </c>
      <c r="CV11" s="103">
        <v>1247</v>
      </c>
      <c r="CW11" s="104">
        <v>1697</v>
      </c>
      <c r="CX11" s="105">
        <v>36</v>
      </c>
      <c r="CY11" s="97">
        <v>36</v>
      </c>
      <c r="CZ11" s="98">
        <v>72</v>
      </c>
      <c r="DA11" s="413">
        <v>0</v>
      </c>
      <c r="DB11" s="97">
        <v>72</v>
      </c>
      <c r="DC11" s="97">
        <v>39</v>
      </c>
      <c r="DD11" s="97">
        <v>35</v>
      </c>
      <c r="DE11" s="97">
        <v>24</v>
      </c>
      <c r="DF11" s="97">
        <v>15</v>
      </c>
      <c r="DG11" s="99">
        <v>185</v>
      </c>
      <c r="DH11" s="100">
        <v>257</v>
      </c>
      <c r="DI11" s="101">
        <v>2</v>
      </c>
      <c r="DJ11" s="102">
        <v>2</v>
      </c>
      <c r="DK11" s="103">
        <v>4</v>
      </c>
      <c r="DL11" s="413">
        <v>0</v>
      </c>
      <c r="DM11" s="102">
        <v>3</v>
      </c>
      <c r="DN11" s="102">
        <v>1</v>
      </c>
      <c r="DO11" s="102">
        <v>0</v>
      </c>
      <c r="DP11" s="102">
        <v>0</v>
      </c>
      <c r="DQ11" s="102">
        <v>0</v>
      </c>
      <c r="DR11" s="103">
        <v>4</v>
      </c>
      <c r="DS11" s="104">
        <v>8</v>
      </c>
      <c r="DT11" s="101">
        <v>3</v>
      </c>
      <c r="DU11" s="102">
        <v>1</v>
      </c>
      <c r="DV11" s="103">
        <v>4</v>
      </c>
      <c r="DW11" s="413">
        <v>0</v>
      </c>
      <c r="DX11" s="102">
        <v>3</v>
      </c>
      <c r="DY11" s="102">
        <v>0</v>
      </c>
      <c r="DZ11" s="102">
        <v>0</v>
      </c>
      <c r="EA11" s="102">
        <v>1</v>
      </c>
      <c r="EB11" s="102">
        <v>1</v>
      </c>
      <c r="EC11" s="103">
        <v>5</v>
      </c>
      <c r="ED11" s="104">
        <v>9</v>
      </c>
      <c r="EE11" s="101">
        <v>4</v>
      </c>
      <c r="EF11" s="102">
        <v>3</v>
      </c>
      <c r="EG11" s="103">
        <v>7</v>
      </c>
      <c r="EH11" s="413">
        <v>0</v>
      </c>
      <c r="EI11" s="102">
        <v>4</v>
      </c>
      <c r="EJ11" s="102">
        <v>1</v>
      </c>
      <c r="EK11" s="102">
        <v>4</v>
      </c>
      <c r="EL11" s="102">
        <v>2</v>
      </c>
      <c r="EM11" s="102">
        <v>3</v>
      </c>
      <c r="EN11" s="103">
        <v>14</v>
      </c>
      <c r="EO11" s="104">
        <v>21</v>
      </c>
      <c r="EP11" s="101">
        <v>9</v>
      </c>
      <c r="EQ11" s="102">
        <v>8</v>
      </c>
      <c r="ER11" s="103">
        <v>17</v>
      </c>
      <c r="ES11" s="413">
        <v>0</v>
      </c>
      <c r="ET11" s="102">
        <v>11</v>
      </c>
      <c r="EU11" s="102">
        <v>7</v>
      </c>
      <c r="EV11" s="102">
        <v>4</v>
      </c>
      <c r="EW11" s="102">
        <v>3</v>
      </c>
      <c r="EX11" s="102">
        <v>1</v>
      </c>
      <c r="EY11" s="103">
        <v>26</v>
      </c>
      <c r="EZ11" s="104">
        <v>43</v>
      </c>
      <c r="FA11" s="101">
        <v>10</v>
      </c>
      <c r="FB11" s="102">
        <v>14</v>
      </c>
      <c r="FC11" s="103">
        <v>24</v>
      </c>
      <c r="FD11" s="413">
        <v>0</v>
      </c>
      <c r="FE11" s="102">
        <v>22</v>
      </c>
      <c r="FF11" s="102">
        <v>10</v>
      </c>
      <c r="FG11" s="102">
        <v>7</v>
      </c>
      <c r="FH11" s="102">
        <v>3</v>
      </c>
      <c r="FI11" s="102">
        <v>7</v>
      </c>
      <c r="FJ11" s="103">
        <v>49</v>
      </c>
      <c r="FK11" s="104">
        <v>73</v>
      </c>
      <c r="FL11" s="101">
        <v>8</v>
      </c>
      <c r="FM11" s="102">
        <v>8</v>
      </c>
      <c r="FN11" s="103">
        <v>16</v>
      </c>
      <c r="FO11" s="413">
        <v>0</v>
      </c>
      <c r="FP11" s="102">
        <v>29</v>
      </c>
      <c r="FQ11" s="102">
        <v>20</v>
      </c>
      <c r="FR11" s="102">
        <v>20</v>
      </c>
      <c r="FS11" s="102">
        <v>15</v>
      </c>
      <c r="FT11" s="102">
        <v>3</v>
      </c>
      <c r="FU11" s="103">
        <v>87</v>
      </c>
      <c r="FV11" s="104">
        <v>103</v>
      </c>
      <c r="FW11" s="101">
        <v>0</v>
      </c>
      <c r="FX11" s="102">
        <v>0</v>
      </c>
      <c r="FY11" s="103">
        <v>0</v>
      </c>
      <c r="FZ11" s="413">
        <v>0</v>
      </c>
      <c r="GA11" s="102">
        <v>0</v>
      </c>
      <c r="GB11" s="102">
        <v>0</v>
      </c>
      <c r="GC11" s="102">
        <v>0</v>
      </c>
      <c r="GD11" s="102">
        <v>0</v>
      </c>
      <c r="GE11" s="102">
        <v>0</v>
      </c>
      <c r="GF11" s="103">
        <v>0</v>
      </c>
      <c r="GG11" s="104">
        <v>0</v>
      </c>
      <c r="GH11" s="101">
        <v>36</v>
      </c>
      <c r="GI11" s="102">
        <v>36</v>
      </c>
      <c r="GJ11" s="103">
        <v>72</v>
      </c>
      <c r="GK11" s="413">
        <v>0</v>
      </c>
      <c r="GL11" s="102">
        <v>72</v>
      </c>
      <c r="GM11" s="102">
        <v>39</v>
      </c>
      <c r="GN11" s="102">
        <v>35</v>
      </c>
      <c r="GO11" s="102">
        <v>24</v>
      </c>
      <c r="GP11" s="102">
        <v>15</v>
      </c>
      <c r="GQ11" s="103">
        <v>185</v>
      </c>
      <c r="GR11" s="104">
        <v>257</v>
      </c>
      <c r="GS11" s="105">
        <v>289</v>
      </c>
      <c r="GT11" s="97">
        <v>233</v>
      </c>
      <c r="GU11" s="98">
        <v>522</v>
      </c>
      <c r="GV11" s="413">
        <v>0</v>
      </c>
      <c r="GW11" s="97">
        <v>588</v>
      </c>
      <c r="GX11" s="97">
        <v>343</v>
      </c>
      <c r="GY11" s="97">
        <v>216</v>
      </c>
      <c r="GZ11" s="97">
        <v>193</v>
      </c>
      <c r="HA11" s="97">
        <v>92</v>
      </c>
      <c r="HB11" s="99">
        <v>1432</v>
      </c>
      <c r="HC11" s="100">
        <v>1954</v>
      </c>
      <c r="HD11" s="101">
        <v>5</v>
      </c>
      <c r="HE11" s="102">
        <v>5</v>
      </c>
      <c r="HF11" s="103">
        <v>10</v>
      </c>
      <c r="HG11" s="413">
        <v>0</v>
      </c>
      <c r="HH11" s="102">
        <v>8</v>
      </c>
      <c r="HI11" s="102">
        <v>3</v>
      </c>
      <c r="HJ11" s="102">
        <v>1</v>
      </c>
      <c r="HK11" s="102">
        <v>6</v>
      </c>
      <c r="HL11" s="102">
        <v>1</v>
      </c>
      <c r="HM11" s="103">
        <v>19</v>
      </c>
      <c r="HN11" s="104">
        <v>29</v>
      </c>
      <c r="HO11" s="101">
        <v>9</v>
      </c>
      <c r="HP11" s="102">
        <v>9</v>
      </c>
      <c r="HQ11" s="103">
        <v>18</v>
      </c>
      <c r="HR11" s="413">
        <v>0</v>
      </c>
      <c r="HS11" s="102">
        <v>20</v>
      </c>
      <c r="HT11" s="102">
        <v>9</v>
      </c>
      <c r="HU11" s="102">
        <v>3</v>
      </c>
      <c r="HV11" s="102">
        <v>9</v>
      </c>
      <c r="HW11" s="102">
        <v>7</v>
      </c>
      <c r="HX11" s="103">
        <v>48</v>
      </c>
      <c r="HY11" s="104">
        <v>66</v>
      </c>
      <c r="HZ11" s="101">
        <v>23</v>
      </c>
      <c r="IA11" s="102">
        <v>13</v>
      </c>
      <c r="IB11" s="103">
        <v>36</v>
      </c>
      <c r="IC11" s="413">
        <v>0</v>
      </c>
      <c r="ID11" s="102">
        <v>42</v>
      </c>
      <c r="IE11" s="102">
        <v>26</v>
      </c>
      <c r="IF11" s="102">
        <v>13</v>
      </c>
      <c r="IG11" s="102">
        <v>14</v>
      </c>
      <c r="IH11" s="102">
        <v>12</v>
      </c>
      <c r="II11" s="103">
        <v>107</v>
      </c>
      <c r="IJ11" s="104">
        <v>143</v>
      </c>
      <c r="IK11" s="101">
        <v>53</v>
      </c>
      <c r="IL11" s="102">
        <v>45</v>
      </c>
      <c r="IM11" s="103">
        <v>98</v>
      </c>
      <c r="IN11" s="413">
        <v>0</v>
      </c>
      <c r="IO11" s="102">
        <v>123</v>
      </c>
      <c r="IP11" s="102">
        <v>60</v>
      </c>
      <c r="IQ11" s="102">
        <v>34</v>
      </c>
      <c r="IR11" s="102">
        <v>33</v>
      </c>
      <c r="IS11" s="102">
        <v>17</v>
      </c>
      <c r="IT11" s="103">
        <v>267</v>
      </c>
      <c r="IU11" s="104">
        <v>365</v>
      </c>
      <c r="IV11" s="101">
        <v>99</v>
      </c>
      <c r="IW11" s="102">
        <v>89</v>
      </c>
      <c r="IX11" s="103">
        <v>188</v>
      </c>
      <c r="IY11" s="413">
        <v>0</v>
      </c>
      <c r="IZ11" s="102">
        <v>190</v>
      </c>
      <c r="JA11" s="102">
        <v>93</v>
      </c>
      <c r="JB11" s="102">
        <v>69</v>
      </c>
      <c r="JC11" s="102">
        <v>50</v>
      </c>
      <c r="JD11" s="102">
        <v>28</v>
      </c>
      <c r="JE11" s="103">
        <v>430</v>
      </c>
      <c r="JF11" s="104">
        <v>618</v>
      </c>
      <c r="JG11" s="101">
        <v>100</v>
      </c>
      <c r="JH11" s="102">
        <v>72</v>
      </c>
      <c r="JI11" s="103">
        <v>172</v>
      </c>
      <c r="JJ11" s="413">
        <v>0</v>
      </c>
      <c r="JK11" s="102">
        <v>205</v>
      </c>
      <c r="JL11" s="102">
        <v>152</v>
      </c>
      <c r="JM11" s="102">
        <v>96</v>
      </c>
      <c r="JN11" s="102">
        <v>81</v>
      </c>
      <c r="JO11" s="102">
        <v>27</v>
      </c>
      <c r="JP11" s="103">
        <v>561</v>
      </c>
      <c r="JQ11" s="104">
        <v>733</v>
      </c>
      <c r="JR11" s="101">
        <v>0</v>
      </c>
      <c r="JS11" s="102">
        <v>0</v>
      </c>
      <c r="JT11" s="103">
        <v>0</v>
      </c>
      <c r="JU11" s="413">
        <v>0</v>
      </c>
      <c r="JV11" s="102">
        <v>0</v>
      </c>
      <c r="JW11" s="102">
        <v>0</v>
      </c>
      <c r="JX11" s="102">
        <v>0</v>
      </c>
      <c r="JY11" s="102">
        <v>0</v>
      </c>
      <c r="JZ11" s="102">
        <v>0</v>
      </c>
      <c r="KA11" s="103">
        <v>0</v>
      </c>
      <c r="KB11" s="104">
        <v>0</v>
      </c>
      <c r="KC11" s="101">
        <v>289</v>
      </c>
      <c r="KD11" s="102">
        <v>233</v>
      </c>
      <c r="KE11" s="103">
        <v>522</v>
      </c>
      <c r="KF11" s="413">
        <v>0</v>
      </c>
      <c r="KG11" s="102">
        <v>588</v>
      </c>
      <c r="KH11" s="102">
        <v>343</v>
      </c>
      <c r="KI11" s="102">
        <v>216</v>
      </c>
      <c r="KJ11" s="102">
        <v>193</v>
      </c>
      <c r="KK11" s="102">
        <v>92</v>
      </c>
      <c r="KL11" s="103">
        <v>1432</v>
      </c>
      <c r="KM11" s="104">
        <v>1954</v>
      </c>
    </row>
    <row r="12" spans="2:299" s="70" customFormat="1" ht="21" customHeight="1" x14ac:dyDescent="0.2">
      <c r="B12" s="106" t="s">
        <v>8</v>
      </c>
      <c r="C12" s="96">
        <v>95</v>
      </c>
      <c r="D12" s="97">
        <v>62</v>
      </c>
      <c r="E12" s="98">
        <v>157</v>
      </c>
      <c r="F12" s="413">
        <v>0</v>
      </c>
      <c r="G12" s="97">
        <v>163</v>
      </c>
      <c r="H12" s="97">
        <v>130</v>
      </c>
      <c r="I12" s="97">
        <v>85</v>
      </c>
      <c r="J12" s="97">
        <v>63</v>
      </c>
      <c r="K12" s="97">
        <v>28</v>
      </c>
      <c r="L12" s="99">
        <v>469</v>
      </c>
      <c r="M12" s="100">
        <v>626</v>
      </c>
      <c r="N12" s="101">
        <v>4</v>
      </c>
      <c r="O12" s="102">
        <v>1</v>
      </c>
      <c r="P12" s="103">
        <v>5</v>
      </c>
      <c r="Q12" s="413">
        <v>0</v>
      </c>
      <c r="R12" s="102">
        <v>2</v>
      </c>
      <c r="S12" s="102">
        <v>3</v>
      </c>
      <c r="T12" s="102">
        <v>3</v>
      </c>
      <c r="U12" s="102">
        <v>2</v>
      </c>
      <c r="V12" s="102">
        <v>0</v>
      </c>
      <c r="W12" s="103">
        <v>10</v>
      </c>
      <c r="X12" s="104">
        <v>15</v>
      </c>
      <c r="Y12" s="101">
        <v>0</v>
      </c>
      <c r="Z12" s="102">
        <v>3</v>
      </c>
      <c r="AA12" s="103">
        <v>3</v>
      </c>
      <c r="AB12" s="413">
        <v>0</v>
      </c>
      <c r="AC12" s="102">
        <v>4</v>
      </c>
      <c r="AD12" s="102">
        <v>10</v>
      </c>
      <c r="AE12" s="102">
        <v>3</v>
      </c>
      <c r="AF12" s="102">
        <v>7</v>
      </c>
      <c r="AG12" s="102">
        <v>2</v>
      </c>
      <c r="AH12" s="103">
        <v>26</v>
      </c>
      <c r="AI12" s="104">
        <v>29</v>
      </c>
      <c r="AJ12" s="101">
        <v>7</v>
      </c>
      <c r="AK12" s="102">
        <v>6</v>
      </c>
      <c r="AL12" s="103">
        <v>13</v>
      </c>
      <c r="AM12" s="413">
        <v>0</v>
      </c>
      <c r="AN12" s="102">
        <v>20</v>
      </c>
      <c r="AO12" s="102">
        <v>13</v>
      </c>
      <c r="AP12" s="102">
        <v>7</v>
      </c>
      <c r="AQ12" s="102">
        <v>10</v>
      </c>
      <c r="AR12" s="102">
        <v>2</v>
      </c>
      <c r="AS12" s="103">
        <v>52</v>
      </c>
      <c r="AT12" s="104">
        <v>65</v>
      </c>
      <c r="AU12" s="101">
        <v>15</v>
      </c>
      <c r="AV12" s="102">
        <v>12</v>
      </c>
      <c r="AW12" s="103">
        <v>27</v>
      </c>
      <c r="AX12" s="413">
        <v>0</v>
      </c>
      <c r="AY12" s="102">
        <v>36</v>
      </c>
      <c r="AZ12" s="102">
        <v>27</v>
      </c>
      <c r="BA12" s="102">
        <v>15</v>
      </c>
      <c r="BB12" s="102">
        <v>10</v>
      </c>
      <c r="BC12" s="102">
        <v>7</v>
      </c>
      <c r="BD12" s="103">
        <v>95</v>
      </c>
      <c r="BE12" s="104">
        <v>122</v>
      </c>
      <c r="BF12" s="101">
        <v>38</v>
      </c>
      <c r="BG12" s="102">
        <v>20</v>
      </c>
      <c r="BH12" s="103">
        <v>58</v>
      </c>
      <c r="BI12" s="413">
        <v>0</v>
      </c>
      <c r="BJ12" s="102">
        <v>45</v>
      </c>
      <c r="BK12" s="102">
        <v>31</v>
      </c>
      <c r="BL12" s="102">
        <v>23</v>
      </c>
      <c r="BM12" s="102">
        <v>13</v>
      </c>
      <c r="BN12" s="102">
        <v>5</v>
      </c>
      <c r="BO12" s="103">
        <v>117</v>
      </c>
      <c r="BP12" s="104">
        <v>175</v>
      </c>
      <c r="BQ12" s="101">
        <v>31</v>
      </c>
      <c r="BR12" s="102">
        <v>20</v>
      </c>
      <c r="BS12" s="103">
        <v>51</v>
      </c>
      <c r="BT12" s="413">
        <v>0</v>
      </c>
      <c r="BU12" s="102">
        <v>56</v>
      </c>
      <c r="BV12" s="102">
        <v>46</v>
      </c>
      <c r="BW12" s="102">
        <v>34</v>
      </c>
      <c r="BX12" s="102">
        <v>21</v>
      </c>
      <c r="BY12" s="102">
        <v>12</v>
      </c>
      <c r="BZ12" s="103">
        <v>169</v>
      </c>
      <c r="CA12" s="104">
        <v>220</v>
      </c>
      <c r="CB12" s="101">
        <v>0</v>
      </c>
      <c r="CC12" s="102">
        <v>0</v>
      </c>
      <c r="CD12" s="103">
        <v>0</v>
      </c>
      <c r="CE12" s="413">
        <v>0</v>
      </c>
      <c r="CF12" s="102">
        <v>0</v>
      </c>
      <c r="CG12" s="102">
        <v>0</v>
      </c>
      <c r="CH12" s="102">
        <v>0</v>
      </c>
      <c r="CI12" s="102">
        <v>0</v>
      </c>
      <c r="CJ12" s="102">
        <v>0</v>
      </c>
      <c r="CK12" s="103">
        <v>0</v>
      </c>
      <c r="CL12" s="104">
        <v>0</v>
      </c>
      <c r="CM12" s="101">
        <v>95</v>
      </c>
      <c r="CN12" s="102">
        <v>62</v>
      </c>
      <c r="CO12" s="103">
        <v>157</v>
      </c>
      <c r="CP12" s="413">
        <v>0</v>
      </c>
      <c r="CQ12" s="102">
        <v>163</v>
      </c>
      <c r="CR12" s="102">
        <v>130</v>
      </c>
      <c r="CS12" s="102">
        <v>85</v>
      </c>
      <c r="CT12" s="102">
        <v>63</v>
      </c>
      <c r="CU12" s="102">
        <v>28</v>
      </c>
      <c r="CV12" s="103">
        <v>469</v>
      </c>
      <c r="CW12" s="104">
        <v>626</v>
      </c>
      <c r="CX12" s="105">
        <v>10</v>
      </c>
      <c r="CY12" s="97">
        <v>9</v>
      </c>
      <c r="CZ12" s="98">
        <v>19</v>
      </c>
      <c r="DA12" s="413">
        <v>0</v>
      </c>
      <c r="DB12" s="97">
        <v>23</v>
      </c>
      <c r="DC12" s="97">
        <v>29</v>
      </c>
      <c r="DD12" s="97">
        <v>17</v>
      </c>
      <c r="DE12" s="97">
        <v>13</v>
      </c>
      <c r="DF12" s="97">
        <v>5</v>
      </c>
      <c r="DG12" s="99">
        <v>87</v>
      </c>
      <c r="DH12" s="100">
        <v>106</v>
      </c>
      <c r="DI12" s="101">
        <v>1</v>
      </c>
      <c r="DJ12" s="102">
        <v>0</v>
      </c>
      <c r="DK12" s="103">
        <v>1</v>
      </c>
      <c r="DL12" s="413">
        <v>0</v>
      </c>
      <c r="DM12" s="102">
        <v>0</v>
      </c>
      <c r="DN12" s="102">
        <v>1</v>
      </c>
      <c r="DO12" s="102">
        <v>0</v>
      </c>
      <c r="DP12" s="102">
        <v>0</v>
      </c>
      <c r="DQ12" s="102">
        <v>0</v>
      </c>
      <c r="DR12" s="103">
        <v>1</v>
      </c>
      <c r="DS12" s="104">
        <v>2</v>
      </c>
      <c r="DT12" s="101">
        <v>3</v>
      </c>
      <c r="DU12" s="102">
        <v>0</v>
      </c>
      <c r="DV12" s="103">
        <v>3</v>
      </c>
      <c r="DW12" s="413">
        <v>0</v>
      </c>
      <c r="DX12" s="102">
        <v>0</v>
      </c>
      <c r="DY12" s="102">
        <v>0</v>
      </c>
      <c r="DZ12" s="102">
        <v>1</v>
      </c>
      <c r="EA12" s="102">
        <v>0</v>
      </c>
      <c r="EB12" s="102">
        <v>0</v>
      </c>
      <c r="EC12" s="103">
        <v>1</v>
      </c>
      <c r="ED12" s="104">
        <v>4</v>
      </c>
      <c r="EE12" s="101">
        <v>0</v>
      </c>
      <c r="EF12" s="102">
        <v>0</v>
      </c>
      <c r="EG12" s="103">
        <v>0</v>
      </c>
      <c r="EH12" s="413">
        <v>0</v>
      </c>
      <c r="EI12" s="102">
        <v>0</v>
      </c>
      <c r="EJ12" s="102">
        <v>2</v>
      </c>
      <c r="EK12" s="102">
        <v>0</v>
      </c>
      <c r="EL12" s="102">
        <v>2</v>
      </c>
      <c r="EM12" s="102">
        <v>0</v>
      </c>
      <c r="EN12" s="103">
        <v>4</v>
      </c>
      <c r="EO12" s="104">
        <v>4</v>
      </c>
      <c r="EP12" s="101">
        <v>2</v>
      </c>
      <c r="EQ12" s="102">
        <v>1</v>
      </c>
      <c r="ER12" s="103">
        <v>3</v>
      </c>
      <c r="ES12" s="413">
        <v>0</v>
      </c>
      <c r="ET12" s="102">
        <v>4</v>
      </c>
      <c r="EU12" s="102">
        <v>4</v>
      </c>
      <c r="EV12" s="102">
        <v>3</v>
      </c>
      <c r="EW12" s="102">
        <v>0</v>
      </c>
      <c r="EX12" s="102">
        <v>1</v>
      </c>
      <c r="EY12" s="103">
        <v>12</v>
      </c>
      <c r="EZ12" s="104">
        <v>15</v>
      </c>
      <c r="FA12" s="101">
        <v>1</v>
      </c>
      <c r="FB12" s="102">
        <v>4</v>
      </c>
      <c r="FC12" s="103">
        <v>5</v>
      </c>
      <c r="FD12" s="413">
        <v>0</v>
      </c>
      <c r="FE12" s="102">
        <v>8</v>
      </c>
      <c r="FF12" s="102">
        <v>10</v>
      </c>
      <c r="FG12" s="102">
        <v>3</v>
      </c>
      <c r="FH12" s="102">
        <v>3</v>
      </c>
      <c r="FI12" s="102">
        <v>1</v>
      </c>
      <c r="FJ12" s="103">
        <v>25</v>
      </c>
      <c r="FK12" s="104">
        <v>30</v>
      </c>
      <c r="FL12" s="101">
        <v>3</v>
      </c>
      <c r="FM12" s="102">
        <v>4</v>
      </c>
      <c r="FN12" s="103">
        <v>7</v>
      </c>
      <c r="FO12" s="413">
        <v>0</v>
      </c>
      <c r="FP12" s="102">
        <v>11</v>
      </c>
      <c r="FQ12" s="102">
        <v>12</v>
      </c>
      <c r="FR12" s="102">
        <v>10</v>
      </c>
      <c r="FS12" s="102">
        <v>8</v>
      </c>
      <c r="FT12" s="102">
        <v>3</v>
      </c>
      <c r="FU12" s="103">
        <v>44</v>
      </c>
      <c r="FV12" s="104">
        <v>51</v>
      </c>
      <c r="FW12" s="101">
        <v>0</v>
      </c>
      <c r="FX12" s="102">
        <v>0</v>
      </c>
      <c r="FY12" s="103">
        <v>0</v>
      </c>
      <c r="FZ12" s="413">
        <v>0</v>
      </c>
      <c r="GA12" s="102">
        <v>0</v>
      </c>
      <c r="GB12" s="102">
        <v>0</v>
      </c>
      <c r="GC12" s="102">
        <v>0</v>
      </c>
      <c r="GD12" s="102">
        <v>0</v>
      </c>
      <c r="GE12" s="102">
        <v>0</v>
      </c>
      <c r="GF12" s="103">
        <v>0</v>
      </c>
      <c r="GG12" s="104">
        <v>0</v>
      </c>
      <c r="GH12" s="101">
        <v>10</v>
      </c>
      <c r="GI12" s="102">
        <v>9</v>
      </c>
      <c r="GJ12" s="103">
        <v>19</v>
      </c>
      <c r="GK12" s="413">
        <v>0</v>
      </c>
      <c r="GL12" s="102">
        <v>23</v>
      </c>
      <c r="GM12" s="102">
        <v>29</v>
      </c>
      <c r="GN12" s="102">
        <v>17</v>
      </c>
      <c r="GO12" s="102">
        <v>13</v>
      </c>
      <c r="GP12" s="102">
        <v>5</v>
      </c>
      <c r="GQ12" s="103">
        <v>87</v>
      </c>
      <c r="GR12" s="104">
        <v>106</v>
      </c>
      <c r="GS12" s="105">
        <v>105</v>
      </c>
      <c r="GT12" s="97">
        <v>71</v>
      </c>
      <c r="GU12" s="98">
        <v>176</v>
      </c>
      <c r="GV12" s="413">
        <v>0</v>
      </c>
      <c r="GW12" s="97">
        <v>186</v>
      </c>
      <c r="GX12" s="97">
        <v>159</v>
      </c>
      <c r="GY12" s="97">
        <v>102</v>
      </c>
      <c r="GZ12" s="97">
        <v>76</v>
      </c>
      <c r="HA12" s="97">
        <v>33</v>
      </c>
      <c r="HB12" s="99">
        <v>556</v>
      </c>
      <c r="HC12" s="100">
        <v>732</v>
      </c>
      <c r="HD12" s="101">
        <v>5</v>
      </c>
      <c r="HE12" s="102">
        <v>1</v>
      </c>
      <c r="HF12" s="103">
        <v>6</v>
      </c>
      <c r="HG12" s="413">
        <v>0</v>
      </c>
      <c r="HH12" s="102">
        <v>2</v>
      </c>
      <c r="HI12" s="102">
        <v>4</v>
      </c>
      <c r="HJ12" s="102">
        <v>3</v>
      </c>
      <c r="HK12" s="102">
        <v>2</v>
      </c>
      <c r="HL12" s="102">
        <v>0</v>
      </c>
      <c r="HM12" s="103">
        <v>11</v>
      </c>
      <c r="HN12" s="104">
        <v>17</v>
      </c>
      <c r="HO12" s="101">
        <v>3</v>
      </c>
      <c r="HP12" s="102">
        <v>3</v>
      </c>
      <c r="HQ12" s="103">
        <v>6</v>
      </c>
      <c r="HR12" s="413">
        <v>0</v>
      </c>
      <c r="HS12" s="102">
        <v>4</v>
      </c>
      <c r="HT12" s="102">
        <v>10</v>
      </c>
      <c r="HU12" s="102">
        <v>4</v>
      </c>
      <c r="HV12" s="102">
        <v>7</v>
      </c>
      <c r="HW12" s="102">
        <v>2</v>
      </c>
      <c r="HX12" s="103">
        <v>27</v>
      </c>
      <c r="HY12" s="104">
        <v>33</v>
      </c>
      <c r="HZ12" s="101">
        <v>7</v>
      </c>
      <c r="IA12" s="102">
        <v>6</v>
      </c>
      <c r="IB12" s="103">
        <v>13</v>
      </c>
      <c r="IC12" s="413">
        <v>0</v>
      </c>
      <c r="ID12" s="102">
        <v>20</v>
      </c>
      <c r="IE12" s="102">
        <v>15</v>
      </c>
      <c r="IF12" s="102">
        <v>7</v>
      </c>
      <c r="IG12" s="102">
        <v>12</v>
      </c>
      <c r="IH12" s="102">
        <v>2</v>
      </c>
      <c r="II12" s="103">
        <v>56</v>
      </c>
      <c r="IJ12" s="104">
        <v>69</v>
      </c>
      <c r="IK12" s="101">
        <v>17</v>
      </c>
      <c r="IL12" s="102">
        <v>13</v>
      </c>
      <c r="IM12" s="103">
        <v>30</v>
      </c>
      <c r="IN12" s="413">
        <v>0</v>
      </c>
      <c r="IO12" s="102">
        <v>40</v>
      </c>
      <c r="IP12" s="102">
        <v>31</v>
      </c>
      <c r="IQ12" s="102">
        <v>18</v>
      </c>
      <c r="IR12" s="102">
        <v>10</v>
      </c>
      <c r="IS12" s="102">
        <v>8</v>
      </c>
      <c r="IT12" s="103">
        <v>107</v>
      </c>
      <c r="IU12" s="104">
        <v>137</v>
      </c>
      <c r="IV12" s="101">
        <v>39</v>
      </c>
      <c r="IW12" s="102">
        <v>24</v>
      </c>
      <c r="IX12" s="103">
        <v>63</v>
      </c>
      <c r="IY12" s="413">
        <v>0</v>
      </c>
      <c r="IZ12" s="102">
        <v>53</v>
      </c>
      <c r="JA12" s="102">
        <v>41</v>
      </c>
      <c r="JB12" s="102">
        <v>26</v>
      </c>
      <c r="JC12" s="102">
        <v>16</v>
      </c>
      <c r="JD12" s="102">
        <v>6</v>
      </c>
      <c r="JE12" s="103">
        <v>142</v>
      </c>
      <c r="JF12" s="104">
        <v>205</v>
      </c>
      <c r="JG12" s="101">
        <v>34</v>
      </c>
      <c r="JH12" s="102">
        <v>24</v>
      </c>
      <c r="JI12" s="103">
        <v>58</v>
      </c>
      <c r="JJ12" s="413">
        <v>0</v>
      </c>
      <c r="JK12" s="102">
        <v>67</v>
      </c>
      <c r="JL12" s="102">
        <v>58</v>
      </c>
      <c r="JM12" s="102">
        <v>44</v>
      </c>
      <c r="JN12" s="102">
        <v>29</v>
      </c>
      <c r="JO12" s="102">
        <v>15</v>
      </c>
      <c r="JP12" s="103">
        <v>213</v>
      </c>
      <c r="JQ12" s="104">
        <v>271</v>
      </c>
      <c r="JR12" s="101">
        <v>0</v>
      </c>
      <c r="JS12" s="102">
        <v>0</v>
      </c>
      <c r="JT12" s="103">
        <v>0</v>
      </c>
      <c r="JU12" s="413">
        <v>0</v>
      </c>
      <c r="JV12" s="102">
        <v>0</v>
      </c>
      <c r="JW12" s="102">
        <v>0</v>
      </c>
      <c r="JX12" s="102">
        <v>0</v>
      </c>
      <c r="JY12" s="102">
        <v>0</v>
      </c>
      <c r="JZ12" s="102">
        <v>0</v>
      </c>
      <c r="KA12" s="103">
        <v>0</v>
      </c>
      <c r="KB12" s="104">
        <v>0</v>
      </c>
      <c r="KC12" s="101">
        <v>105</v>
      </c>
      <c r="KD12" s="102">
        <v>71</v>
      </c>
      <c r="KE12" s="103">
        <v>176</v>
      </c>
      <c r="KF12" s="413">
        <v>0</v>
      </c>
      <c r="KG12" s="102">
        <v>186</v>
      </c>
      <c r="KH12" s="102">
        <v>159</v>
      </c>
      <c r="KI12" s="102">
        <v>102</v>
      </c>
      <c r="KJ12" s="102">
        <v>76</v>
      </c>
      <c r="KK12" s="102">
        <v>33</v>
      </c>
      <c r="KL12" s="103">
        <v>556</v>
      </c>
      <c r="KM12" s="104">
        <v>732</v>
      </c>
    </row>
    <row r="13" spans="2:299" s="70" customFormat="1" ht="21" customHeight="1" x14ac:dyDescent="0.2">
      <c r="B13" s="106" t="s">
        <v>9</v>
      </c>
      <c r="C13" s="96">
        <v>197</v>
      </c>
      <c r="D13" s="97">
        <v>96</v>
      </c>
      <c r="E13" s="98">
        <v>293</v>
      </c>
      <c r="F13" s="413">
        <v>0</v>
      </c>
      <c r="G13" s="97">
        <v>223</v>
      </c>
      <c r="H13" s="97">
        <v>134</v>
      </c>
      <c r="I13" s="97">
        <v>97</v>
      </c>
      <c r="J13" s="97">
        <v>101</v>
      </c>
      <c r="K13" s="97">
        <v>52</v>
      </c>
      <c r="L13" s="99">
        <v>607</v>
      </c>
      <c r="M13" s="100">
        <v>900</v>
      </c>
      <c r="N13" s="101">
        <v>5</v>
      </c>
      <c r="O13" s="102">
        <v>1</v>
      </c>
      <c r="P13" s="103">
        <v>6</v>
      </c>
      <c r="Q13" s="413">
        <v>0</v>
      </c>
      <c r="R13" s="102">
        <v>1</v>
      </c>
      <c r="S13" s="102">
        <v>2</v>
      </c>
      <c r="T13" s="102">
        <v>0</v>
      </c>
      <c r="U13" s="102">
        <v>1</v>
      </c>
      <c r="V13" s="102">
        <v>2</v>
      </c>
      <c r="W13" s="103">
        <v>6</v>
      </c>
      <c r="X13" s="104">
        <v>12</v>
      </c>
      <c r="Y13" s="101">
        <v>5</v>
      </c>
      <c r="Z13" s="102">
        <v>1</v>
      </c>
      <c r="AA13" s="103">
        <v>6</v>
      </c>
      <c r="AB13" s="413">
        <v>0</v>
      </c>
      <c r="AC13" s="102">
        <v>1</v>
      </c>
      <c r="AD13" s="102">
        <v>3</v>
      </c>
      <c r="AE13" s="102">
        <v>2</v>
      </c>
      <c r="AF13" s="102">
        <v>1</v>
      </c>
      <c r="AG13" s="102">
        <v>1</v>
      </c>
      <c r="AH13" s="103">
        <v>8</v>
      </c>
      <c r="AI13" s="104">
        <v>14</v>
      </c>
      <c r="AJ13" s="101">
        <v>11</v>
      </c>
      <c r="AK13" s="102">
        <v>3</v>
      </c>
      <c r="AL13" s="103">
        <v>14</v>
      </c>
      <c r="AM13" s="413">
        <v>0</v>
      </c>
      <c r="AN13" s="102">
        <v>17</v>
      </c>
      <c r="AO13" s="102">
        <v>13</v>
      </c>
      <c r="AP13" s="102">
        <v>6</v>
      </c>
      <c r="AQ13" s="102">
        <v>8</v>
      </c>
      <c r="AR13" s="102">
        <v>4</v>
      </c>
      <c r="AS13" s="103">
        <v>48</v>
      </c>
      <c r="AT13" s="104">
        <v>62</v>
      </c>
      <c r="AU13" s="101">
        <v>43</v>
      </c>
      <c r="AV13" s="102">
        <v>15</v>
      </c>
      <c r="AW13" s="103">
        <v>58</v>
      </c>
      <c r="AX13" s="413">
        <v>0</v>
      </c>
      <c r="AY13" s="102">
        <v>33</v>
      </c>
      <c r="AZ13" s="102">
        <v>14</v>
      </c>
      <c r="BA13" s="102">
        <v>10</v>
      </c>
      <c r="BB13" s="102">
        <v>14</v>
      </c>
      <c r="BC13" s="102">
        <v>9</v>
      </c>
      <c r="BD13" s="103">
        <v>80</v>
      </c>
      <c r="BE13" s="104">
        <v>138</v>
      </c>
      <c r="BF13" s="101">
        <v>68</v>
      </c>
      <c r="BG13" s="102">
        <v>39</v>
      </c>
      <c r="BH13" s="103">
        <v>107</v>
      </c>
      <c r="BI13" s="413">
        <v>0</v>
      </c>
      <c r="BJ13" s="102">
        <v>74</v>
      </c>
      <c r="BK13" s="102">
        <v>35</v>
      </c>
      <c r="BL13" s="102">
        <v>28</v>
      </c>
      <c r="BM13" s="102">
        <v>25</v>
      </c>
      <c r="BN13" s="102">
        <v>14</v>
      </c>
      <c r="BO13" s="103">
        <v>176</v>
      </c>
      <c r="BP13" s="104">
        <v>283</v>
      </c>
      <c r="BQ13" s="101">
        <v>65</v>
      </c>
      <c r="BR13" s="102">
        <v>37</v>
      </c>
      <c r="BS13" s="103">
        <v>102</v>
      </c>
      <c r="BT13" s="413">
        <v>0</v>
      </c>
      <c r="BU13" s="102">
        <v>97</v>
      </c>
      <c r="BV13" s="102">
        <v>67</v>
      </c>
      <c r="BW13" s="102">
        <v>51</v>
      </c>
      <c r="BX13" s="102">
        <v>52</v>
      </c>
      <c r="BY13" s="102">
        <v>22</v>
      </c>
      <c r="BZ13" s="103">
        <v>289</v>
      </c>
      <c r="CA13" s="104">
        <v>391</v>
      </c>
      <c r="CB13" s="101">
        <v>0</v>
      </c>
      <c r="CC13" s="102">
        <v>0</v>
      </c>
      <c r="CD13" s="103">
        <v>0</v>
      </c>
      <c r="CE13" s="413">
        <v>0</v>
      </c>
      <c r="CF13" s="102">
        <v>0</v>
      </c>
      <c r="CG13" s="102">
        <v>0</v>
      </c>
      <c r="CH13" s="102">
        <v>0</v>
      </c>
      <c r="CI13" s="102">
        <v>0</v>
      </c>
      <c r="CJ13" s="102">
        <v>0</v>
      </c>
      <c r="CK13" s="103">
        <v>0</v>
      </c>
      <c r="CL13" s="104">
        <v>0</v>
      </c>
      <c r="CM13" s="101">
        <v>197</v>
      </c>
      <c r="CN13" s="102">
        <v>96</v>
      </c>
      <c r="CO13" s="103">
        <v>293</v>
      </c>
      <c r="CP13" s="413">
        <v>0</v>
      </c>
      <c r="CQ13" s="102">
        <v>223</v>
      </c>
      <c r="CR13" s="102">
        <v>134</v>
      </c>
      <c r="CS13" s="102">
        <v>97</v>
      </c>
      <c r="CT13" s="102">
        <v>101</v>
      </c>
      <c r="CU13" s="102">
        <v>52</v>
      </c>
      <c r="CV13" s="103">
        <v>607</v>
      </c>
      <c r="CW13" s="104">
        <v>900</v>
      </c>
      <c r="CX13" s="105">
        <v>35</v>
      </c>
      <c r="CY13" s="97">
        <v>27</v>
      </c>
      <c r="CZ13" s="98">
        <v>62</v>
      </c>
      <c r="DA13" s="413">
        <v>0</v>
      </c>
      <c r="DB13" s="97">
        <v>31</v>
      </c>
      <c r="DC13" s="97">
        <v>21</v>
      </c>
      <c r="DD13" s="97">
        <v>22</v>
      </c>
      <c r="DE13" s="97">
        <v>13</v>
      </c>
      <c r="DF13" s="97">
        <v>15</v>
      </c>
      <c r="DG13" s="99">
        <v>102</v>
      </c>
      <c r="DH13" s="100">
        <v>164</v>
      </c>
      <c r="DI13" s="101">
        <v>1</v>
      </c>
      <c r="DJ13" s="102">
        <v>2</v>
      </c>
      <c r="DK13" s="103">
        <v>3</v>
      </c>
      <c r="DL13" s="413">
        <v>0</v>
      </c>
      <c r="DM13" s="102">
        <v>1</v>
      </c>
      <c r="DN13" s="102">
        <v>1</v>
      </c>
      <c r="DO13" s="102">
        <v>1</v>
      </c>
      <c r="DP13" s="102">
        <v>0</v>
      </c>
      <c r="DQ13" s="102">
        <v>0</v>
      </c>
      <c r="DR13" s="103">
        <v>3</v>
      </c>
      <c r="DS13" s="104">
        <v>6</v>
      </c>
      <c r="DT13" s="101">
        <v>4</v>
      </c>
      <c r="DU13" s="102">
        <v>1</v>
      </c>
      <c r="DV13" s="103">
        <v>5</v>
      </c>
      <c r="DW13" s="413">
        <v>0</v>
      </c>
      <c r="DX13" s="102">
        <v>0</v>
      </c>
      <c r="DY13" s="102">
        <v>0</v>
      </c>
      <c r="DZ13" s="102">
        <v>0</v>
      </c>
      <c r="EA13" s="102">
        <v>0</v>
      </c>
      <c r="EB13" s="102">
        <v>0</v>
      </c>
      <c r="EC13" s="103">
        <v>0</v>
      </c>
      <c r="ED13" s="104">
        <v>5</v>
      </c>
      <c r="EE13" s="101">
        <v>6</v>
      </c>
      <c r="EF13" s="102">
        <v>2</v>
      </c>
      <c r="EG13" s="103">
        <v>8</v>
      </c>
      <c r="EH13" s="413">
        <v>0</v>
      </c>
      <c r="EI13" s="102">
        <v>2</v>
      </c>
      <c r="EJ13" s="102">
        <v>1</v>
      </c>
      <c r="EK13" s="102">
        <v>1</v>
      </c>
      <c r="EL13" s="102">
        <v>0</v>
      </c>
      <c r="EM13" s="102">
        <v>2</v>
      </c>
      <c r="EN13" s="103">
        <v>6</v>
      </c>
      <c r="EO13" s="104">
        <v>14</v>
      </c>
      <c r="EP13" s="101">
        <v>12</v>
      </c>
      <c r="EQ13" s="102">
        <v>4</v>
      </c>
      <c r="ER13" s="103">
        <v>16</v>
      </c>
      <c r="ES13" s="413">
        <v>0</v>
      </c>
      <c r="ET13" s="102">
        <v>6</v>
      </c>
      <c r="EU13" s="102">
        <v>1</v>
      </c>
      <c r="EV13" s="102">
        <v>4</v>
      </c>
      <c r="EW13" s="102">
        <v>0</v>
      </c>
      <c r="EX13" s="102">
        <v>0</v>
      </c>
      <c r="EY13" s="103">
        <v>11</v>
      </c>
      <c r="EZ13" s="104">
        <v>27</v>
      </c>
      <c r="FA13" s="101">
        <v>9</v>
      </c>
      <c r="FB13" s="102">
        <v>12</v>
      </c>
      <c r="FC13" s="103">
        <v>21</v>
      </c>
      <c r="FD13" s="413">
        <v>0</v>
      </c>
      <c r="FE13" s="102">
        <v>10</v>
      </c>
      <c r="FF13" s="102">
        <v>3</v>
      </c>
      <c r="FG13" s="102">
        <v>4</v>
      </c>
      <c r="FH13" s="102">
        <v>2</v>
      </c>
      <c r="FI13" s="102">
        <v>4</v>
      </c>
      <c r="FJ13" s="103">
        <v>23</v>
      </c>
      <c r="FK13" s="104">
        <v>44</v>
      </c>
      <c r="FL13" s="101">
        <v>3</v>
      </c>
      <c r="FM13" s="102">
        <v>6</v>
      </c>
      <c r="FN13" s="103">
        <v>9</v>
      </c>
      <c r="FO13" s="413">
        <v>0</v>
      </c>
      <c r="FP13" s="102">
        <v>12</v>
      </c>
      <c r="FQ13" s="102">
        <v>15</v>
      </c>
      <c r="FR13" s="102">
        <v>12</v>
      </c>
      <c r="FS13" s="102">
        <v>11</v>
      </c>
      <c r="FT13" s="102">
        <v>9</v>
      </c>
      <c r="FU13" s="103">
        <v>59</v>
      </c>
      <c r="FV13" s="104">
        <v>68</v>
      </c>
      <c r="FW13" s="101">
        <v>0</v>
      </c>
      <c r="FX13" s="102">
        <v>0</v>
      </c>
      <c r="FY13" s="103">
        <v>0</v>
      </c>
      <c r="FZ13" s="413">
        <v>0</v>
      </c>
      <c r="GA13" s="102">
        <v>0</v>
      </c>
      <c r="GB13" s="102">
        <v>0</v>
      </c>
      <c r="GC13" s="102">
        <v>0</v>
      </c>
      <c r="GD13" s="102">
        <v>0</v>
      </c>
      <c r="GE13" s="102">
        <v>0</v>
      </c>
      <c r="GF13" s="103">
        <v>0</v>
      </c>
      <c r="GG13" s="104">
        <v>0</v>
      </c>
      <c r="GH13" s="101">
        <v>35</v>
      </c>
      <c r="GI13" s="102">
        <v>27</v>
      </c>
      <c r="GJ13" s="103">
        <v>62</v>
      </c>
      <c r="GK13" s="413">
        <v>0</v>
      </c>
      <c r="GL13" s="102">
        <v>31</v>
      </c>
      <c r="GM13" s="102">
        <v>21</v>
      </c>
      <c r="GN13" s="102">
        <v>22</v>
      </c>
      <c r="GO13" s="102">
        <v>13</v>
      </c>
      <c r="GP13" s="102">
        <v>15</v>
      </c>
      <c r="GQ13" s="103">
        <v>102</v>
      </c>
      <c r="GR13" s="104">
        <v>164</v>
      </c>
      <c r="GS13" s="105">
        <v>232</v>
      </c>
      <c r="GT13" s="97">
        <v>123</v>
      </c>
      <c r="GU13" s="98">
        <v>355</v>
      </c>
      <c r="GV13" s="413">
        <v>0</v>
      </c>
      <c r="GW13" s="97">
        <v>254</v>
      </c>
      <c r="GX13" s="97">
        <v>155</v>
      </c>
      <c r="GY13" s="97">
        <v>119</v>
      </c>
      <c r="GZ13" s="97">
        <v>114</v>
      </c>
      <c r="HA13" s="97">
        <v>67</v>
      </c>
      <c r="HB13" s="99">
        <v>709</v>
      </c>
      <c r="HC13" s="100">
        <v>1064</v>
      </c>
      <c r="HD13" s="101">
        <v>6</v>
      </c>
      <c r="HE13" s="102">
        <v>3</v>
      </c>
      <c r="HF13" s="103">
        <v>9</v>
      </c>
      <c r="HG13" s="413">
        <v>0</v>
      </c>
      <c r="HH13" s="102">
        <v>2</v>
      </c>
      <c r="HI13" s="102">
        <v>3</v>
      </c>
      <c r="HJ13" s="102">
        <v>1</v>
      </c>
      <c r="HK13" s="102">
        <v>1</v>
      </c>
      <c r="HL13" s="102">
        <v>2</v>
      </c>
      <c r="HM13" s="103">
        <v>9</v>
      </c>
      <c r="HN13" s="104">
        <v>18</v>
      </c>
      <c r="HO13" s="101">
        <v>9</v>
      </c>
      <c r="HP13" s="102">
        <v>2</v>
      </c>
      <c r="HQ13" s="103">
        <v>11</v>
      </c>
      <c r="HR13" s="413">
        <v>0</v>
      </c>
      <c r="HS13" s="102">
        <v>1</v>
      </c>
      <c r="HT13" s="102">
        <v>3</v>
      </c>
      <c r="HU13" s="102">
        <v>2</v>
      </c>
      <c r="HV13" s="102">
        <v>1</v>
      </c>
      <c r="HW13" s="102">
        <v>1</v>
      </c>
      <c r="HX13" s="103">
        <v>8</v>
      </c>
      <c r="HY13" s="104">
        <v>19</v>
      </c>
      <c r="HZ13" s="101">
        <v>17</v>
      </c>
      <c r="IA13" s="102">
        <v>5</v>
      </c>
      <c r="IB13" s="103">
        <v>22</v>
      </c>
      <c r="IC13" s="413">
        <v>0</v>
      </c>
      <c r="ID13" s="102">
        <v>19</v>
      </c>
      <c r="IE13" s="102">
        <v>14</v>
      </c>
      <c r="IF13" s="102">
        <v>7</v>
      </c>
      <c r="IG13" s="102">
        <v>8</v>
      </c>
      <c r="IH13" s="102">
        <v>6</v>
      </c>
      <c r="II13" s="103">
        <v>54</v>
      </c>
      <c r="IJ13" s="104">
        <v>76</v>
      </c>
      <c r="IK13" s="101">
        <v>55</v>
      </c>
      <c r="IL13" s="102">
        <v>19</v>
      </c>
      <c r="IM13" s="103">
        <v>74</v>
      </c>
      <c r="IN13" s="413">
        <v>0</v>
      </c>
      <c r="IO13" s="102">
        <v>39</v>
      </c>
      <c r="IP13" s="102">
        <v>15</v>
      </c>
      <c r="IQ13" s="102">
        <v>14</v>
      </c>
      <c r="IR13" s="102">
        <v>14</v>
      </c>
      <c r="IS13" s="102">
        <v>9</v>
      </c>
      <c r="IT13" s="103">
        <v>91</v>
      </c>
      <c r="IU13" s="104">
        <v>165</v>
      </c>
      <c r="IV13" s="101">
        <v>77</v>
      </c>
      <c r="IW13" s="102">
        <v>51</v>
      </c>
      <c r="IX13" s="103">
        <v>128</v>
      </c>
      <c r="IY13" s="413">
        <v>0</v>
      </c>
      <c r="IZ13" s="102">
        <v>84</v>
      </c>
      <c r="JA13" s="102">
        <v>38</v>
      </c>
      <c r="JB13" s="102">
        <v>32</v>
      </c>
      <c r="JC13" s="102">
        <v>27</v>
      </c>
      <c r="JD13" s="102">
        <v>18</v>
      </c>
      <c r="JE13" s="103">
        <v>199</v>
      </c>
      <c r="JF13" s="104">
        <v>327</v>
      </c>
      <c r="JG13" s="101">
        <v>68</v>
      </c>
      <c r="JH13" s="102">
        <v>43</v>
      </c>
      <c r="JI13" s="103">
        <v>111</v>
      </c>
      <c r="JJ13" s="413">
        <v>0</v>
      </c>
      <c r="JK13" s="102">
        <v>109</v>
      </c>
      <c r="JL13" s="102">
        <v>82</v>
      </c>
      <c r="JM13" s="102">
        <v>63</v>
      </c>
      <c r="JN13" s="102">
        <v>63</v>
      </c>
      <c r="JO13" s="102">
        <v>31</v>
      </c>
      <c r="JP13" s="103">
        <v>348</v>
      </c>
      <c r="JQ13" s="104">
        <v>459</v>
      </c>
      <c r="JR13" s="101">
        <v>0</v>
      </c>
      <c r="JS13" s="102">
        <v>0</v>
      </c>
      <c r="JT13" s="103">
        <v>0</v>
      </c>
      <c r="JU13" s="413">
        <v>0</v>
      </c>
      <c r="JV13" s="102">
        <v>0</v>
      </c>
      <c r="JW13" s="102">
        <v>0</v>
      </c>
      <c r="JX13" s="102">
        <v>0</v>
      </c>
      <c r="JY13" s="102">
        <v>0</v>
      </c>
      <c r="JZ13" s="102">
        <v>0</v>
      </c>
      <c r="KA13" s="103">
        <v>0</v>
      </c>
      <c r="KB13" s="104">
        <v>0</v>
      </c>
      <c r="KC13" s="101">
        <v>232</v>
      </c>
      <c r="KD13" s="102">
        <v>123</v>
      </c>
      <c r="KE13" s="103">
        <v>355</v>
      </c>
      <c r="KF13" s="413">
        <v>0</v>
      </c>
      <c r="KG13" s="102">
        <v>254</v>
      </c>
      <c r="KH13" s="102">
        <v>155</v>
      </c>
      <c r="KI13" s="102">
        <v>119</v>
      </c>
      <c r="KJ13" s="102">
        <v>114</v>
      </c>
      <c r="KK13" s="102">
        <v>67</v>
      </c>
      <c r="KL13" s="103">
        <v>709</v>
      </c>
      <c r="KM13" s="104">
        <v>1064</v>
      </c>
    </row>
    <row r="14" spans="2:299" s="70" customFormat="1" ht="21" customHeight="1" x14ac:dyDescent="0.2">
      <c r="B14" s="106" t="s">
        <v>10</v>
      </c>
      <c r="C14" s="96">
        <v>365</v>
      </c>
      <c r="D14" s="97">
        <v>204</v>
      </c>
      <c r="E14" s="98">
        <v>569</v>
      </c>
      <c r="F14" s="413">
        <v>0</v>
      </c>
      <c r="G14" s="97">
        <v>351</v>
      </c>
      <c r="H14" s="97">
        <v>182</v>
      </c>
      <c r="I14" s="97">
        <v>112</v>
      </c>
      <c r="J14" s="97">
        <v>118</v>
      </c>
      <c r="K14" s="97">
        <v>77</v>
      </c>
      <c r="L14" s="99">
        <v>840</v>
      </c>
      <c r="M14" s="100">
        <v>1409</v>
      </c>
      <c r="N14" s="101">
        <v>5</v>
      </c>
      <c r="O14" s="102">
        <v>2</v>
      </c>
      <c r="P14" s="103">
        <v>7</v>
      </c>
      <c r="Q14" s="413">
        <v>0</v>
      </c>
      <c r="R14" s="102">
        <v>4</v>
      </c>
      <c r="S14" s="102">
        <v>4</v>
      </c>
      <c r="T14" s="102">
        <v>0</v>
      </c>
      <c r="U14" s="102">
        <v>5</v>
      </c>
      <c r="V14" s="102">
        <v>2</v>
      </c>
      <c r="W14" s="103">
        <v>15</v>
      </c>
      <c r="X14" s="104">
        <v>22</v>
      </c>
      <c r="Y14" s="101">
        <v>13</v>
      </c>
      <c r="Z14" s="102">
        <v>5</v>
      </c>
      <c r="AA14" s="103">
        <v>18</v>
      </c>
      <c r="AB14" s="413">
        <v>0</v>
      </c>
      <c r="AC14" s="102">
        <v>12</v>
      </c>
      <c r="AD14" s="102">
        <v>8</v>
      </c>
      <c r="AE14" s="102">
        <v>3</v>
      </c>
      <c r="AF14" s="102">
        <v>3</v>
      </c>
      <c r="AG14" s="102">
        <v>6</v>
      </c>
      <c r="AH14" s="103">
        <v>32</v>
      </c>
      <c r="AI14" s="104">
        <v>50</v>
      </c>
      <c r="AJ14" s="101">
        <v>27</v>
      </c>
      <c r="AK14" s="102">
        <v>15</v>
      </c>
      <c r="AL14" s="103">
        <v>42</v>
      </c>
      <c r="AM14" s="413">
        <v>0</v>
      </c>
      <c r="AN14" s="102">
        <v>26</v>
      </c>
      <c r="AO14" s="102">
        <v>12</v>
      </c>
      <c r="AP14" s="102">
        <v>8</v>
      </c>
      <c r="AQ14" s="102">
        <v>7</v>
      </c>
      <c r="AR14" s="102">
        <v>12</v>
      </c>
      <c r="AS14" s="103">
        <v>65</v>
      </c>
      <c r="AT14" s="104">
        <v>107</v>
      </c>
      <c r="AU14" s="101">
        <v>77</v>
      </c>
      <c r="AV14" s="102">
        <v>33</v>
      </c>
      <c r="AW14" s="103">
        <v>110</v>
      </c>
      <c r="AX14" s="413">
        <v>0</v>
      </c>
      <c r="AY14" s="102">
        <v>60</v>
      </c>
      <c r="AZ14" s="102">
        <v>34</v>
      </c>
      <c r="BA14" s="102">
        <v>21</v>
      </c>
      <c r="BB14" s="102">
        <v>22</v>
      </c>
      <c r="BC14" s="102">
        <v>13</v>
      </c>
      <c r="BD14" s="103">
        <v>150</v>
      </c>
      <c r="BE14" s="104">
        <v>260</v>
      </c>
      <c r="BF14" s="101">
        <v>138</v>
      </c>
      <c r="BG14" s="102">
        <v>69</v>
      </c>
      <c r="BH14" s="103">
        <v>207</v>
      </c>
      <c r="BI14" s="413">
        <v>0</v>
      </c>
      <c r="BJ14" s="102">
        <v>129</v>
      </c>
      <c r="BK14" s="102">
        <v>56</v>
      </c>
      <c r="BL14" s="102">
        <v>29</v>
      </c>
      <c r="BM14" s="102">
        <v>29</v>
      </c>
      <c r="BN14" s="102">
        <v>12</v>
      </c>
      <c r="BO14" s="103">
        <v>255</v>
      </c>
      <c r="BP14" s="104">
        <v>462</v>
      </c>
      <c r="BQ14" s="101">
        <v>105</v>
      </c>
      <c r="BR14" s="102">
        <v>80</v>
      </c>
      <c r="BS14" s="103">
        <v>185</v>
      </c>
      <c r="BT14" s="413">
        <v>0</v>
      </c>
      <c r="BU14" s="102">
        <v>120</v>
      </c>
      <c r="BV14" s="102">
        <v>68</v>
      </c>
      <c r="BW14" s="102">
        <v>51</v>
      </c>
      <c r="BX14" s="102">
        <v>52</v>
      </c>
      <c r="BY14" s="102">
        <v>32</v>
      </c>
      <c r="BZ14" s="103">
        <v>323</v>
      </c>
      <c r="CA14" s="104">
        <v>508</v>
      </c>
      <c r="CB14" s="101">
        <v>0</v>
      </c>
      <c r="CC14" s="102">
        <v>0</v>
      </c>
      <c r="CD14" s="103">
        <v>0</v>
      </c>
      <c r="CE14" s="413">
        <v>0</v>
      </c>
      <c r="CF14" s="102">
        <v>0</v>
      </c>
      <c r="CG14" s="102">
        <v>0</v>
      </c>
      <c r="CH14" s="102">
        <v>0</v>
      </c>
      <c r="CI14" s="102">
        <v>0</v>
      </c>
      <c r="CJ14" s="102">
        <v>0</v>
      </c>
      <c r="CK14" s="103">
        <v>0</v>
      </c>
      <c r="CL14" s="104">
        <v>0</v>
      </c>
      <c r="CM14" s="101">
        <v>365</v>
      </c>
      <c r="CN14" s="102">
        <v>204</v>
      </c>
      <c r="CO14" s="103">
        <v>569</v>
      </c>
      <c r="CP14" s="413">
        <v>0</v>
      </c>
      <c r="CQ14" s="102">
        <v>351</v>
      </c>
      <c r="CR14" s="102">
        <v>182</v>
      </c>
      <c r="CS14" s="102">
        <v>112</v>
      </c>
      <c r="CT14" s="102">
        <v>118</v>
      </c>
      <c r="CU14" s="102">
        <v>77</v>
      </c>
      <c r="CV14" s="103">
        <v>840</v>
      </c>
      <c r="CW14" s="104">
        <v>1409</v>
      </c>
      <c r="CX14" s="105">
        <v>47</v>
      </c>
      <c r="CY14" s="97">
        <v>38</v>
      </c>
      <c r="CZ14" s="98">
        <v>85</v>
      </c>
      <c r="DA14" s="413">
        <v>0</v>
      </c>
      <c r="DB14" s="97">
        <v>55</v>
      </c>
      <c r="DC14" s="97">
        <v>27</v>
      </c>
      <c r="DD14" s="97">
        <v>11</v>
      </c>
      <c r="DE14" s="97">
        <v>25</v>
      </c>
      <c r="DF14" s="97">
        <v>13</v>
      </c>
      <c r="DG14" s="99">
        <v>131</v>
      </c>
      <c r="DH14" s="100">
        <v>216</v>
      </c>
      <c r="DI14" s="101">
        <v>0</v>
      </c>
      <c r="DJ14" s="102">
        <v>1</v>
      </c>
      <c r="DK14" s="103">
        <v>1</v>
      </c>
      <c r="DL14" s="413">
        <v>0</v>
      </c>
      <c r="DM14" s="102">
        <v>1</v>
      </c>
      <c r="DN14" s="102">
        <v>0</v>
      </c>
      <c r="DO14" s="102">
        <v>0</v>
      </c>
      <c r="DP14" s="102">
        <v>0</v>
      </c>
      <c r="DQ14" s="102">
        <v>0</v>
      </c>
      <c r="DR14" s="103">
        <v>1</v>
      </c>
      <c r="DS14" s="104">
        <v>2</v>
      </c>
      <c r="DT14" s="101">
        <v>5</v>
      </c>
      <c r="DU14" s="102">
        <v>3</v>
      </c>
      <c r="DV14" s="103">
        <v>8</v>
      </c>
      <c r="DW14" s="413">
        <v>0</v>
      </c>
      <c r="DX14" s="102">
        <v>6</v>
      </c>
      <c r="DY14" s="102">
        <v>0</v>
      </c>
      <c r="DZ14" s="102">
        <v>1</v>
      </c>
      <c r="EA14" s="102">
        <v>0</v>
      </c>
      <c r="EB14" s="102">
        <v>0</v>
      </c>
      <c r="EC14" s="103">
        <v>7</v>
      </c>
      <c r="ED14" s="104">
        <v>15</v>
      </c>
      <c r="EE14" s="101">
        <v>9</v>
      </c>
      <c r="EF14" s="102">
        <v>3</v>
      </c>
      <c r="EG14" s="103">
        <v>12</v>
      </c>
      <c r="EH14" s="413">
        <v>0</v>
      </c>
      <c r="EI14" s="102">
        <v>4</v>
      </c>
      <c r="EJ14" s="102">
        <v>3</v>
      </c>
      <c r="EK14" s="102">
        <v>0</v>
      </c>
      <c r="EL14" s="102">
        <v>1</v>
      </c>
      <c r="EM14" s="102">
        <v>1</v>
      </c>
      <c r="EN14" s="103">
        <v>9</v>
      </c>
      <c r="EO14" s="104">
        <v>21</v>
      </c>
      <c r="EP14" s="101">
        <v>7</v>
      </c>
      <c r="EQ14" s="102">
        <v>8</v>
      </c>
      <c r="ER14" s="103">
        <v>15</v>
      </c>
      <c r="ES14" s="413">
        <v>0</v>
      </c>
      <c r="ET14" s="102">
        <v>12</v>
      </c>
      <c r="EU14" s="102">
        <v>5</v>
      </c>
      <c r="EV14" s="102">
        <v>2</v>
      </c>
      <c r="EW14" s="102">
        <v>2</v>
      </c>
      <c r="EX14" s="102">
        <v>1</v>
      </c>
      <c r="EY14" s="103">
        <v>22</v>
      </c>
      <c r="EZ14" s="104">
        <v>37</v>
      </c>
      <c r="FA14" s="101">
        <v>18</v>
      </c>
      <c r="FB14" s="102">
        <v>12</v>
      </c>
      <c r="FC14" s="103">
        <v>30</v>
      </c>
      <c r="FD14" s="413">
        <v>0</v>
      </c>
      <c r="FE14" s="102">
        <v>13</v>
      </c>
      <c r="FF14" s="102">
        <v>8</v>
      </c>
      <c r="FG14" s="102">
        <v>2</v>
      </c>
      <c r="FH14" s="102">
        <v>5</v>
      </c>
      <c r="FI14" s="102">
        <v>1</v>
      </c>
      <c r="FJ14" s="103">
        <v>29</v>
      </c>
      <c r="FK14" s="104">
        <v>59</v>
      </c>
      <c r="FL14" s="101">
        <v>8</v>
      </c>
      <c r="FM14" s="102">
        <v>11</v>
      </c>
      <c r="FN14" s="103">
        <v>19</v>
      </c>
      <c r="FO14" s="413">
        <v>0</v>
      </c>
      <c r="FP14" s="102">
        <v>19</v>
      </c>
      <c r="FQ14" s="102">
        <v>11</v>
      </c>
      <c r="FR14" s="102">
        <v>6</v>
      </c>
      <c r="FS14" s="102">
        <v>17</v>
      </c>
      <c r="FT14" s="102">
        <v>10</v>
      </c>
      <c r="FU14" s="103">
        <v>63</v>
      </c>
      <c r="FV14" s="104">
        <v>82</v>
      </c>
      <c r="FW14" s="101">
        <v>0</v>
      </c>
      <c r="FX14" s="102">
        <v>0</v>
      </c>
      <c r="FY14" s="103">
        <v>0</v>
      </c>
      <c r="FZ14" s="413">
        <v>0</v>
      </c>
      <c r="GA14" s="102">
        <v>0</v>
      </c>
      <c r="GB14" s="102">
        <v>0</v>
      </c>
      <c r="GC14" s="102">
        <v>0</v>
      </c>
      <c r="GD14" s="102">
        <v>0</v>
      </c>
      <c r="GE14" s="102">
        <v>0</v>
      </c>
      <c r="GF14" s="103">
        <v>0</v>
      </c>
      <c r="GG14" s="104">
        <v>0</v>
      </c>
      <c r="GH14" s="101">
        <v>47</v>
      </c>
      <c r="GI14" s="102">
        <v>38</v>
      </c>
      <c r="GJ14" s="103">
        <v>85</v>
      </c>
      <c r="GK14" s="413">
        <v>0</v>
      </c>
      <c r="GL14" s="102">
        <v>55</v>
      </c>
      <c r="GM14" s="102">
        <v>27</v>
      </c>
      <c r="GN14" s="102">
        <v>11</v>
      </c>
      <c r="GO14" s="102">
        <v>25</v>
      </c>
      <c r="GP14" s="102">
        <v>13</v>
      </c>
      <c r="GQ14" s="103">
        <v>131</v>
      </c>
      <c r="GR14" s="104">
        <v>216</v>
      </c>
      <c r="GS14" s="105">
        <v>412</v>
      </c>
      <c r="GT14" s="97">
        <v>242</v>
      </c>
      <c r="GU14" s="98">
        <v>654</v>
      </c>
      <c r="GV14" s="413">
        <v>0</v>
      </c>
      <c r="GW14" s="97">
        <v>406</v>
      </c>
      <c r="GX14" s="97">
        <v>209</v>
      </c>
      <c r="GY14" s="97">
        <v>123</v>
      </c>
      <c r="GZ14" s="97">
        <v>143</v>
      </c>
      <c r="HA14" s="97">
        <v>90</v>
      </c>
      <c r="HB14" s="99">
        <v>971</v>
      </c>
      <c r="HC14" s="100">
        <v>1625</v>
      </c>
      <c r="HD14" s="101">
        <v>5</v>
      </c>
      <c r="HE14" s="102">
        <v>3</v>
      </c>
      <c r="HF14" s="103">
        <v>8</v>
      </c>
      <c r="HG14" s="413">
        <v>0</v>
      </c>
      <c r="HH14" s="102">
        <v>5</v>
      </c>
      <c r="HI14" s="102">
        <v>4</v>
      </c>
      <c r="HJ14" s="102">
        <v>0</v>
      </c>
      <c r="HK14" s="102">
        <v>5</v>
      </c>
      <c r="HL14" s="102">
        <v>2</v>
      </c>
      <c r="HM14" s="103">
        <v>16</v>
      </c>
      <c r="HN14" s="104">
        <v>24</v>
      </c>
      <c r="HO14" s="101">
        <v>18</v>
      </c>
      <c r="HP14" s="102">
        <v>8</v>
      </c>
      <c r="HQ14" s="103">
        <v>26</v>
      </c>
      <c r="HR14" s="413">
        <v>0</v>
      </c>
      <c r="HS14" s="102">
        <v>18</v>
      </c>
      <c r="HT14" s="102">
        <v>8</v>
      </c>
      <c r="HU14" s="102">
        <v>4</v>
      </c>
      <c r="HV14" s="102">
        <v>3</v>
      </c>
      <c r="HW14" s="102">
        <v>6</v>
      </c>
      <c r="HX14" s="103">
        <v>39</v>
      </c>
      <c r="HY14" s="104">
        <v>65</v>
      </c>
      <c r="HZ14" s="101">
        <v>36</v>
      </c>
      <c r="IA14" s="102">
        <v>18</v>
      </c>
      <c r="IB14" s="103">
        <v>54</v>
      </c>
      <c r="IC14" s="413">
        <v>0</v>
      </c>
      <c r="ID14" s="102">
        <v>30</v>
      </c>
      <c r="IE14" s="102">
        <v>15</v>
      </c>
      <c r="IF14" s="102">
        <v>8</v>
      </c>
      <c r="IG14" s="102">
        <v>8</v>
      </c>
      <c r="IH14" s="102">
        <v>13</v>
      </c>
      <c r="II14" s="103">
        <v>74</v>
      </c>
      <c r="IJ14" s="104">
        <v>128</v>
      </c>
      <c r="IK14" s="101">
        <v>84</v>
      </c>
      <c r="IL14" s="102">
        <v>41</v>
      </c>
      <c r="IM14" s="103">
        <v>125</v>
      </c>
      <c r="IN14" s="413">
        <v>0</v>
      </c>
      <c r="IO14" s="102">
        <v>72</v>
      </c>
      <c r="IP14" s="102">
        <v>39</v>
      </c>
      <c r="IQ14" s="102">
        <v>23</v>
      </c>
      <c r="IR14" s="102">
        <v>24</v>
      </c>
      <c r="IS14" s="102">
        <v>14</v>
      </c>
      <c r="IT14" s="103">
        <v>172</v>
      </c>
      <c r="IU14" s="104">
        <v>297</v>
      </c>
      <c r="IV14" s="101">
        <v>156</v>
      </c>
      <c r="IW14" s="102">
        <v>81</v>
      </c>
      <c r="IX14" s="103">
        <v>237</v>
      </c>
      <c r="IY14" s="413">
        <v>0</v>
      </c>
      <c r="IZ14" s="102">
        <v>142</v>
      </c>
      <c r="JA14" s="102">
        <v>64</v>
      </c>
      <c r="JB14" s="102">
        <v>31</v>
      </c>
      <c r="JC14" s="102">
        <v>34</v>
      </c>
      <c r="JD14" s="102">
        <v>13</v>
      </c>
      <c r="JE14" s="103">
        <v>284</v>
      </c>
      <c r="JF14" s="104">
        <v>521</v>
      </c>
      <c r="JG14" s="101">
        <v>113</v>
      </c>
      <c r="JH14" s="102">
        <v>91</v>
      </c>
      <c r="JI14" s="103">
        <v>204</v>
      </c>
      <c r="JJ14" s="413">
        <v>0</v>
      </c>
      <c r="JK14" s="102">
        <v>139</v>
      </c>
      <c r="JL14" s="102">
        <v>79</v>
      </c>
      <c r="JM14" s="102">
        <v>57</v>
      </c>
      <c r="JN14" s="102">
        <v>69</v>
      </c>
      <c r="JO14" s="102">
        <v>42</v>
      </c>
      <c r="JP14" s="103">
        <v>386</v>
      </c>
      <c r="JQ14" s="104">
        <v>590</v>
      </c>
      <c r="JR14" s="101">
        <v>0</v>
      </c>
      <c r="JS14" s="102">
        <v>0</v>
      </c>
      <c r="JT14" s="103">
        <v>0</v>
      </c>
      <c r="JU14" s="413">
        <v>0</v>
      </c>
      <c r="JV14" s="102">
        <v>0</v>
      </c>
      <c r="JW14" s="102">
        <v>0</v>
      </c>
      <c r="JX14" s="102">
        <v>0</v>
      </c>
      <c r="JY14" s="102">
        <v>0</v>
      </c>
      <c r="JZ14" s="102">
        <v>0</v>
      </c>
      <c r="KA14" s="103">
        <v>0</v>
      </c>
      <c r="KB14" s="104">
        <v>0</v>
      </c>
      <c r="KC14" s="101">
        <v>412</v>
      </c>
      <c r="KD14" s="102">
        <v>242</v>
      </c>
      <c r="KE14" s="103">
        <v>654</v>
      </c>
      <c r="KF14" s="413">
        <v>0</v>
      </c>
      <c r="KG14" s="102">
        <v>406</v>
      </c>
      <c r="KH14" s="102">
        <v>209</v>
      </c>
      <c r="KI14" s="102">
        <v>123</v>
      </c>
      <c r="KJ14" s="102">
        <v>143</v>
      </c>
      <c r="KK14" s="102">
        <v>90</v>
      </c>
      <c r="KL14" s="103">
        <v>971</v>
      </c>
      <c r="KM14" s="104">
        <v>1625</v>
      </c>
    </row>
    <row r="15" spans="2:299" s="70" customFormat="1" ht="21" customHeight="1" x14ac:dyDescent="0.2">
      <c r="B15" s="106" t="s">
        <v>11</v>
      </c>
      <c r="C15" s="96">
        <v>86</v>
      </c>
      <c r="D15" s="97">
        <v>76</v>
      </c>
      <c r="E15" s="98">
        <v>162</v>
      </c>
      <c r="F15" s="413">
        <v>0</v>
      </c>
      <c r="G15" s="97">
        <v>148</v>
      </c>
      <c r="H15" s="97">
        <v>89</v>
      </c>
      <c r="I15" s="97">
        <v>61</v>
      </c>
      <c r="J15" s="97">
        <v>53</v>
      </c>
      <c r="K15" s="97">
        <v>22</v>
      </c>
      <c r="L15" s="99">
        <v>373</v>
      </c>
      <c r="M15" s="100">
        <v>535</v>
      </c>
      <c r="N15" s="101">
        <v>0</v>
      </c>
      <c r="O15" s="102">
        <v>1</v>
      </c>
      <c r="P15" s="103">
        <v>1</v>
      </c>
      <c r="Q15" s="413">
        <v>0</v>
      </c>
      <c r="R15" s="102">
        <v>1</v>
      </c>
      <c r="S15" s="102">
        <v>0</v>
      </c>
      <c r="T15" s="102">
        <v>1</v>
      </c>
      <c r="U15" s="102">
        <v>1</v>
      </c>
      <c r="V15" s="102">
        <v>0</v>
      </c>
      <c r="W15" s="103">
        <v>3</v>
      </c>
      <c r="X15" s="104">
        <v>4</v>
      </c>
      <c r="Y15" s="101">
        <v>3</v>
      </c>
      <c r="Z15" s="102">
        <v>5</v>
      </c>
      <c r="AA15" s="103">
        <v>8</v>
      </c>
      <c r="AB15" s="413">
        <v>0</v>
      </c>
      <c r="AC15" s="102">
        <v>10</v>
      </c>
      <c r="AD15" s="102">
        <v>3</v>
      </c>
      <c r="AE15" s="102">
        <v>4</v>
      </c>
      <c r="AF15" s="102">
        <v>7</v>
      </c>
      <c r="AG15" s="102">
        <v>3</v>
      </c>
      <c r="AH15" s="103">
        <v>27</v>
      </c>
      <c r="AI15" s="104">
        <v>35</v>
      </c>
      <c r="AJ15" s="101">
        <v>4</v>
      </c>
      <c r="AK15" s="102">
        <v>8</v>
      </c>
      <c r="AL15" s="103">
        <v>12</v>
      </c>
      <c r="AM15" s="413">
        <v>0</v>
      </c>
      <c r="AN15" s="102">
        <v>9</v>
      </c>
      <c r="AO15" s="102">
        <v>14</v>
      </c>
      <c r="AP15" s="102">
        <v>6</v>
      </c>
      <c r="AQ15" s="102">
        <v>5</v>
      </c>
      <c r="AR15" s="102">
        <v>1</v>
      </c>
      <c r="AS15" s="103">
        <v>35</v>
      </c>
      <c r="AT15" s="104">
        <v>47</v>
      </c>
      <c r="AU15" s="101">
        <v>15</v>
      </c>
      <c r="AV15" s="102">
        <v>12</v>
      </c>
      <c r="AW15" s="103">
        <v>27</v>
      </c>
      <c r="AX15" s="413">
        <v>0</v>
      </c>
      <c r="AY15" s="102">
        <v>26</v>
      </c>
      <c r="AZ15" s="102">
        <v>12</v>
      </c>
      <c r="BA15" s="102">
        <v>9</v>
      </c>
      <c r="BB15" s="102">
        <v>4</v>
      </c>
      <c r="BC15" s="102">
        <v>5</v>
      </c>
      <c r="BD15" s="103">
        <v>56</v>
      </c>
      <c r="BE15" s="104">
        <v>83</v>
      </c>
      <c r="BF15" s="101">
        <v>33</v>
      </c>
      <c r="BG15" s="102">
        <v>26</v>
      </c>
      <c r="BH15" s="103">
        <v>59</v>
      </c>
      <c r="BI15" s="413">
        <v>0</v>
      </c>
      <c r="BJ15" s="102">
        <v>36</v>
      </c>
      <c r="BK15" s="102">
        <v>17</v>
      </c>
      <c r="BL15" s="102">
        <v>19</v>
      </c>
      <c r="BM15" s="102">
        <v>18</v>
      </c>
      <c r="BN15" s="102">
        <v>8</v>
      </c>
      <c r="BO15" s="103">
        <v>98</v>
      </c>
      <c r="BP15" s="104">
        <v>157</v>
      </c>
      <c r="BQ15" s="101">
        <v>31</v>
      </c>
      <c r="BR15" s="102">
        <v>24</v>
      </c>
      <c r="BS15" s="103">
        <v>55</v>
      </c>
      <c r="BT15" s="413">
        <v>0</v>
      </c>
      <c r="BU15" s="102">
        <v>66</v>
      </c>
      <c r="BV15" s="102">
        <v>43</v>
      </c>
      <c r="BW15" s="102">
        <v>22</v>
      </c>
      <c r="BX15" s="102">
        <v>18</v>
      </c>
      <c r="BY15" s="102">
        <v>5</v>
      </c>
      <c r="BZ15" s="103">
        <v>154</v>
      </c>
      <c r="CA15" s="104">
        <v>209</v>
      </c>
      <c r="CB15" s="101">
        <v>0</v>
      </c>
      <c r="CC15" s="102">
        <v>0</v>
      </c>
      <c r="CD15" s="103">
        <v>0</v>
      </c>
      <c r="CE15" s="413">
        <v>0</v>
      </c>
      <c r="CF15" s="102">
        <v>0</v>
      </c>
      <c r="CG15" s="102">
        <v>0</v>
      </c>
      <c r="CH15" s="102">
        <v>0</v>
      </c>
      <c r="CI15" s="102">
        <v>0</v>
      </c>
      <c r="CJ15" s="102">
        <v>0</v>
      </c>
      <c r="CK15" s="103">
        <v>0</v>
      </c>
      <c r="CL15" s="104">
        <v>0</v>
      </c>
      <c r="CM15" s="101">
        <v>86</v>
      </c>
      <c r="CN15" s="102">
        <v>76</v>
      </c>
      <c r="CO15" s="103">
        <v>162</v>
      </c>
      <c r="CP15" s="413">
        <v>0</v>
      </c>
      <c r="CQ15" s="102">
        <v>148</v>
      </c>
      <c r="CR15" s="102">
        <v>89</v>
      </c>
      <c r="CS15" s="102">
        <v>61</v>
      </c>
      <c r="CT15" s="102">
        <v>53</v>
      </c>
      <c r="CU15" s="102">
        <v>22</v>
      </c>
      <c r="CV15" s="103">
        <v>373</v>
      </c>
      <c r="CW15" s="104">
        <v>535</v>
      </c>
      <c r="CX15" s="105">
        <v>12</v>
      </c>
      <c r="CY15" s="97">
        <v>13</v>
      </c>
      <c r="CZ15" s="98">
        <v>25</v>
      </c>
      <c r="DA15" s="413">
        <v>0</v>
      </c>
      <c r="DB15" s="97">
        <v>23</v>
      </c>
      <c r="DC15" s="97">
        <v>17</v>
      </c>
      <c r="DD15" s="97">
        <v>14</v>
      </c>
      <c r="DE15" s="97">
        <v>14</v>
      </c>
      <c r="DF15" s="97">
        <v>7</v>
      </c>
      <c r="DG15" s="99">
        <v>75</v>
      </c>
      <c r="DH15" s="100">
        <v>100</v>
      </c>
      <c r="DI15" s="101">
        <v>2</v>
      </c>
      <c r="DJ15" s="102">
        <v>0</v>
      </c>
      <c r="DK15" s="103">
        <v>2</v>
      </c>
      <c r="DL15" s="413">
        <v>0</v>
      </c>
      <c r="DM15" s="102">
        <v>1</v>
      </c>
      <c r="DN15" s="102">
        <v>0</v>
      </c>
      <c r="DO15" s="102">
        <v>0</v>
      </c>
      <c r="DP15" s="102">
        <v>0</v>
      </c>
      <c r="DQ15" s="102">
        <v>0</v>
      </c>
      <c r="DR15" s="103">
        <v>1</v>
      </c>
      <c r="DS15" s="104">
        <v>3</v>
      </c>
      <c r="DT15" s="101">
        <v>0</v>
      </c>
      <c r="DU15" s="102">
        <v>2</v>
      </c>
      <c r="DV15" s="103">
        <v>2</v>
      </c>
      <c r="DW15" s="413">
        <v>0</v>
      </c>
      <c r="DX15" s="102">
        <v>2</v>
      </c>
      <c r="DY15" s="102">
        <v>0</v>
      </c>
      <c r="DZ15" s="102">
        <v>0</v>
      </c>
      <c r="EA15" s="102">
        <v>0</v>
      </c>
      <c r="EB15" s="102">
        <v>0</v>
      </c>
      <c r="EC15" s="103">
        <v>2</v>
      </c>
      <c r="ED15" s="104">
        <v>4</v>
      </c>
      <c r="EE15" s="101">
        <v>1</v>
      </c>
      <c r="EF15" s="102">
        <v>1</v>
      </c>
      <c r="EG15" s="103">
        <v>2</v>
      </c>
      <c r="EH15" s="413">
        <v>0</v>
      </c>
      <c r="EI15" s="102">
        <v>1</v>
      </c>
      <c r="EJ15" s="102">
        <v>2</v>
      </c>
      <c r="EK15" s="102">
        <v>1</v>
      </c>
      <c r="EL15" s="102">
        <v>0</v>
      </c>
      <c r="EM15" s="102">
        <v>1</v>
      </c>
      <c r="EN15" s="103">
        <v>5</v>
      </c>
      <c r="EO15" s="104">
        <v>7</v>
      </c>
      <c r="EP15" s="101">
        <v>4</v>
      </c>
      <c r="EQ15" s="102">
        <v>3</v>
      </c>
      <c r="ER15" s="103">
        <v>7</v>
      </c>
      <c r="ES15" s="413">
        <v>0</v>
      </c>
      <c r="ET15" s="102">
        <v>3</v>
      </c>
      <c r="EU15" s="102">
        <v>4</v>
      </c>
      <c r="EV15" s="102">
        <v>1</v>
      </c>
      <c r="EW15" s="102">
        <v>1</v>
      </c>
      <c r="EX15" s="102">
        <v>1</v>
      </c>
      <c r="EY15" s="103">
        <v>10</v>
      </c>
      <c r="EZ15" s="104">
        <v>17</v>
      </c>
      <c r="FA15" s="101">
        <v>3</v>
      </c>
      <c r="FB15" s="102">
        <v>4</v>
      </c>
      <c r="FC15" s="103">
        <v>7</v>
      </c>
      <c r="FD15" s="413">
        <v>0</v>
      </c>
      <c r="FE15" s="102">
        <v>9</v>
      </c>
      <c r="FF15" s="102">
        <v>3</v>
      </c>
      <c r="FG15" s="102">
        <v>3</v>
      </c>
      <c r="FH15" s="102">
        <v>4</v>
      </c>
      <c r="FI15" s="102">
        <v>3</v>
      </c>
      <c r="FJ15" s="103">
        <v>22</v>
      </c>
      <c r="FK15" s="104">
        <v>29</v>
      </c>
      <c r="FL15" s="101">
        <v>2</v>
      </c>
      <c r="FM15" s="102">
        <v>3</v>
      </c>
      <c r="FN15" s="103">
        <v>5</v>
      </c>
      <c r="FO15" s="413">
        <v>0</v>
      </c>
      <c r="FP15" s="102">
        <v>7</v>
      </c>
      <c r="FQ15" s="102">
        <v>8</v>
      </c>
      <c r="FR15" s="102">
        <v>9</v>
      </c>
      <c r="FS15" s="102">
        <v>9</v>
      </c>
      <c r="FT15" s="102">
        <v>2</v>
      </c>
      <c r="FU15" s="103">
        <v>35</v>
      </c>
      <c r="FV15" s="104">
        <v>40</v>
      </c>
      <c r="FW15" s="101">
        <v>0</v>
      </c>
      <c r="FX15" s="102">
        <v>0</v>
      </c>
      <c r="FY15" s="103">
        <v>0</v>
      </c>
      <c r="FZ15" s="413">
        <v>0</v>
      </c>
      <c r="GA15" s="102">
        <v>0</v>
      </c>
      <c r="GB15" s="102">
        <v>0</v>
      </c>
      <c r="GC15" s="102">
        <v>0</v>
      </c>
      <c r="GD15" s="102">
        <v>0</v>
      </c>
      <c r="GE15" s="102">
        <v>0</v>
      </c>
      <c r="GF15" s="103">
        <v>0</v>
      </c>
      <c r="GG15" s="104">
        <v>0</v>
      </c>
      <c r="GH15" s="101">
        <v>12</v>
      </c>
      <c r="GI15" s="102">
        <v>13</v>
      </c>
      <c r="GJ15" s="103">
        <v>25</v>
      </c>
      <c r="GK15" s="413">
        <v>0</v>
      </c>
      <c r="GL15" s="102">
        <v>23</v>
      </c>
      <c r="GM15" s="102">
        <v>17</v>
      </c>
      <c r="GN15" s="102">
        <v>14</v>
      </c>
      <c r="GO15" s="102">
        <v>14</v>
      </c>
      <c r="GP15" s="102">
        <v>7</v>
      </c>
      <c r="GQ15" s="103">
        <v>75</v>
      </c>
      <c r="GR15" s="104">
        <v>100</v>
      </c>
      <c r="GS15" s="105">
        <v>98</v>
      </c>
      <c r="GT15" s="97">
        <v>89</v>
      </c>
      <c r="GU15" s="98">
        <v>187</v>
      </c>
      <c r="GV15" s="413">
        <v>0</v>
      </c>
      <c r="GW15" s="97">
        <v>171</v>
      </c>
      <c r="GX15" s="97">
        <v>106</v>
      </c>
      <c r="GY15" s="97">
        <v>75</v>
      </c>
      <c r="GZ15" s="97">
        <v>67</v>
      </c>
      <c r="HA15" s="97">
        <v>29</v>
      </c>
      <c r="HB15" s="99">
        <v>448</v>
      </c>
      <c r="HC15" s="100">
        <v>635</v>
      </c>
      <c r="HD15" s="101">
        <v>2</v>
      </c>
      <c r="HE15" s="102">
        <v>1</v>
      </c>
      <c r="HF15" s="103">
        <v>3</v>
      </c>
      <c r="HG15" s="413">
        <v>0</v>
      </c>
      <c r="HH15" s="102">
        <v>2</v>
      </c>
      <c r="HI15" s="102">
        <v>0</v>
      </c>
      <c r="HJ15" s="102">
        <v>1</v>
      </c>
      <c r="HK15" s="102">
        <v>1</v>
      </c>
      <c r="HL15" s="102">
        <v>0</v>
      </c>
      <c r="HM15" s="103">
        <v>4</v>
      </c>
      <c r="HN15" s="104">
        <v>7</v>
      </c>
      <c r="HO15" s="101">
        <v>3</v>
      </c>
      <c r="HP15" s="102">
        <v>7</v>
      </c>
      <c r="HQ15" s="103">
        <v>10</v>
      </c>
      <c r="HR15" s="413">
        <v>0</v>
      </c>
      <c r="HS15" s="102">
        <v>12</v>
      </c>
      <c r="HT15" s="102">
        <v>3</v>
      </c>
      <c r="HU15" s="102">
        <v>4</v>
      </c>
      <c r="HV15" s="102">
        <v>7</v>
      </c>
      <c r="HW15" s="102">
        <v>3</v>
      </c>
      <c r="HX15" s="103">
        <v>29</v>
      </c>
      <c r="HY15" s="104">
        <v>39</v>
      </c>
      <c r="HZ15" s="101">
        <v>5</v>
      </c>
      <c r="IA15" s="102">
        <v>9</v>
      </c>
      <c r="IB15" s="103">
        <v>14</v>
      </c>
      <c r="IC15" s="413">
        <v>0</v>
      </c>
      <c r="ID15" s="102">
        <v>10</v>
      </c>
      <c r="IE15" s="102">
        <v>16</v>
      </c>
      <c r="IF15" s="102">
        <v>7</v>
      </c>
      <c r="IG15" s="102">
        <v>5</v>
      </c>
      <c r="IH15" s="102">
        <v>2</v>
      </c>
      <c r="II15" s="103">
        <v>40</v>
      </c>
      <c r="IJ15" s="104">
        <v>54</v>
      </c>
      <c r="IK15" s="101">
        <v>19</v>
      </c>
      <c r="IL15" s="102">
        <v>15</v>
      </c>
      <c r="IM15" s="103">
        <v>34</v>
      </c>
      <c r="IN15" s="413">
        <v>0</v>
      </c>
      <c r="IO15" s="102">
        <v>29</v>
      </c>
      <c r="IP15" s="102">
        <v>16</v>
      </c>
      <c r="IQ15" s="102">
        <v>10</v>
      </c>
      <c r="IR15" s="102">
        <v>5</v>
      </c>
      <c r="IS15" s="102">
        <v>6</v>
      </c>
      <c r="IT15" s="103">
        <v>66</v>
      </c>
      <c r="IU15" s="104">
        <v>100</v>
      </c>
      <c r="IV15" s="101">
        <v>36</v>
      </c>
      <c r="IW15" s="102">
        <v>30</v>
      </c>
      <c r="IX15" s="103">
        <v>66</v>
      </c>
      <c r="IY15" s="413">
        <v>0</v>
      </c>
      <c r="IZ15" s="102">
        <v>45</v>
      </c>
      <c r="JA15" s="102">
        <v>20</v>
      </c>
      <c r="JB15" s="102">
        <v>22</v>
      </c>
      <c r="JC15" s="102">
        <v>22</v>
      </c>
      <c r="JD15" s="102">
        <v>11</v>
      </c>
      <c r="JE15" s="103">
        <v>120</v>
      </c>
      <c r="JF15" s="104">
        <v>186</v>
      </c>
      <c r="JG15" s="101">
        <v>33</v>
      </c>
      <c r="JH15" s="102">
        <v>27</v>
      </c>
      <c r="JI15" s="103">
        <v>60</v>
      </c>
      <c r="JJ15" s="413">
        <v>0</v>
      </c>
      <c r="JK15" s="102">
        <v>73</v>
      </c>
      <c r="JL15" s="102">
        <v>51</v>
      </c>
      <c r="JM15" s="102">
        <v>31</v>
      </c>
      <c r="JN15" s="102">
        <v>27</v>
      </c>
      <c r="JO15" s="102">
        <v>7</v>
      </c>
      <c r="JP15" s="103">
        <v>189</v>
      </c>
      <c r="JQ15" s="104">
        <v>249</v>
      </c>
      <c r="JR15" s="101">
        <v>0</v>
      </c>
      <c r="JS15" s="102">
        <v>0</v>
      </c>
      <c r="JT15" s="103">
        <v>0</v>
      </c>
      <c r="JU15" s="413">
        <v>0</v>
      </c>
      <c r="JV15" s="102">
        <v>0</v>
      </c>
      <c r="JW15" s="102">
        <v>0</v>
      </c>
      <c r="JX15" s="102">
        <v>0</v>
      </c>
      <c r="JY15" s="102">
        <v>0</v>
      </c>
      <c r="JZ15" s="102">
        <v>0</v>
      </c>
      <c r="KA15" s="103">
        <v>0</v>
      </c>
      <c r="KB15" s="104">
        <v>0</v>
      </c>
      <c r="KC15" s="101">
        <v>98</v>
      </c>
      <c r="KD15" s="102">
        <v>89</v>
      </c>
      <c r="KE15" s="103">
        <v>187</v>
      </c>
      <c r="KF15" s="413">
        <v>0</v>
      </c>
      <c r="KG15" s="102">
        <v>171</v>
      </c>
      <c r="KH15" s="102">
        <v>106</v>
      </c>
      <c r="KI15" s="102">
        <v>75</v>
      </c>
      <c r="KJ15" s="102">
        <v>67</v>
      </c>
      <c r="KK15" s="102">
        <v>29</v>
      </c>
      <c r="KL15" s="103">
        <v>448</v>
      </c>
      <c r="KM15" s="104">
        <v>635</v>
      </c>
    </row>
    <row r="16" spans="2:299" s="70" customFormat="1" ht="21" customHeight="1" x14ac:dyDescent="0.2">
      <c r="B16" s="106" t="s">
        <v>12</v>
      </c>
      <c r="C16" s="96">
        <v>175</v>
      </c>
      <c r="D16" s="97">
        <v>166</v>
      </c>
      <c r="E16" s="98">
        <v>341</v>
      </c>
      <c r="F16" s="413">
        <v>0</v>
      </c>
      <c r="G16" s="97">
        <v>179</v>
      </c>
      <c r="H16" s="97">
        <v>161</v>
      </c>
      <c r="I16" s="97">
        <v>87</v>
      </c>
      <c r="J16" s="97">
        <v>84</v>
      </c>
      <c r="K16" s="97">
        <v>29</v>
      </c>
      <c r="L16" s="99">
        <v>540</v>
      </c>
      <c r="M16" s="100">
        <v>881</v>
      </c>
      <c r="N16" s="107">
        <v>7</v>
      </c>
      <c r="O16" s="102">
        <v>1</v>
      </c>
      <c r="P16" s="103">
        <v>8</v>
      </c>
      <c r="Q16" s="413">
        <v>0</v>
      </c>
      <c r="R16" s="102">
        <v>0</v>
      </c>
      <c r="S16" s="102">
        <v>5</v>
      </c>
      <c r="T16" s="102">
        <v>0</v>
      </c>
      <c r="U16" s="102">
        <v>2</v>
      </c>
      <c r="V16" s="102">
        <v>1</v>
      </c>
      <c r="W16" s="103">
        <v>8</v>
      </c>
      <c r="X16" s="104">
        <v>16</v>
      </c>
      <c r="Y16" s="101">
        <v>13</v>
      </c>
      <c r="Z16" s="102">
        <v>8</v>
      </c>
      <c r="AA16" s="103">
        <v>21</v>
      </c>
      <c r="AB16" s="413">
        <v>0</v>
      </c>
      <c r="AC16" s="102">
        <v>3</v>
      </c>
      <c r="AD16" s="102">
        <v>3</v>
      </c>
      <c r="AE16" s="102">
        <v>5</v>
      </c>
      <c r="AF16" s="102">
        <v>2</v>
      </c>
      <c r="AG16" s="102">
        <v>0</v>
      </c>
      <c r="AH16" s="103">
        <v>13</v>
      </c>
      <c r="AI16" s="104">
        <v>34</v>
      </c>
      <c r="AJ16" s="107">
        <v>11</v>
      </c>
      <c r="AK16" s="102">
        <v>13</v>
      </c>
      <c r="AL16" s="103">
        <v>24</v>
      </c>
      <c r="AM16" s="413">
        <v>0</v>
      </c>
      <c r="AN16" s="102">
        <v>16</v>
      </c>
      <c r="AO16" s="102">
        <v>11</v>
      </c>
      <c r="AP16" s="102">
        <v>11</v>
      </c>
      <c r="AQ16" s="102">
        <v>6</v>
      </c>
      <c r="AR16" s="102">
        <v>4</v>
      </c>
      <c r="AS16" s="103">
        <v>48</v>
      </c>
      <c r="AT16" s="104">
        <v>72</v>
      </c>
      <c r="AU16" s="101">
        <v>34</v>
      </c>
      <c r="AV16" s="102">
        <v>30</v>
      </c>
      <c r="AW16" s="103">
        <v>64</v>
      </c>
      <c r="AX16" s="413">
        <v>0</v>
      </c>
      <c r="AY16" s="102">
        <v>23</v>
      </c>
      <c r="AZ16" s="102">
        <v>33</v>
      </c>
      <c r="BA16" s="102">
        <v>12</v>
      </c>
      <c r="BB16" s="102">
        <v>13</v>
      </c>
      <c r="BC16" s="102">
        <v>5</v>
      </c>
      <c r="BD16" s="103">
        <v>86</v>
      </c>
      <c r="BE16" s="104">
        <v>150</v>
      </c>
      <c r="BF16" s="107">
        <v>61</v>
      </c>
      <c r="BG16" s="102">
        <v>59</v>
      </c>
      <c r="BH16" s="103">
        <v>120</v>
      </c>
      <c r="BI16" s="413">
        <v>0</v>
      </c>
      <c r="BJ16" s="102">
        <v>73</v>
      </c>
      <c r="BK16" s="102">
        <v>40</v>
      </c>
      <c r="BL16" s="102">
        <v>23</v>
      </c>
      <c r="BM16" s="102">
        <v>20</v>
      </c>
      <c r="BN16" s="102">
        <v>10</v>
      </c>
      <c r="BO16" s="103">
        <v>166</v>
      </c>
      <c r="BP16" s="104">
        <v>286</v>
      </c>
      <c r="BQ16" s="101">
        <v>49</v>
      </c>
      <c r="BR16" s="102">
        <v>55</v>
      </c>
      <c r="BS16" s="103">
        <v>104</v>
      </c>
      <c r="BT16" s="413">
        <v>0</v>
      </c>
      <c r="BU16" s="102">
        <v>64</v>
      </c>
      <c r="BV16" s="102">
        <v>69</v>
      </c>
      <c r="BW16" s="102">
        <v>36</v>
      </c>
      <c r="BX16" s="102">
        <v>41</v>
      </c>
      <c r="BY16" s="102">
        <v>9</v>
      </c>
      <c r="BZ16" s="103">
        <v>219</v>
      </c>
      <c r="CA16" s="104">
        <v>323</v>
      </c>
      <c r="CB16" s="101">
        <v>0</v>
      </c>
      <c r="CC16" s="102">
        <v>0</v>
      </c>
      <c r="CD16" s="103">
        <v>0</v>
      </c>
      <c r="CE16" s="413">
        <v>0</v>
      </c>
      <c r="CF16" s="102">
        <v>0</v>
      </c>
      <c r="CG16" s="102">
        <v>0</v>
      </c>
      <c r="CH16" s="102">
        <v>0</v>
      </c>
      <c r="CI16" s="102">
        <v>0</v>
      </c>
      <c r="CJ16" s="102">
        <v>0</v>
      </c>
      <c r="CK16" s="103">
        <v>0</v>
      </c>
      <c r="CL16" s="104">
        <v>0</v>
      </c>
      <c r="CM16" s="101">
        <v>175</v>
      </c>
      <c r="CN16" s="102">
        <v>166</v>
      </c>
      <c r="CO16" s="103">
        <v>341</v>
      </c>
      <c r="CP16" s="413">
        <v>0</v>
      </c>
      <c r="CQ16" s="102">
        <v>179</v>
      </c>
      <c r="CR16" s="102">
        <v>161</v>
      </c>
      <c r="CS16" s="102">
        <v>87</v>
      </c>
      <c r="CT16" s="102">
        <v>84</v>
      </c>
      <c r="CU16" s="102">
        <v>29</v>
      </c>
      <c r="CV16" s="103">
        <v>540</v>
      </c>
      <c r="CW16" s="104">
        <v>881</v>
      </c>
      <c r="CX16" s="105">
        <v>24</v>
      </c>
      <c r="CY16" s="97">
        <v>23</v>
      </c>
      <c r="CZ16" s="98">
        <v>47</v>
      </c>
      <c r="DA16" s="413">
        <v>0</v>
      </c>
      <c r="DB16" s="97">
        <v>21</v>
      </c>
      <c r="DC16" s="97">
        <v>19</v>
      </c>
      <c r="DD16" s="97">
        <v>14</v>
      </c>
      <c r="DE16" s="97">
        <v>15</v>
      </c>
      <c r="DF16" s="97">
        <v>11</v>
      </c>
      <c r="DG16" s="99">
        <v>80</v>
      </c>
      <c r="DH16" s="100">
        <v>127</v>
      </c>
      <c r="DI16" s="107">
        <v>0</v>
      </c>
      <c r="DJ16" s="102">
        <v>0</v>
      </c>
      <c r="DK16" s="103">
        <v>0</v>
      </c>
      <c r="DL16" s="413">
        <v>0</v>
      </c>
      <c r="DM16" s="102">
        <v>0</v>
      </c>
      <c r="DN16" s="102">
        <v>1</v>
      </c>
      <c r="DO16" s="102">
        <v>1</v>
      </c>
      <c r="DP16" s="102">
        <v>1</v>
      </c>
      <c r="DQ16" s="102">
        <v>0</v>
      </c>
      <c r="DR16" s="103">
        <v>3</v>
      </c>
      <c r="DS16" s="104">
        <v>3</v>
      </c>
      <c r="DT16" s="101">
        <v>1</v>
      </c>
      <c r="DU16" s="102">
        <v>1</v>
      </c>
      <c r="DV16" s="103">
        <v>2</v>
      </c>
      <c r="DW16" s="413">
        <v>0</v>
      </c>
      <c r="DX16" s="102">
        <v>1</v>
      </c>
      <c r="DY16" s="102">
        <v>2</v>
      </c>
      <c r="DZ16" s="102">
        <v>0</v>
      </c>
      <c r="EA16" s="102">
        <v>0</v>
      </c>
      <c r="EB16" s="102">
        <v>0</v>
      </c>
      <c r="EC16" s="103">
        <v>3</v>
      </c>
      <c r="ED16" s="104">
        <v>5</v>
      </c>
      <c r="EE16" s="107">
        <v>2</v>
      </c>
      <c r="EF16" s="102">
        <v>4</v>
      </c>
      <c r="EG16" s="103">
        <v>6</v>
      </c>
      <c r="EH16" s="413">
        <v>0</v>
      </c>
      <c r="EI16" s="102">
        <v>1</v>
      </c>
      <c r="EJ16" s="102">
        <v>2</v>
      </c>
      <c r="EK16" s="102">
        <v>0</v>
      </c>
      <c r="EL16" s="102">
        <v>2</v>
      </c>
      <c r="EM16" s="102">
        <v>0</v>
      </c>
      <c r="EN16" s="103">
        <v>5</v>
      </c>
      <c r="EO16" s="104">
        <v>11</v>
      </c>
      <c r="EP16" s="101">
        <v>5</v>
      </c>
      <c r="EQ16" s="102">
        <v>3</v>
      </c>
      <c r="ER16" s="103">
        <v>8</v>
      </c>
      <c r="ES16" s="413">
        <v>0</v>
      </c>
      <c r="ET16" s="102">
        <v>5</v>
      </c>
      <c r="EU16" s="102">
        <v>1</v>
      </c>
      <c r="EV16" s="102">
        <v>1</v>
      </c>
      <c r="EW16" s="102">
        <v>0</v>
      </c>
      <c r="EX16" s="102">
        <v>0</v>
      </c>
      <c r="EY16" s="103">
        <v>7</v>
      </c>
      <c r="EZ16" s="104">
        <v>15</v>
      </c>
      <c r="FA16" s="107">
        <v>6</v>
      </c>
      <c r="FB16" s="102">
        <v>10</v>
      </c>
      <c r="FC16" s="103">
        <v>16</v>
      </c>
      <c r="FD16" s="413">
        <v>0</v>
      </c>
      <c r="FE16" s="102">
        <v>9</v>
      </c>
      <c r="FF16" s="102">
        <v>3</v>
      </c>
      <c r="FG16" s="102">
        <v>2</v>
      </c>
      <c r="FH16" s="102">
        <v>5</v>
      </c>
      <c r="FI16" s="102">
        <v>5</v>
      </c>
      <c r="FJ16" s="103">
        <v>24</v>
      </c>
      <c r="FK16" s="104">
        <v>40</v>
      </c>
      <c r="FL16" s="101">
        <v>10</v>
      </c>
      <c r="FM16" s="102">
        <v>5</v>
      </c>
      <c r="FN16" s="103">
        <v>15</v>
      </c>
      <c r="FO16" s="413">
        <v>0</v>
      </c>
      <c r="FP16" s="102">
        <v>5</v>
      </c>
      <c r="FQ16" s="102">
        <v>10</v>
      </c>
      <c r="FR16" s="102">
        <v>10</v>
      </c>
      <c r="FS16" s="102">
        <v>7</v>
      </c>
      <c r="FT16" s="102">
        <v>6</v>
      </c>
      <c r="FU16" s="103">
        <v>38</v>
      </c>
      <c r="FV16" s="104">
        <v>53</v>
      </c>
      <c r="FW16" s="101">
        <v>0</v>
      </c>
      <c r="FX16" s="102">
        <v>0</v>
      </c>
      <c r="FY16" s="103">
        <v>0</v>
      </c>
      <c r="FZ16" s="413">
        <v>0</v>
      </c>
      <c r="GA16" s="102">
        <v>0</v>
      </c>
      <c r="GB16" s="102">
        <v>0</v>
      </c>
      <c r="GC16" s="102">
        <v>0</v>
      </c>
      <c r="GD16" s="102">
        <v>0</v>
      </c>
      <c r="GE16" s="102">
        <v>0</v>
      </c>
      <c r="GF16" s="103">
        <v>0</v>
      </c>
      <c r="GG16" s="104">
        <v>0</v>
      </c>
      <c r="GH16" s="101">
        <v>24</v>
      </c>
      <c r="GI16" s="102">
        <v>23</v>
      </c>
      <c r="GJ16" s="103">
        <v>47</v>
      </c>
      <c r="GK16" s="413">
        <v>0</v>
      </c>
      <c r="GL16" s="102">
        <v>21</v>
      </c>
      <c r="GM16" s="102">
        <v>19</v>
      </c>
      <c r="GN16" s="102">
        <v>14</v>
      </c>
      <c r="GO16" s="102">
        <v>15</v>
      </c>
      <c r="GP16" s="102">
        <v>11</v>
      </c>
      <c r="GQ16" s="103">
        <v>80</v>
      </c>
      <c r="GR16" s="104">
        <v>127</v>
      </c>
      <c r="GS16" s="105">
        <v>199</v>
      </c>
      <c r="GT16" s="97">
        <v>189</v>
      </c>
      <c r="GU16" s="98">
        <v>388</v>
      </c>
      <c r="GV16" s="413">
        <v>0</v>
      </c>
      <c r="GW16" s="97">
        <v>200</v>
      </c>
      <c r="GX16" s="97">
        <v>180</v>
      </c>
      <c r="GY16" s="97">
        <v>101</v>
      </c>
      <c r="GZ16" s="97">
        <v>99</v>
      </c>
      <c r="HA16" s="97">
        <v>40</v>
      </c>
      <c r="HB16" s="99">
        <v>620</v>
      </c>
      <c r="HC16" s="100">
        <v>1008</v>
      </c>
      <c r="HD16" s="107">
        <v>7</v>
      </c>
      <c r="HE16" s="102">
        <v>1</v>
      </c>
      <c r="HF16" s="103">
        <v>8</v>
      </c>
      <c r="HG16" s="413">
        <v>0</v>
      </c>
      <c r="HH16" s="102">
        <v>0</v>
      </c>
      <c r="HI16" s="102">
        <v>6</v>
      </c>
      <c r="HJ16" s="102">
        <v>1</v>
      </c>
      <c r="HK16" s="102">
        <v>3</v>
      </c>
      <c r="HL16" s="102">
        <v>1</v>
      </c>
      <c r="HM16" s="103">
        <v>11</v>
      </c>
      <c r="HN16" s="104">
        <v>19</v>
      </c>
      <c r="HO16" s="101">
        <v>14</v>
      </c>
      <c r="HP16" s="102">
        <v>9</v>
      </c>
      <c r="HQ16" s="103">
        <v>23</v>
      </c>
      <c r="HR16" s="413">
        <v>0</v>
      </c>
      <c r="HS16" s="102">
        <v>4</v>
      </c>
      <c r="HT16" s="102">
        <v>5</v>
      </c>
      <c r="HU16" s="102">
        <v>5</v>
      </c>
      <c r="HV16" s="102">
        <v>2</v>
      </c>
      <c r="HW16" s="102">
        <v>0</v>
      </c>
      <c r="HX16" s="103">
        <v>16</v>
      </c>
      <c r="HY16" s="104">
        <v>39</v>
      </c>
      <c r="HZ16" s="107">
        <v>13</v>
      </c>
      <c r="IA16" s="102">
        <v>17</v>
      </c>
      <c r="IB16" s="103">
        <v>30</v>
      </c>
      <c r="IC16" s="413">
        <v>0</v>
      </c>
      <c r="ID16" s="102">
        <v>17</v>
      </c>
      <c r="IE16" s="102">
        <v>13</v>
      </c>
      <c r="IF16" s="102">
        <v>11</v>
      </c>
      <c r="IG16" s="102">
        <v>8</v>
      </c>
      <c r="IH16" s="102">
        <v>4</v>
      </c>
      <c r="II16" s="103">
        <v>53</v>
      </c>
      <c r="IJ16" s="104">
        <v>83</v>
      </c>
      <c r="IK16" s="101">
        <v>39</v>
      </c>
      <c r="IL16" s="102">
        <v>33</v>
      </c>
      <c r="IM16" s="103">
        <v>72</v>
      </c>
      <c r="IN16" s="413">
        <v>0</v>
      </c>
      <c r="IO16" s="102">
        <v>28</v>
      </c>
      <c r="IP16" s="102">
        <v>34</v>
      </c>
      <c r="IQ16" s="102">
        <v>13</v>
      </c>
      <c r="IR16" s="102">
        <v>13</v>
      </c>
      <c r="IS16" s="102">
        <v>5</v>
      </c>
      <c r="IT16" s="103">
        <v>93</v>
      </c>
      <c r="IU16" s="104">
        <v>165</v>
      </c>
      <c r="IV16" s="107">
        <v>67</v>
      </c>
      <c r="IW16" s="102">
        <v>69</v>
      </c>
      <c r="IX16" s="103">
        <v>136</v>
      </c>
      <c r="IY16" s="413">
        <v>0</v>
      </c>
      <c r="IZ16" s="102">
        <v>82</v>
      </c>
      <c r="JA16" s="102">
        <v>43</v>
      </c>
      <c r="JB16" s="102">
        <v>25</v>
      </c>
      <c r="JC16" s="102">
        <v>25</v>
      </c>
      <c r="JD16" s="102">
        <v>15</v>
      </c>
      <c r="JE16" s="103">
        <v>190</v>
      </c>
      <c r="JF16" s="104">
        <v>326</v>
      </c>
      <c r="JG16" s="101">
        <v>59</v>
      </c>
      <c r="JH16" s="102">
        <v>60</v>
      </c>
      <c r="JI16" s="103">
        <v>119</v>
      </c>
      <c r="JJ16" s="413">
        <v>0</v>
      </c>
      <c r="JK16" s="102">
        <v>69</v>
      </c>
      <c r="JL16" s="102">
        <v>79</v>
      </c>
      <c r="JM16" s="102">
        <v>46</v>
      </c>
      <c r="JN16" s="102">
        <v>48</v>
      </c>
      <c r="JO16" s="102">
        <v>15</v>
      </c>
      <c r="JP16" s="103">
        <v>257</v>
      </c>
      <c r="JQ16" s="104">
        <v>376</v>
      </c>
      <c r="JR16" s="101">
        <v>0</v>
      </c>
      <c r="JS16" s="102">
        <v>0</v>
      </c>
      <c r="JT16" s="103">
        <v>0</v>
      </c>
      <c r="JU16" s="413">
        <v>0</v>
      </c>
      <c r="JV16" s="102">
        <v>0</v>
      </c>
      <c r="JW16" s="102">
        <v>0</v>
      </c>
      <c r="JX16" s="102">
        <v>0</v>
      </c>
      <c r="JY16" s="102">
        <v>0</v>
      </c>
      <c r="JZ16" s="102">
        <v>0</v>
      </c>
      <c r="KA16" s="103">
        <v>0</v>
      </c>
      <c r="KB16" s="104">
        <v>0</v>
      </c>
      <c r="KC16" s="101">
        <v>199</v>
      </c>
      <c r="KD16" s="102">
        <v>189</v>
      </c>
      <c r="KE16" s="103">
        <v>388</v>
      </c>
      <c r="KF16" s="413">
        <v>0</v>
      </c>
      <c r="KG16" s="102">
        <v>200</v>
      </c>
      <c r="KH16" s="102">
        <v>180</v>
      </c>
      <c r="KI16" s="102">
        <v>101</v>
      </c>
      <c r="KJ16" s="102">
        <v>99</v>
      </c>
      <c r="KK16" s="102">
        <v>40</v>
      </c>
      <c r="KL16" s="103">
        <v>620</v>
      </c>
      <c r="KM16" s="104">
        <v>1008</v>
      </c>
    </row>
    <row r="17" spans="2:299" s="70" customFormat="1" ht="21" customHeight="1" x14ac:dyDescent="0.2">
      <c r="B17" s="106" t="s">
        <v>13</v>
      </c>
      <c r="C17" s="96">
        <v>48</v>
      </c>
      <c r="D17" s="97">
        <v>39</v>
      </c>
      <c r="E17" s="98">
        <v>87</v>
      </c>
      <c r="F17" s="413">
        <v>0</v>
      </c>
      <c r="G17" s="97">
        <v>72</v>
      </c>
      <c r="H17" s="97">
        <v>65</v>
      </c>
      <c r="I17" s="97">
        <v>40</v>
      </c>
      <c r="J17" s="97">
        <v>36</v>
      </c>
      <c r="K17" s="97">
        <v>17</v>
      </c>
      <c r="L17" s="99">
        <v>230</v>
      </c>
      <c r="M17" s="100">
        <v>317</v>
      </c>
      <c r="N17" s="101">
        <v>0</v>
      </c>
      <c r="O17" s="102">
        <v>0</v>
      </c>
      <c r="P17" s="103">
        <v>0</v>
      </c>
      <c r="Q17" s="413">
        <v>0</v>
      </c>
      <c r="R17" s="102">
        <v>1</v>
      </c>
      <c r="S17" s="102">
        <v>1</v>
      </c>
      <c r="T17" s="102">
        <v>0</v>
      </c>
      <c r="U17" s="102">
        <v>0</v>
      </c>
      <c r="V17" s="102">
        <v>0</v>
      </c>
      <c r="W17" s="103">
        <v>2</v>
      </c>
      <c r="X17" s="104">
        <v>2</v>
      </c>
      <c r="Y17" s="101">
        <v>0</v>
      </c>
      <c r="Z17" s="102">
        <v>0</v>
      </c>
      <c r="AA17" s="103">
        <v>0</v>
      </c>
      <c r="AB17" s="413">
        <v>0</v>
      </c>
      <c r="AC17" s="102">
        <v>1</v>
      </c>
      <c r="AD17" s="102">
        <v>0</v>
      </c>
      <c r="AE17" s="102">
        <v>1</v>
      </c>
      <c r="AF17" s="102">
        <v>2</v>
      </c>
      <c r="AG17" s="102">
        <v>1</v>
      </c>
      <c r="AH17" s="103">
        <v>5</v>
      </c>
      <c r="AI17" s="104">
        <v>5</v>
      </c>
      <c r="AJ17" s="101">
        <v>4</v>
      </c>
      <c r="AK17" s="102">
        <v>3</v>
      </c>
      <c r="AL17" s="103">
        <v>7</v>
      </c>
      <c r="AM17" s="413">
        <v>0</v>
      </c>
      <c r="AN17" s="102">
        <v>3</v>
      </c>
      <c r="AO17" s="102">
        <v>3</v>
      </c>
      <c r="AP17" s="102">
        <v>1</v>
      </c>
      <c r="AQ17" s="102">
        <v>1</v>
      </c>
      <c r="AR17" s="102">
        <v>0</v>
      </c>
      <c r="AS17" s="103">
        <v>8</v>
      </c>
      <c r="AT17" s="104">
        <v>15</v>
      </c>
      <c r="AU17" s="101">
        <v>8</v>
      </c>
      <c r="AV17" s="102">
        <v>6</v>
      </c>
      <c r="AW17" s="103">
        <v>14</v>
      </c>
      <c r="AX17" s="413">
        <v>0</v>
      </c>
      <c r="AY17" s="102">
        <v>11</v>
      </c>
      <c r="AZ17" s="102">
        <v>11</v>
      </c>
      <c r="BA17" s="102">
        <v>6</v>
      </c>
      <c r="BB17" s="102">
        <v>7</v>
      </c>
      <c r="BC17" s="102">
        <v>1</v>
      </c>
      <c r="BD17" s="103">
        <v>36</v>
      </c>
      <c r="BE17" s="104">
        <v>50</v>
      </c>
      <c r="BF17" s="101">
        <v>19</v>
      </c>
      <c r="BG17" s="102">
        <v>14</v>
      </c>
      <c r="BH17" s="103">
        <v>33</v>
      </c>
      <c r="BI17" s="413">
        <v>0</v>
      </c>
      <c r="BJ17" s="102">
        <v>22</v>
      </c>
      <c r="BK17" s="102">
        <v>21</v>
      </c>
      <c r="BL17" s="102">
        <v>9</v>
      </c>
      <c r="BM17" s="102">
        <v>11</v>
      </c>
      <c r="BN17" s="102">
        <v>5</v>
      </c>
      <c r="BO17" s="103">
        <v>68</v>
      </c>
      <c r="BP17" s="104">
        <v>101</v>
      </c>
      <c r="BQ17" s="101">
        <v>17</v>
      </c>
      <c r="BR17" s="102">
        <v>16</v>
      </c>
      <c r="BS17" s="103">
        <v>33</v>
      </c>
      <c r="BT17" s="413">
        <v>0</v>
      </c>
      <c r="BU17" s="102">
        <v>34</v>
      </c>
      <c r="BV17" s="102">
        <v>29</v>
      </c>
      <c r="BW17" s="102">
        <v>23</v>
      </c>
      <c r="BX17" s="102">
        <v>15</v>
      </c>
      <c r="BY17" s="102">
        <v>10</v>
      </c>
      <c r="BZ17" s="103">
        <v>111</v>
      </c>
      <c r="CA17" s="104">
        <v>144</v>
      </c>
      <c r="CB17" s="101">
        <v>0</v>
      </c>
      <c r="CC17" s="102">
        <v>0</v>
      </c>
      <c r="CD17" s="103">
        <v>0</v>
      </c>
      <c r="CE17" s="413">
        <v>0</v>
      </c>
      <c r="CF17" s="102">
        <v>0</v>
      </c>
      <c r="CG17" s="102">
        <v>0</v>
      </c>
      <c r="CH17" s="102">
        <v>0</v>
      </c>
      <c r="CI17" s="102">
        <v>0</v>
      </c>
      <c r="CJ17" s="102">
        <v>0</v>
      </c>
      <c r="CK17" s="103">
        <v>0</v>
      </c>
      <c r="CL17" s="104">
        <v>0</v>
      </c>
      <c r="CM17" s="101">
        <v>48</v>
      </c>
      <c r="CN17" s="102">
        <v>39</v>
      </c>
      <c r="CO17" s="103">
        <v>87</v>
      </c>
      <c r="CP17" s="413">
        <v>0</v>
      </c>
      <c r="CQ17" s="102">
        <v>72</v>
      </c>
      <c r="CR17" s="102">
        <v>65</v>
      </c>
      <c r="CS17" s="102">
        <v>40</v>
      </c>
      <c r="CT17" s="102">
        <v>36</v>
      </c>
      <c r="CU17" s="102">
        <v>17</v>
      </c>
      <c r="CV17" s="103">
        <v>230</v>
      </c>
      <c r="CW17" s="104">
        <v>317</v>
      </c>
      <c r="CX17" s="105">
        <v>5</v>
      </c>
      <c r="CY17" s="97">
        <v>7</v>
      </c>
      <c r="CZ17" s="98">
        <v>12</v>
      </c>
      <c r="DA17" s="413">
        <v>0</v>
      </c>
      <c r="DB17" s="97">
        <v>18</v>
      </c>
      <c r="DC17" s="97">
        <v>11</v>
      </c>
      <c r="DD17" s="97">
        <v>3</v>
      </c>
      <c r="DE17" s="97">
        <v>12</v>
      </c>
      <c r="DF17" s="97">
        <v>3</v>
      </c>
      <c r="DG17" s="99">
        <v>47</v>
      </c>
      <c r="DH17" s="100">
        <v>59</v>
      </c>
      <c r="DI17" s="101">
        <v>0</v>
      </c>
      <c r="DJ17" s="102">
        <v>0</v>
      </c>
      <c r="DK17" s="103">
        <v>0</v>
      </c>
      <c r="DL17" s="413">
        <v>0</v>
      </c>
      <c r="DM17" s="102">
        <v>0</v>
      </c>
      <c r="DN17" s="102">
        <v>0</v>
      </c>
      <c r="DO17" s="102">
        <v>0</v>
      </c>
      <c r="DP17" s="102">
        <v>0</v>
      </c>
      <c r="DQ17" s="102">
        <v>0</v>
      </c>
      <c r="DR17" s="103">
        <v>0</v>
      </c>
      <c r="DS17" s="104">
        <v>0</v>
      </c>
      <c r="DT17" s="101">
        <v>1</v>
      </c>
      <c r="DU17" s="102">
        <v>0</v>
      </c>
      <c r="DV17" s="103">
        <v>1</v>
      </c>
      <c r="DW17" s="413">
        <v>0</v>
      </c>
      <c r="DX17" s="102">
        <v>0</v>
      </c>
      <c r="DY17" s="102">
        <v>0</v>
      </c>
      <c r="DZ17" s="102">
        <v>0</v>
      </c>
      <c r="EA17" s="102">
        <v>0</v>
      </c>
      <c r="EB17" s="102">
        <v>0</v>
      </c>
      <c r="EC17" s="103">
        <v>0</v>
      </c>
      <c r="ED17" s="104">
        <v>1</v>
      </c>
      <c r="EE17" s="101">
        <v>0</v>
      </c>
      <c r="EF17" s="102">
        <v>1</v>
      </c>
      <c r="EG17" s="103">
        <v>1</v>
      </c>
      <c r="EH17" s="413">
        <v>0</v>
      </c>
      <c r="EI17" s="102">
        <v>1</v>
      </c>
      <c r="EJ17" s="102">
        <v>0</v>
      </c>
      <c r="EK17" s="102">
        <v>0</v>
      </c>
      <c r="EL17" s="102">
        <v>0</v>
      </c>
      <c r="EM17" s="102">
        <v>0</v>
      </c>
      <c r="EN17" s="103">
        <v>1</v>
      </c>
      <c r="EO17" s="104">
        <v>2</v>
      </c>
      <c r="EP17" s="101">
        <v>0</v>
      </c>
      <c r="EQ17" s="102">
        <v>2</v>
      </c>
      <c r="ER17" s="103">
        <v>2</v>
      </c>
      <c r="ES17" s="413">
        <v>0</v>
      </c>
      <c r="ET17" s="102">
        <v>3</v>
      </c>
      <c r="EU17" s="102">
        <v>3</v>
      </c>
      <c r="EV17" s="102">
        <v>2</v>
      </c>
      <c r="EW17" s="102">
        <v>2</v>
      </c>
      <c r="EX17" s="102">
        <v>1</v>
      </c>
      <c r="EY17" s="103">
        <v>11</v>
      </c>
      <c r="EZ17" s="104">
        <v>13</v>
      </c>
      <c r="FA17" s="101">
        <v>2</v>
      </c>
      <c r="FB17" s="102">
        <v>3</v>
      </c>
      <c r="FC17" s="103">
        <v>5</v>
      </c>
      <c r="FD17" s="413">
        <v>0</v>
      </c>
      <c r="FE17" s="102">
        <v>5</v>
      </c>
      <c r="FF17" s="102">
        <v>4</v>
      </c>
      <c r="FG17" s="102">
        <v>0</v>
      </c>
      <c r="FH17" s="102">
        <v>2</v>
      </c>
      <c r="FI17" s="102">
        <v>0</v>
      </c>
      <c r="FJ17" s="103">
        <v>11</v>
      </c>
      <c r="FK17" s="104">
        <v>16</v>
      </c>
      <c r="FL17" s="101">
        <v>2</v>
      </c>
      <c r="FM17" s="102">
        <v>1</v>
      </c>
      <c r="FN17" s="103">
        <v>3</v>
      </c>
      <c r="FO17" s="413">
        <v>0</v>
      </c>
      <c r="FP17" s="102">
        <v>9</v>
      </c>
      <c r="FQ17" s="102">
        <v>4</v>
      </c>
      <c r="FR17" s="102">
        <v>1</v>
      </c>
      <c r="FS17" s="102">
        <v>8</v>
      </c>
      <c r="FT17" s="102">
        <v>2</v>
      </c>
      <c r="FU17" s="103">
        <v>24</v>
      </c>
      <c r="FV17" s="104">
        <v>27</v>
      </c>
      <c r="FW17" s="101">
        <v>0</v>
      </c>
      <c r="FX17" s="102">
        <v>0</v>
      </c>
      <c r="FY17" s="103">
        <v>0</v>
      </c>
      <c r="FZ17" s="413">
        <v>0</v>
      </c>
      <c r="GA17" s="102">
        <v>0</v>
      </c>
      <c r="GB17" s="102">
        <v>0</v>
      </c>
      <c r="GC17" s="102">
        <v>0</v>
      </c>
      <c r="GD17" s="102">
        <v>0</v>
      </c>
      <c r="GE17" s="102">
        <v>0</v>
      </c>
      <c r="GF17" s="103">
        <v>0</v>
      </c>
      <c r="GG17" s="104">
        <v>0</v>
      </c>
      <c r="GH17" s="101">
        <v>5</v>
      </c>
      <c r="GI17" s="102">
        <v>7</v>
      </c>
      <c r="GJ17" s="103">
        <v>12</v>
      </c>
      <c r="GK17" s="413">
        <v>0</v>
      </c>
      <c r="GL17" s="102">
        <v>18</v>
      </c>
      <c r="GM17" s="102">
        <v>11</v>
      </c>
      <c r="GN17" s="102">
        <v>3</v>
      </c>
      <c r="GO17" s="102">
        <v>12</v>
      </c>
      <c r="GP17" s="102">
        <v>3</v>
      </c>
      <c r="GQ17" s="103">
        <v>47</v>
      </c>
      <c r="GR17" s="104">
        <v>59</v>
      </c>
      <c r="GS17" s="105">
        <v>53</v>
      </c>
      <c r="GT17" s="97">
        <v>46</v>
      </c>
      <c r="GU17" s="98">
        <v>99</v>
      </c>
      <c r="GV17" s="413">
        <v>0</v>
      </c>
      <c r="GW17" s="97">
        <v>90</v>
      </c>
      <c r="GX17" s="97">
        <v>76</v>
      </c>
      <c r="GY17" s="97">
        <v>43</v>
      </c>
      <c r="GZ17" s="97">
        <v>48</v>
      </c>
      <c r="HA17" s="97">
        <v>20</v>
      </c>
      <c r="HB17" s="99">
        <v>277</v>
      </c>
      <c r="HC17" s="100">
        <v>376</v>
      </c>
      <c r="HD17" s="101">
        <v>0</v>
      </c>
      <c r="HE17" s="102">
        <v>0</v>
      </c>
      <c r="HF17" s="103">
        <v>0</v>
      </c>
      <c r="HG17" s="413">
        <v>0</v>
      </c>
      <c r="HH17" s="102">
        <v>1</v>
      </c>
      <c r="HI17" s="102">
        <v>1</v>
      </c>
      <c r="HJ17" s="102">
        <v>0</v>
      </c>
      <c r="HK17" s="102">
        <v>0</v>
      </c>
      <c r="HL17" s="102">
        <v>0</v>
      </c>
      <c r="HM17" s="103">
        <v>2</v>
      </c>
      <c r="HN17" s="104">
        <v>2</v>
      </c>
      <c r="HO17" s="101">
        <v>1</v>
      </c>
      <c r="HP17" s="102">
        <v>0</v>
      </c>
      <c r="HQ17" s="103">
        <v>1</v>
      </c>
      <c r="HR17" s="413">
        <v>0</v>
      </c>
      <c r="HS17" s="102">
        <v>1</v>
      </c>
      <c r="HT17" s="102">
        <v>0</v>
      </c>
      <c r="HU17" s="102">
        <v>1</v>
      </c>
      <c r="HV17" s="102">
        <v>2</v>
      </c>
      <c r="HW17" s="102">
        <v>1</v>
      </c>
      <c r="HX17" s="103">
        <v>5</v>
      </c>
      <c r="HY17" s="104">
        <v>6</v>
      </c>
      <c r="HZ17" s="101">
        <v>4</v>
      </c>
      <c r="IA17" s="102">
        <v>4</v>
      </c>
      <c r="IB17" s="103">
        <v>8</v>
      </c>
      <c r="IC17" s="413">
        <v>0</v>
      </c>
      <c r="ID17" s="102">
        <v>4</v>
      </c>
      <c r="IE17" s="102">
        <v>3</v>
      </c>
      <c r="IF17" s="102">
        <v>1</v>
      </c>
      <c r="IG17" s="102">
        <v>1</v>
      </c>
      <c r="IH17" s="102">
        <v>0</v>
      </c>
      <c r="II17" s="103">
        <v>9</v>
      </c>
      <c r="IJ17" s="104">
        <v>17</v>
      </c>
      <c r="IK17" s="101">
        <v>8</v>
      </c>
      <c r="IL17" s="102">
        <v>8</v>
      </c>
      <c r="IM17" s="103">
        <v>16</v>
      </c>
      <c r="IN17" s="413">
        <v>0</v>
      </c>
      <c r="IO17" s="102">
        <v>14</v>
      </c>
      <c r="IP17" s="102">
        <v>14</v>
      </c>
      <c r="IQ17" s="102">
        <v>8</v>
      </c>
      <c r="IR17" s="102">
        <v>9</v>
      </c>
      <c r="IS17" s="102">
        <v>2</v>
      </c>
      <c r="IT17" s="103">
        <v>47</v>
      </c>
      <c r="IU17" s="104">
        <v>63</v>
      </c>
      <c r="IV17" s="101">
        <v>21</v>
      </c>
      <c r="IW17" s="102">
        <v>17</v>
      </c>
      <c r="IX17" s="103">
        <v>38</v>
      </c>
      <c r="IY17" s="413">
        <v>0</v>
      </c>
      <c r="IZ17" s="102">
        <v>27</v>
      </c>
      <c r="JA17" s="102">
        <v>25</v>
      </c>
      <c r="JB17" s="102">
        <v>9</v>
      </c>
      <c r="JC17" s="102">
        <v>13</v>
      </c>
      <c r="JD17" s="102">
        <v>5</v>
      </c>
      <c r="JE17" s="103">
        <v>79</v>
      </c>
      <c r="JF17" s="104">
        <v>117</v>
      </c>
      <c r="JG17" s="101">
        <v>19</v>
      </c>
      <c r="JH17" s="102">
        <v>17</v>
      </c>
      <c r="JI17" s="103">
        <v>36</v>
      </c>
      <c r="JJ17" s="413">
        <v>0</v>
      </c>
      <c r="JK17" s="102">
        <v>43</v>
      </c>
      <c r="JL17" s="102">
        <v>33</v>
      </c>
      <c r="JM17" s="102">
        <v>24</v>
      </c>
      <c r="JN17" s="102">
        <v>23</v>
      </c>
      <c r="JO17" s="102">
        <v>12</v>
      </c>
      <c r="JP17" s="103">
        <v>135</v>
      </c>
      <c r="JQ17" s="104">
        <v>171</v>
      </c>
      <c r="JR17" s="101">
        <v>0</v>
      </c>
      <c r="JS17" s="102">
        <v>0</v>
      </c>
      <c r="JT17" s="103">
        <v>0</v>
      </c>
      <c r="JU17" s="413">
        <v>0</v>
      </c>
      <c r="JV17" s="102">
        <v>0</v>
      </c>
      <c r="JW17" s="102">
        <v>0</v>
      </c>
      <c r="JX17" s="102">
        <v>0</v>
      </c>
      <c r="JY17" s="102">
        <v>0</v>
      </c>
      <c r="JZ17" s="102">
        <v>0</v>
      </c>
      <c r="KA17" s="103">
        <v>0</v>
      </c>
      <c r="KB17" s="104">
        <v>0</v>
      </c>
      <c r="KC17" s="101">
        <v>53</v>
      </c>
      <c r="KD17" s="102">
        <v>46</v>
      </c>
      <c r="KE17" s="103">
        <v>99</v>
      </c>
      <c r="KF17" s="413">
        <v>0</v>
      </c>
      <c r="KG17" s="102">
        <v>90</v>
      </c>
      <c r="KH17" s="102">
        <v>76</v>
      </c>
      <c r="KI17" s="102">
        <v>43</v>
      </c>
      <c r="KJ17" s="102">
        <v>48</v>
      </c>
      <c r="KK17" s="102">
        <v>20</v>
      </c>
      <c r="KL17" s="103">
        <v>277</v>
      </c>
      <c r="KM17" s="104">
        <v>376</v>
      </c>
    </row>
    <row r="18" spans="2:299" s="70" customFormat="1" ht="21" customHeight="1" x14ac:dyDescent="0.2">
      <c r="B18" s="106" t="s">
        <v>15</v>
      </c>
      <c r="C18" s="96">
        <v>15</v>
      </c>
      <c r="D18" s="97">
        <v>18</v>
      </c>
      <c r="E18" s="98">
        <v>33</v>
      </c>
      <c r="F18" s="413">
        <v>0</v>
      </c>
      <c r="G18" s="97">
        <v>37</v>
      </c>
      <c r="H18" s="97">
        <v>32</v>
      </c>
      <c r="I18" s="97">
        <v>17</v>
      </c>
      <c r="J18" s="97">
        <v>28</v>
      </c>
      <c r="K18" s="97">
        <v>8</v>
      </c>
      <c r="L18" s="99">
        <v>122</v>
      </c>
      <c r="M18" s="100">
        <v>155</v>
      </c>
      <c r="N18" s="101">
        <v>0</v>
      </c>
      <c r="O18" s="102">
        <v>0</v>
      </c>
      <c r="P18" s="103">
        <v>0</v>
      </c>
      <c r="Q18" s="413">
        <v>0</v>
      </c>
      <c r="R18" s="102">
        <v>1</v>
      </c>
      <c r="S18" s="102">
        <v>0</v>
      </c>
      <c r="T18" s="102">
        <v>0</v>
      </c>
      <c r="U18" s="102">
        <v>0</v>
      </c>
      <c r="V18" s="102">
        <v>0</v>
      </c>
      <c r="W18" s="103">
        <v>1</v>
      </c>
      <c r="X18" s="104">
        <v>1</v>
      </c>
      <c r="Y18" s="101">
        <v>0</v>
      </c>
      <c r="Z18" s="102">
        <v>2</v>
      </c>
      <c r="AA18" s="103">
        <v>2</v>
      </c>
      <c r="AB18" s="413">
        <v>0</v>
      </c>
      <c r="AC18" s="102">
        <v>2</v>
      </c>
      <c r="AD18" s="102">
        <v>1</v>
      </c>
      <c r="AE18" s="102">
        <v>1</v>
      </c>
      <c r="AF18" s="102">
        <v>1</v>
      </c>
      <c r="AG18" s="102">
        <v>1</v>
      </c>
      <c r="AH18" s="103">
        <v>6</v>
      </c>
      <c r="AI18" s="104">
        <v>8</v>
      </c>
      <c r="AJ18" s="101">
        <v>4</v>
      </c>
      <c r="AK18" s="102">
        <v>3</v>
      </c>
      <c r="AL18" s="103">
        <v>7</v>
      </c>
      <c r="AM18" s="413">
        <v>0</v>
      </c>
      <c r="AN18" s="102">
        <v>5</v>
      </c>
      <c r="AO18" s="102">
        <v>6</v>
      </c>
      <c r="AP18" s="102">
        <v>1</v>
      </c>
      <c r="AQ18" s="102">
        <v>5</v>
      </c>
      <c r="AR18" s="102">
        <v>2</v>
      </c>
      <c r="AS18" s="103">
        <v>19</v>
      </c>
      <c r="AT18" s="104">
        <v>26</v>
      </c>
      <c r="AU18" s="101">
        <v>4</v>
      </c>
      <c r="AV18" s="102">
        <v>4</v>
      </c>
      <c r="AW18" s="103">
        <v>8</v>
      </c>
      <c r="AX18" s="413">
        <v>0</v>
      </c>
      <c r="AY18" s="102">
        <v>11</v>
      </c>
      <c r="AZ18" s="102">
        <v>1</v>
      </c>
      <c r="BA18" s="102">
        <v>4</v>
      </c>
      <c r="BB18" s="102">
        <v>4</v>
      </c>
      <c r="BC18" s="102">
        <v>0</v>
      </c>
      <c r="BD18" s="103">
        <v>20</v>
      </c>
      <c r="BE18" s="104">
        <v>28</v>
      </c>
      <c r="BF18" s="101">
        <v>6</v>
      </c>
      <c r="BG18" s="102">
        <v>3</v>
      </c>
      <c r="BH18" s="103">
        <v>9</v>
      </c>
      <c r="BI18" s="413">
        <v>0</v>
      </c>
      <c r="BJ18" s="102">
        <v>10</v>
      </c>
      <c r="BK18" s="102">
        <v>10</v>
      </c>
      <c r="BL18" s="102">
        <v>6</v>
      </c>
      <c r="BM18" s="102">
        <v>9</v>
      </c>
      <c r="BN18" s="102">
        <v>1</v>
      </c>
      <c r="BO18" s="103">
        <v>36</v>
      </c>
      <c r="BP18" s="104">
        <v>45</v>
      </c>
      <c r="BQ18" s="101">
        <v>1</v>
      </c>
      <c r="BR18" s="102">
        <v>6</v>
      </c>
      <c r="BS18" s="103">
        <v>7</v>
      </c>
      <c r="BT18" s="413">
        <v>0</v>
      </c>
      <c r="BU18" s="102">
        <v>8</v>
      </c>
      <c r="BV18" s="102">
        <v>14</v>
      </c>
      <c r="BW18" s="102">
        <v>5</v>
      </c>
      <c r="BX18" s="102">
        <v>9</v>
      </c>
      <c r="BY18" s="102">
        <v>4</v>
      </c>
      <c r="BZ18" s="103">
        <v>40</v>
      </c>
      <c r="CA18" s="104">
        <v>47</v>
      </c>
      <c r="CB18" s="101">
        <v>0</v>
      </c>
      <c r="CC18" s="102">
        <v>0</v>
      </c>
      <c r="CD18" s="103">
        <v>0</v>
      </c>
      <c r="CE18" s="413">
        <v>0</v>
      </c>
      <c r="CF18" s="102">
        <v>0</v>
      </c>
      <c r="CG18" s="102">
        <v>0</v>
      </c>
      <c r="CH18" s="102">
        <v>0</v>
      </c>
      <c r="CI18" s="102">
        <v>0</v>
      </c>
      <c r="CJ18" s="102">
        <v>0</v>
      </c>
      <c r="CK18" s="103">
        <v>0</v>
      </c>
      <c r="CL18" s="104">
        <v>0</v>
      </c>
      <c r="CM18" s="101">
        <v>15</v>
      </c>
      <c r="CN18" s="102">
        <v>18</v>
      </c>
      <c r="CO18" s="103">
        <v>33</v>
      </c>
      <c r="CP18" s="413">
        <v>0</v>
      </c>
      <c r="CQ18" s="102">
        <v>37</v>
      </c>
      <c r="CR18" s="102">
        <v>32</v>
      </c>
      <c r="CS18" s="102">
        <v>17</v>
      </c>
      <c r="CT18" s="102">
        <v>28</v>
      </c>
      <c r="CU18" s="102">
        <v>8</v>
      </c>
      <c r="CV18" s="103">
        <v>122</v>
      </c>
      <c r="CW18" s="104">
        <v>155</v>
      </c>
      <c r="CX18" s="105">
        <v>0</v>
      </c>
      <c r="CY18" s="97">
        <v>8</v>
      </c>
      <c r="CZ18" s="98">
        <v>8</v>
      </c>
      <c r="DA18" s="413">
        <v>0</v>
      </c>
      <c r="DB18" s="97">
        <v>9</v>
      </c>
      <c r="DC18" s="97">
        <v>8</v>
      </c>
      <c r="DD18" s="97">
        <v>3</v>
      </c>
      <c r="DE18" s="97">
        <v>1</v>
      </c>
      <c r="DF18" s="97">
        <v>4</v>
      </c>
      <c r="DG18" s="99">
        <v>25</v>
      </c>
      <c r="DH18" s="100">
        <v>33</v>
      </c>
      <c r="DI18" s="101">
        <v>0</v>
      </c>
      <c r="DJ18" s="102">
        <v>1</v>
      </c>
      <c r="DK18" s="103">
        <v>1</v>
      </c>
      <c r="DL18" s="413">
        <v>0</v>
      </c>
      <c r="DM18" s="102">
        <v>1</v>
      </c>
      <c r="DN18" s="102">
        <v>0</v>
      </c>
      <c r="DO18" s="102">
        <v>0</v>
      </c>
      <c r="DP18" s="102">
        <v>0</v>
      </c>
      <c r="DQ18" s="102">
        <v>0</v>
      </c>
      <c r="DR18" s="103">
        <v>1</v>
      </c>
      <c r="DS18" s="104">
        <v>2</v>
      </c>
      <c r="DT18" s="101">
        <v>0</v>
      </c>
      <c r="DU18" s="102">
        <v>0</v>
      </c>
      <c r="DV18" s="103">
        <v>0</v>
      </c>
      <c r="DW18" s="413">
        <v>0</v>
      </c>
      <c r="DX18" s="102">
        <v>2</v>
      </c>
      <c r="DY18" s="102">
        <v>0</v>
      </c>
      <c r="DZ18" s="102">
        <v>0</v>
      </c>
      <c r="EA18" s="102">
        <v>0</v>
      </c>
      <c r="EB18" s="102">
        <v>0</v>
      </c>
      <c r="EC18" s="103">
        <v>2</v>
      </c>
      <c r="ED18" s="104">
        <v>2</v>
      </c>
      <c r="EE18" s="101">
        <v>0</v>
      </c>
      <c r="EF18" s="102">
        <v>2</v>
      </c>
      <c r="EG18" s="103">
        <v>2</v>
      </c>
      <c r="EH18" s="413">
        <v>0</v>
      </c>
      <c r="EI18" s="102">
        <v>0</v>
      </c>
      <c r="EJ18" s="102">
        <v>0</v>
      </c>
      <c r="EK18" s="102">
        <v>0</v>
      </c>
      <c r="EL18" s="102">
        <v>0</v>
      </c>
      <c r="EM18" s="102">
        <v>1</v>
      </c>
      <c r="EN18" s="103">
        <v>1</v>
      </c>
      <c r="EO18" s="104">
        <v>3</v>
      </c>
      <c r="EP18" s="101">
        <v>0</v>
      </c>
      <c r="EQ18" s="102">
        <v>3</v>
      </c>
      <c r="ER18" s="103">
        <v>3</v>
      </c>
      <c r="ES18" s="413">
        <v>0</v>
      </c>
      <c r="ET18" s="102">
        <v>1</v>
      </c>
      <c r="EU18" s="102">
        <v>0</v>
      </c>
      <c r="EV18" s="102">
        <v>1</v>
      </c>
      <c r="EW18" s="102">
        <v>0</v>
      </c>
      <c r="EX18" s="102">
        <v>0</v>
      </c>
      <c r="EY18" s="103">
        <v>2</v>
      </c>
      <c r="EZ18" s="104">
        <v>5</v>
      </c>
      <c r="FA18" s="101">
        <v>0</v>
      </c>
      <c r="FB18" s="102">
        <v>1</v>
      </c>
      <c r="FC18" s="103">
        <v>1</v>
      </c>
      <c r="FD18" s="413">
        <v>0</v>
      </c>
      <c r="FE18" s="102">
        <v>2</v>
      </c>
      <c r="FF18" s="102">
        <v>3</v>
      </c>
      <c r="FG18" s="102">
        <v>0</v>
      </c>
      <c r="FH18" s="102">
        <v>0</v>
      </c>
      <c r="FI18" s="102">
        <v>1</v>
      </c>
      <c r="FJ18" s="103">
        <v>6</v>
      </c>
      <c r="FK18" s="104">
        <v>7</v>
      </c>
      <c r="FL18" s="101">
        <v>0</v>
      </c>
      <c r="FM18" s="102">
        <v>1</v>
      </c>
      <c r="FN18" s="103">
        <v>1</v>
      </c>
      <c r="FO18" s="413">
        <v>0</v>
      </c>
      <c r="FP18" s="102">
        <v>3</v>
      </c>
      <c r="FQ18" s="102">
        <v>5</v>
      </c>
      <c r="FR18" s="102">
        <v>2</v>
      </c>
      <c r="FS18" s="102">
        <v>1</v>
      </c>
      <c r="FT18" s="102">
        <v>2</v>
      </c>
      <c r="FU18" s="103">
        <v>13</v>
      </c>
      <c r="FV18" s="104">
        <v>14</v>
      </c>
      <c r="FW18" s="101">
        <v>0</v>
      </c>
      <c r="FX18" s="102">
        <v>0</v>
      </c>
      <c r="FY18" s="103">
        <v>0</v>
      </c>
      <c r="FZ18" s="413">
        <v>0</v>
      </c>
      <c r="GA18" s="102">
        <v>0</v>
      </c>
      <c r="GB18" s="102">
        <v>0</v>
      </c>
      <c r="GC18" s="102">
        <v>0</v>
      </c>
      <c r="GD18" s="102">
        <v>0</v>
      </c>
      <c r="GE18" s="102">
        <v>0</v>
      </c>
      <c r="GF18" s="103">
        <v>0</v>
      </c>
      <c r="GG18" s="104">
        <v>0</v>
      </c>
      <c r="GH18" s="101">
        <v>0</v>
      </c>
      <c r="GI18" s="102">
        <v>8</v>
      </c>
      <c r="GJ18" s="103">
        <v>8</v>
      </c>
      <c r="GK18" s="413">
        <v>0</v>
      </c>
      <c r="GL18" s="102">
        <v>9</v>
      </c>
      <c r="GM18" s="102">
        <v>8</v>
      </c>
      <c r="GN18" s="102">
        <v>3</v>
      </c>
      <c r="GO18" s="102">
        <v>1</v>
      </c>
      <c r="GP18" s="102">
        <v>4</v>
      </c>
      <c r="GQ18" s="103">
        <v>25</v>
      </c>
      <c r="GR18" s="104">
        <v>33</v>
      </c>
      <c r="GS18" s="105">
        <v>15</v>
      </c>
      <c r="GT18" s="97">
        <v>26</v>
      </c>
      <c r="GU18" s="98">
        <v>41</v>
      </c>
      <c r="GV18" s="413">
        <v>0</v>
      </c>
      <c r="GW18" s="97">
        <v>46</v>
      </c>
      <c r="GX18" s="97">
        <v>40</v>
      </c>
      <c r="GY18" s="97">
        <v>20</v>
      </c>
      <c r="GZ18" s="97">
        <v>29</v>
      </c>
      <c r="HA18" s="97">
        <v>12</v>
      </c>
      <c r="HB18" s="99">
        <v>147</v>
      </c>
      <c r="HC18" s="100">
        <v>188</v>
      </c>
      <c r="HD18" s="101">
        <v>0</v>
      </c>
      <c r="HE18" s="102">
        <v>1</v>
      </c>
      <c r="HF18" s="103">
        <v>1</v>
      </c>
      <c r="HG18" s="413">
        <v>0</v>
      </c>
      <c r="HH18" s="102">
        <v>2</v>
      </c>
      <c r="HI18" s="102">
        <v>0</v>
      </c>
      <c r="HJ18" s="102">
        <v>0</v>
      </c>
      <c r="HK18" s="102">
        <v>0</v>
      </c>
      <c r="HL18" s="102">
        <v>0</v>
      </c>
      <c r="HM18" s="103">
        <v>2</v>
      </c>
      <c r="HN18" s="104">
        <v>3</v>
      </c>
      <c r="HO18" s="101">
        <v>0</v>
      </c>
      <c r="HP18" s="102">
        <v>2</v>
      </c>
      <c r="HQ18" s="103">
        <v>2</v>
      </c>
      <c r="HR18" s="413">
        <v>0</v>
      </c>
      <c r="HS18" s="102">
        <v>4</v>
      </c>
      <c r="HT18" s="102">
        <v>1</v>
      </c>
      <c r="HU18" s="102">
        <v>1</v>
      </c>
      <c r="HV18" s="102">
        <v>1</v>
      </c>
      <c r="HW18" s="102">
        <v>1</v>
      </c>
      <c r="HX18" s="103">
        <v>8</v>
      </c>
      <c r="HY18" s="104">
        <v>10</v>
      </c>
      <c r="HZ18" s="101">
        <v>4</v>
      </c>
      <c r="IA18" s="102">
        <v>5</v>
      </c>
      <c r="IB18" s="103">
        <v>9</v>
      </c>
      <c r="IC18" s="413">
        <v>0</v>
      </c>
      <c r="ID18" s="102">
        <v>5</v>
      </c>
      <c r="IE18" s="102">
        <v>6</v>
      </c>
      <c r="IF18" s="102">
        <v>1</v>
      </c>
      <c r="IG18" s="102">
        <v>5</v>
      </c>
      <c r="IH18" s="102">
        <v>3</v>
      </c>
      <c r="II18" s="103">
        <v>20</v>
      </c>
      <c r="IJ18" s="104">
        <v>29</v>
      </c>
      <c r="IK18" s="101">
        <v>4</v>
      </c>
      <c r="IL18" s="102">
        <v>7</v>
      </c>
      <c r="IM18" s="103">
        <v>11</v>
      </c>
      <c r="IN18" s="413">
        <v>0</v>
      </c>
      <c r="IO18" s="102">
        <v>12</v>
      </c>
      <c r="IP18" s="102">
        <v>1</v>
      </c>
      <c r="IQ18" s="102">
        <v>5</v>
      </c>
      <c r="IR18" s="102">
        <v>4</v>
      </c>
      <c r="IS18" s="102">
        <v>0</v>
      </c>
      <c r="IT18" s="103">
        <v>22</v>
      </c>
      <c r="IU18" s="104">
        <v>33</v>
      </c>
      <c r="IV18" s="101">
        <v>6</v>
      </c>
      <c r="IW18" s="102">
        <v>4</v>
      </c>
      <c r="IX18" s="103">
        <v>10</v>
      </c>
      <c r="IY18" s="413">
        <v>0</v>
      </c>
      <c r="IZ18" s="102">
        <v>12</v>
      </c>
      <c r="JA18" s="102">
        <v>13</v>
      </c>
      <c r="JB18" s="102">
        <v>6</v>
      </c>
      <c r="JC18" s="102">
        <v>9</v>
      </c>
      <c r="JD18" s="102">
        <v>2</v>
      </c>
      <c r="JE18" s="103">
        <v>42</v>
      </c>
      <c r="JF18" s="104">
        <v>52</v>
      </c>
      <c r="JG18" s="101">
        <v>1</v>
      </c>
      <c r="JH18" s="102">
        <v>7</v>
      </c>
      <c r="JI18" s="103">
        <v>8</v>
      </c>
      <c r="JJ18" s="413">
        <v>0</v>
      </c>
      <c r="JK18" s="102">
        <v>11</v>
      </c>
      <c r="JL18" s="102">
        <v>19</v>
      </c>
      <c r="JM18" s="102">
        <v>7</v>
      </c>
      <c r="JN18" s="102">
        <v>10</v>
      </c>
      <c r="JO18" s="102">
        <v>6</v>
      </c>
      <c r="JP18" s="103">
        <v>53</v>
      </c>
      <c r="JQ18" s="104">
        <v>61</v>
      </c>
      <c r="JR18" s="101">
        <v>0</v>
      </c>
      <c r="JS18" s="102">
        <v>0</v>
      </c>
      <c r="JT18" s="103">
        <v>0</v>
      </c>
      <c r="JU18" s="413">
        <v>0</v>
      </c>
      <c r="JV18" s="102">
        <v>0</v>
      </c>
      <c r="JW18" s="102">
        <v>0</v>
      </c>
      <c r="JX18" s="102">
        <v>0</v>
      </c>
      <c r="JY18" s="102">
        <v>0</v>
      </c>
      <c r="JZ18" s="102">
        <v>0</v>
      </c>
      <c r="KA18" s="103">
        <v>0</v>
      </c>
      <c r="KB18" s="104">
        <v>0</v>
      </c>
      <c r="KC18" s="101">
        <v>15</v>
      </c>
      <c r="KD18" s="102">
        <v>26</v>
      </c>
      <c r="KE18" s="103">
        <v>41</v>
      </c>
      <c r="KF18" s="413">
        <v>0</v>
      </c>
      <c r="KG18" s="102">
        <v>46</v>
      </c>
      <c r="KH18" s="102">
        <v>40</v>
      </c>
      <c r="KI18" s="102">
        <v>20</v>
      </c>
      <c r="KJ18" s="102">
        <v>29</v>
      </c>
      <c r="KK18" s="102">
        <v>12</v>
      </c>
      <c r="KL18" s="103">
        <v>147</v>
      </c>
      <c r="KM18" s="104">
        <v>188</v>
      </c>
    </row>
    <row r="19" spans="2:299" s="70" customFormat="1" ht="21" customHeight="1" x14ac:dyDescent="0.2">
      <c r="B19" s="106" t="s">
        <v>16</v>
      </c>
      <c r="C19" s="96">
        <v>39</v>
      </c>
      <c r="D19" s="97">
        <v>50</v>
      </c>
      <c r="E19" s="98">
        <v>89</v>
      </c>
      <c r="F19" s="413">
        <v>0</v>
      </c>
      <c r="G19" s="97">
        <v>85</v>
      </c>
      <c r="H19" s="97">
        <v>105</v>
      </c>
      <c r="I19" s="97">
        <v>57</v>
      </c>
      <c r="J19" s="97">
        <v>40</v>
      </c>
      <c r="K19" s="97">
        <v>19</v>
      </c>
      <c r="L19" s="99">
        <v>306</v>
      </c>
      <c r="M19" s="100">
        <v>395</v>
      </c>
      <c r="N19" s="101">
        <v>0</v>
      </c>
      <c r="O19" s="102">
        <v>2</v>
      </c>
      <c r="P19" s="103">
        <v>2</v>
      </c>
      <c r="Q19" s="413">
        <v>0</v>
      </c>
      <c r="R19" s="102">
        <v>0</v>
      </c>
      <c r="S19" s="102">
        <v>1</v>
      </c>
      <c r="T19" s="102">
        <v>0</v>
      </c>
      <c r="U19" s="102">
        <v>2</v>
      </c>
      <c r="V19" s="102">
        <v>0</v>
      </c>
      <c r="W19" s="103">
        <v>3</v>
      </c>
      <c r="X19" s="104">
        <v>5</v>
      </c>
      <c r="Y19" s="101">
        <v>2</v>
      </c>
      <c r="Z19" s="102">
        <v>4</v>
      </c>
      <c r="AA19" s="103">
        <v>6</v>
      </c>
      <c r="AB19" s="413">
        <v>0</v>
      </c>
      <c r="AC19" s="102">
        <v>2</v>
      </c>
      <c r="AD19" s="102">
        <v>6</v>
      </c>
      <c r="AE19" s="102">
        <v>4</v>
      </c>
      <c r="AF19" s="102">
        <v>1</v>
      </c>
      <c r="AG19" s="102">
        <v>3</v>
      </c>
      <c r="AH19" s="103">
        <v>16</v>
      </c>
      <c r="AI19" s="104">
        <v>22</v>
      </c>
      <c r="AJ19" s="101">
        <v>2</v>
      </c>
      <c r="AK19" s="102">
        <v>7</v>
      </c>
      <c r="AL19" s="103">
        <v>9</v>
      </c>
      <c r="AM19" s="413">
        <v>0</v>
      </c>
      <c r="AN19" s="102">
        <v>11</v>
      </c>
      <c r="AO19" s="102">
        <v>6</v>
      </c>
      <c r="AP19" s="102">
        <v>8</v>
      </c>
      <c r="AQ19" s="102">
        <v>3</v>
      </c>
      <c r="AR19" s="102">
        <v>5</v>
      </c>
      <c r="AS19" s="103">
        <v>33</v>
      </c>
      <c r="AT19" s="104">
        <v>42</v>
      </c>
      <c r="AU19" s="101">
        <v>14</v>
      </c>
      <c r="AV19" s="102">
        <v>12</v>
      </c>
      <c r="AW19" s="103">
        <v>26</v>
      </c>
      <c r="AX19" s="413">
        <v>0</v>
      </c>
      <c r="AY19" s="102">
        <v>22</v>
      </c>
      <c r="AZ19" s="102">
        <v>21</v>
      </c>
      <c r="BA19" s="102">
        <v>12</v>
      </c>
      <c r="BB19" s="102">
        <v>3</v>
      </c>
      <c r="BC19" s="102">
        <v>4</v>
      </c>
      <c r="BD19" s="103">
        <v>62</v>
      </c>
      <c r="BE19" s="104">
        <v>88</v>
      </c>
      <c r="BF19" s="101">
        <v>8</v>
      </c>
      <c r="BG19" s="102">
        <v>15</v>
      </c>
      <c r="BH19" s="103">
        <v>23</v>
      </c>
      <c r="BI19" s="413">
        <v>0</v>
      </c>
      <c r="BJ19" s="102">
        <v>27</v>
      </c>
      <c r="BK19" s="102">
        <v>28</v>
      </c>
      <c r="BL19" s="102">
        <v>17</v>
      </c>
      <c r="BM19" s="102">
        <v>8</v>
      </c>
      <c r="BN19" s="102">
        <v>1</v>
      </c>
      <c r="BO19" s="103">
        <v>81</v>
      </c>
      <c r="BP19" s="104">
        <v>104</v>
      </c>
      <c r="BQ19" s="101">
        <v>13</v>
      </c>
      <c r="BR19" s="102">
        <v>10</v>
      </c>
      <c r="BS19" s="103">
        <v>23</v>
      </c>
      <c r="BT19" s="413">
        <v>0</v>
      </c>
      <c r="BU19" s="102">
        <v>23</v>
      </c>
      <c r="BV19" s="102">
        <v>43</v>
      </c>
      <c r="BW19" s="102">
        <v>16</v>
      </c>
      <c r="BX19" s="102">
        <v>23</v>
      </c>
      <c r="BY19" s="102">
        <v>6</v>
      </c>
      <c r="BZ19" s="103">
        <v>111</v>
      </c>
      <c r="CA19" s="104">
        <v>134</v>
      </c>
      <c r="CB19" s="101">
        <v>0</v>
      </c>
      <c r="CC19" s="102">
        <v>0</v>
      </c>
      <c r="CD19" s="103">
        <v>0</v>
      </c>
      <c r="CE19" s="413">
        <v>0</v>
      </c>
      <c r="CF19" s="102">
        <v>0</v>
      </c>
      <c r="CG19" s="102">
        <v>0</v>
      </c>
      <c r="CH19" s="102">
        <v>0</v>
      </c>
      <c r="CI19" s="102">
        <v>0</v>
      </c>
      <c r="CJ19" s="102">
        <v>0</v>
      </c>
      <c r="CK19" s="103">
        <v>0</v>
      </c>
      <c r="CL19" s="104">
        <v>0</v>
      </c>
      <c r="CM19" s="101">
        <v>39</v>
      </c>
      <c r="CN19" s="102">
        <v>50</v>
      </c>
      <c r="CO19" s="103">
        <v>89</v>
      </c>
      <c r="CP19" s="413">
        <v>0</v>
      </c>
      <c r="CQ19" s="102">
        <v>85</v>
      </c>
      <c r="CR19" s="102">
        <v>105</v>
      </c>
      <c r="CS19" s="102">
        <v>57</v>
      </c>
      <c r="CT19" s="102">
        <v>40</v>
      </c>
      <c r="CU19" s="102">
        <v>19</v>
      </c>
      <c r="CV19" s="103">
        <v>306</v>
      </c>
      <c r="CW19" s="104">
        <v>395</v>
      </c>
      <c r="CX19" s="105">
        <v>9</v>
      </c>
      <c r="CY19" s="97">
        <v>14</v>
      </c>
      <c r="CZ19" s="98">
        <v>23</v>
      </c>
      <c r="DA19" s="413">
        <v>0</v>
      </c>
      <c r="DB19" s="97">
        <v>4</v>
      </c>
      <c r="DC19" s="97">
        <v>6</v>
      </c>
      <c r="DD19" s="97">
        <v>9</v>
      </c>
      <c r="DE19" s="97">
        <v>8</v>
      </c>
      <c r="DF19" s="97">
        <v>8</v>
      </c>
      <c r="DG19" s="99">
        <v>35</v>
      </c>
      <c r="DH19" s="100">
        <v>58</v>
      </c>
      <c r="DI19" s="101">
        <v>2</v>
      </c>
      <c r="DJ19" s="102">
        <v>1</v>
      </c>
      <c r="DK19" s="103">
        <v>3</v>
      </c>
      <c r="DL19" s="413">
        <v>0</v>
      </c>
      <c r="DM19" s="102">
        <v>0</v>
      </c>
      <c r="DN19" s="102">
        <v>0</v>
      </c>
      <c r="DO19" s="102">
        <v>1</v>
      </c>
      <c r="DP19" s="102">
        <v>0</v>
      </c>
      <c r="DQ19" s="102">
        <v>0</v>
      </c>
      <c r="DR19" s="103">
        <v>1</v>
      </c>
      <c r="DS19" s="104">
        <v>4</v>
      </c>
      <c r="DT19" s="101">
        <v>0</v>
      </c>
      <c r="DU19" s="102">
        <v>0</v>
      </c>
      <c r="DV19" s="103">
        <v>0</v>
      </c>
      <c r="DW19" s="413">
        <v>0</v>
      </c>
      <c r="DX19" s="102">
        <v>0</v>
      </c>
      <c r="DY19" s="102">
        <v>1</v>
      </c>
      <c r="DZ19" s="102">
        <v>0</v>
      </c>
      <c r="EA19" s="102">
        <v>0</v>
      </c>
      <c r="EB19" s="102">
        <v>0</v>
      </c>
      <c r="EC19" s="103">
        <v>1</v>
      </c>
      <c r="ED19" s="104">
        <v>1</v>
      </c>
      <c r="EE19" s="101">
        <v>0</v>
      </c>
      <c r="EF19" s="102">
        <v>3</v>
      </c>
      <c r="EG19" s="103">
        <v>3</v>
      </c>
      <c r="EH19" s="413">
        <v>0</v>
      </c>
      <c r="EI19" s="102">
        <v>1</v>
      </c>
      <c r="EJ19" s="102">
        <v>0</v>
      </c>
      <c r="EK19" s="102">
        <v>0</v>
      </c>
      <c r="EL19" s="102">
        <v>0</v>
      </c>
      <c r="EM19" s="102">
        <v>2</v>
      </c>
      <c r="EN19" s="103">
        <v>3</v>
      </c>
      <c r="EO19" s="104">
        <v>6</v>
      </c>
      <c r="EP19" s="101">
        <v>4</v>
      </c>
      <c r="EQ19" s="102">
        <v>4</v>
      </c>
      <c r="ER19" s="103">
        <v>8</v>
      </c>
      <c r="ES19" s="413">
        <v>0</v>
      </c>
      <c r="ET19" s="102">
        <v>1</v>
      </c>
      <c r="EU19" s="102">
        <v>1</v>
      </c>
      <c r="EV19" s="102">
        <v>3</v>
      </c>
      <c r="EW19" s="102">
        <v>0</v>
      </c>
      <c r="EX19" s="102">
        <v>1</v>
      </c>
      <c r="EY19" s="103">
        <v>6</v>
      </c>
      <c r="EZ19" s="104">
        <v>14</v>
      </c>
      <c r="FA19" s="101">
        <v>3</v>
      </c>
      <c r="FB19" s="102">
        <v>3</v>
      </c>
      <c r="FC19" s="103">
        <v>6</v>
      </c>
      <c r="FD19" s="413">
        <v>0</v>
      </c>
      <c r="FE19" s="102">
        <v>0</v>
      </c>
      <c r="FF19" s="102">
        <v>2</v>
      </c>
      <c r="FG19" s="102">
        <v>3</v>
      </c>
      <c r="FH19" s="102">
        <v>2</v>
      </c>
      <c r="FI19" s="102">
        <v>1</v>
      </c>
      <c r="FJ19" s="103">
        <v>8</v>
      </c>
      <c r="FK19" s="104">
        <v>14</v>
      </c>
      <c r="FL19" s="101">
        <v>0</v>
      </c>
      <c r="FM19" s="102">
        <v>3</v>
      </c>
      <c r="FN19" s="103">
        <v>3</v>
      </c>
      <c r="FO19" s="413">
        <v>0</v>
      </c>
      <c r="FP19" s="102">
        <v>2</v>
      </c>
      <c r="FQ19" s="102">
        <v>2</v>
      </c>
      <c r="FR19" s="102">
        <v>2</v>
      </c>
      <c r="FS19" s="102">
        <v>6</v>
      </c>
      <c r="FT19" s="102">
        <v>4</v>
      </c>
      <c r="FU19" s="103">
        <v>16</v>
      </c>
      <c r="FV19" s="104">
        <v>19</v>
      </c>
      <c r="FW19" s="101">
        <v>0</v>
      </c>
      <c r="FX19" s="102">
        <v>0</v>
      </c>
      <c r="FY19" s="103">
        <v>0</v>
      </c>
      <c r="FZ19" s="413">
        <v>0</v>
      </c>
      <c r="GA19" s="102">
        <v>0</v>
      </c>
      <c r="GB19" s="102">
        <v>0</v>
      </c>
      <c r="GC19" s="102">
        <v>0</v>
      </c>
      <c r="GD19" s="102">
        <v>0</v>
      </c>
      <c r="GE19" s="102">
        <v>0</v>
      </c>
      <c r="GF19" s="103">
        <v>0</v>
      </c>
      <c r="GG19" s="104">
        <v>0</v>
      </c>
      <c r="GH19" s="101">
        <v>9</v>
      </c>
      <c r="GI19" s="102">
        <v>14</v>
      </c>
      <c r="GJ19" s="103">
        <v>23</v>
      </c>
      <c r="GK19" s="413">
        <v>0</v>
      </c>
      <c r="GL19" s="102">
        <v>4</v>
      </c>
      <c r="GM19" s="102">
        <v>6</v>
      </c>
      <c r="GN19" s="102">
        <v>9</v>
      </c>
      <c r="GO19" s="102">
        <v>8</v>
      </c>
      <c r="GP19" s="102">
        <v>8</v>
      </c>
      <c r="GQ19" s="103">
        <v>35</v>
      </c>
      <c r="GR19" s="104">
        <v>58</v>
      </c>
      <c r="GS19" s="105">
        <v>48</v>
      </c>
      <c r="GT19" s="97">
        <v>64</v>
      </c>
      <c r="GU19" s="98">
        <v>112</v>
      </c>
      <c r="GV19" s="413">
        <v>0</v>
      </c>
      <c r="GW19" s="97">
        <v>89</v>
      </c>
      <c r="GX19" s="97">
        <v>111</v>
      </c>
      <c r="GY19" s="97">
        <v>66</v>
      </c>
      <c r="GZ19" s="97">
        <v>48</v>
      </c>
      <c r="HA19" s="97">
        <v>27</v>
      </c>
      <c r="HB19" s="99">
        <v>341</v>
      </c>
      <c r="HC19" s="100">
        <v>453</v>
      </c>
      <c r="HD19" s="101">
        <v>2</v>
      </c>
      <c r="HE19" s="102">
        <v>3</v>
      </c>
      <c r="HF19" s="103">
        <v>5</v>
      </c>
      <c r="HG19" s="413">
        <v>0</v>
      </c>
      <c r="HH19" s="102">
        <v>0</v>
      </c>
      <c r="HI19" s="102">
        <v>1</v>
      </c>
      <c r="HJ19" s="102">
        <v>1</v>
      </c>
      <c r="HK19" s="102">
        <v>2</v>
      </c>
      <c r="HL19" s="102">
        <v>0</v>
      </c>
      <c r="HM19" s="103">
        <v>4</v>
      </c>
      <c r="HN19" s="104">
        <v>9</v>
      </c>
      <c r="HO19" s="101">
        <v>2</v>
      </c>
      <c r="HP19" s="102">
        <v>4</v>
      </c>
      <c r="HQ19" s="103">
        <v>6</v>
      </c>
      <c r="HR19" s="413">
        <v>0</v>
      </c>
      <c r="HS19" s="102">
        <v>2</v>
      </c>
      <c r="HT19" s="102">
        <v>7</v>
      </c>
      <c r="HU19" s="102">
        <v>4</v>
      </c>
      <c r="HV19" s="102">
        <v>1</v>
      </c>
      <c r="HW19" s="102">
        <v>3</v>
      </c>
      <c r="HX19" s="103">
        <v>17</v>
      </c>
      <c r="HY19" s="104">
        <v>23</v>
      </c>
      <c r="HZ19" s="101">
        <v>2</v>
      </c>
      <c r="IA19" s="102">
        <v>10</v>
      </c>
      <c r="IB19" s="103">
        <v>12</v>
      </c>
      <c r="IC19" s="413">
        <v>0</v>
      </c>
      <c r="ID19" s="102">
        <v>12</v>
      </c>
      <c r="IE19" s="102">
        <v>6</v>
      </c>
      <c r="IF19" s="102">
        <v>8</v>
      </c>
      <c r="IG19" s="102">
        <v>3</v>
      </c>
      <c r="IH19" s="102">
        <v>7</v>
      </c>
      <c r="II19" s="103">
        <v>36</v>
      </c>
      <c r="IJ19" s="104">
        <v>48</v>
      </c>
      <c r="IK19" s="101">
        <v>18</v>
      </c>
      <c r="IL19" s="102">
        <v>16</v>
      </c>
      <c r="IM19" s="103">
        <v>34</v>
      </c>
      <c r="IN19" s="413">
        <v>0</v>
      </c>
      <c r="IO19" s="102">
        <v>23</v>
      </c>
      <c r="IP19" s="102">
        <v>22</v>
      </c>
      <c r="IQ19" s="102">
        <v>15</v>
      </c>
      <c r="IR19" s="102">
        <v>3</v>
      </c>
      <c r="IS19" s="102">
        <v>5</v>
      </c>
      <c r="IT19" s="103">
        <v>68</v>
      </c>
      <c r="IU19" s="104">
        <v>102</v>
      </c>
      <c r="IV19" s="101">
        <v>11</v>
      </c>
      <c r="IW19" s="102">
        <v>18</v>
      </c>
      <c r="IX19" s="103">
        <v>29</v>
      </c>
      <c r="IY19" s="413">
        <v>0</v>
      </c>
      <c r="IZ19" s="102">
        <v>27</v>
      </c>
      <c r="JA19" s="102">
        <v>30</v>
      </c>
      <c r="JB19" s="102">
        <v>20</v>
      </c>
      <c r="JC19" s="102">
        <v>10</v>
      </c>
      <c r="JD19" s="102">
        <v>2</v>
      </c>
      <c r="JE19" s="103">
        <v>89</v>
      </c>
      <c r="JF19" s="104">
        <v>118</v>
      </c>
      <c r="JG19" s="101">
        <v>13</v>
      </c>
      <c r="JH19" s="102">
        <v>13</v>
      </c>
      <c r="JI19" s="103">
        <v>26</v>
      </c>
      <c r="JJ19" s="413">
        <v>0</v>
      </c>
      <c r="JK19" s="102">
        <v>25</v>
      </c>
      <c r="JL19" s="102">
        <v>45</v>
      </c>
      <c r="JM19" s="102">
        <v>18</v>
      </c>
      <c r="JN19" s="102">
        <v>29</v>
      </c>
      <c r="JO19" s="102">
        <v>10</v>
      </c>
      <c r="JP19" s="103">
        <v>127</v>
      </c>
      <c r="JQ19" s="104">
        <v>153</v>
      </c>
      <c r="JR19" s="101">
        <v>0</v>
      </c>
      <c r="JS19" s="102">
        <v>0</v>
      </c>
      <c r="JT19" s="103">
        <v>0</v>
      </c>
      <c r="JU19" s="413">
        <v>0</v>
      </c>
      <c r="JV19" s="102">
        <v>0</v>
      </c>
      <c r="JW19" s="102">
        <v>0</v>
      </c>
      <c r="JX19" s="102">
        <v>0</v>
      </c>
      <c r="JY19" s="102">
        <v>0</v>
      </c>
      <c r="JZ19" s="102">
        <v>0</v>
      </c>
      <c r="KA19" s="103">
        <v>0</v>
      </c>
      <c r="KB19" s="104">
        <v>0</v>
      </c>
      <c r="KC19" s="101">
        <v>48</v>
      </c>
      <c r="KD19" s="102">
        <v>64</v>
      </c>
      <c r="KE19" s="103">
        <v>112</v>
      </c>
      <c r="KF19" s="413">
        <v>0</v>
      </c>
      <c r="KG19" s="102">
        <v>89</v>
      </c>
      <c r="KH19" s="102">
        <v>111</v>
      </c>
      <c r="KI19" s="102">
        <v>66</v>
      </c>
      <c r="KJ19" s="102">
        <v>48</v>
      </c>
      <c r="KK19" s="102">
        <v>27</v>
      </c>
      <c r="KL19" s="103">
        <v>341</v>
      </c>
      <c r="KM19" s="104">
        <v>453</v>
      </c>
    </row>
    <row r="20" spans="2:299" s="70" customFormat="1" ht="21" customHeight="1" x14ac:dyDescent="0.2">
      <c r="B20" s="106" t="s">
        <v>17</v>
      </c>
      <c r="C20" s="96">
        <v>76</v>
      </c>
      <c r="D20" s="97">
        <v>63</v>
      </c>
      <c r="E20" s="98">
        <v>139</v>
      </c>
      <c r="F20" s="413">
        <v>0</v>
      </c>
      <c r="G20" s="97">
        <v>104</v>
      </c>
      <c r="H20" s="97">
        <v>120</v>
      </c>
      <c r="I20" s="97">
        <v>67</v>
      </c>
      <c r="J20" s="97">
        <v>38</v>
      </c>
      <c r="K20" s="97">
        <v>31</v>
      </c>
      <c r="L20" s="99">
        <v>360</v>
      </c>
      <c r="M20" s="100">
        <v>499</v>
      </c>
      <c r="N20" s="101">
        <v>2</v>
      </c>
      <c r="O20" s="102">
        <v>2</v>
      </c>
      <c r="P20" s="103">
        <v>4</v>
      </c>
      <c r="Q20" s="413">
        <v>0</v>
      </c>
      <c r="R20" s="102">
        <v>0</v>
      </c>
      <c r="S20" s="102">
        <v>0</v>
      </c>
      <c r="T20" s="102">
        <v>2</v>
      </c>
      <c r="U20" s="102">
        <v>0</v>
      </c>
      <c r="V20" s="102">
        <v>0</v>
      </c>
      <c r="W20" s="103">
        <v>2</v>
      </c>
      <c r="X20" s="104">
        <v>6</v>
      </c>
      <c r="Y20" s="101">
        <v>3</v>
      </c>
      <c r="Z20" s="102">
        <v>3</v>
      </c>
      <c r="AA20" s="103">
        <v>6</v>
      </c>
      <c r="AB20" s="413">
        <v>0</v>
      </c>
      <c r="AC20" s="102">
        <v>2</v>
      </c>
      <c r="AD20" s="102">
        <v>5</v>
      </c>
      <c r="AE20" s="102">
        <v>2</v>
      </c>
      <c r="AF20" s="102">
        <v>1</v>
      </c>
      <c r="AG20" s="102">
        <v>1</v>
      </c>
      <c r="AH20" s="103">
        <v>11</v>
      </c>
      <c r="AI20" s="104">
        <v>17</v>
      </c>
      <c r="AJ20" s="101">
        <v>5</v>
      </c>
      <c r="AK20" s="102">
        <v>12</v>
      </c>
      <c r="AL20" s="103">
        <v>17</v>
      </c>
      <c r="AM20" s="413">
        <v>0</v>
      </c>
      <c r="AN20" s="102">
        <v>16</v>
      </c>
      <c r="AO20" s="102">
        <v>10</v>
      </c>
      <c r="AP20" s="102">
        <v>7</v>
      </c>
      <c r="AQ20" s="102">
        <v>1</v>
      </c>
      <c r="AR20" s="102">
        <v>4</v>
      </c>
      <c r="AS20" s="103">
        <v>38</v>
      </c>
      <c r="AT20" s="104">
        <v>55</v>
      </c>
      <c r="AU20" s="101">
        <v>19</v>
      </c>
      <c r="AV20" s="102">
        <v>19</v>
      </c>
      <c r="AW20" s="103">
        <v>38</v>
      </c>
      <c r="AX20" s="413">
        <v>0</v>
      </c>
      <c r="AY20" s="102">
        <v>25</v>
      </c>
      <c r="AZ20" s="102">
        <v>34</v>
      </c>
      <c r="BA20" s="102">
        <v>11</v>
      </c>
      <c r="BB20" s="102">
        <v>8</v>
      </c>
      <c r="BC20" s="102">
        <v>2</v>
      </c>
      <c r="BD20" s="103">
        <v>80</v>
      </c>
      <c r="BE20" s="104">
        <v>118</v>
      </c>
      <c r="BF20" s="101">
        <v>29</v>
      </c>
      <c r="BG20" s="102">
        <v>12</v>
      </c>
      <c r="BH20" s="103">
        <v>41</v>
      </c>
      <c r="BI20" s="413">
        <v>0</v>
      </c>
      <c r="BJ20" s="102">
        <v>32</v>
      </c>
      <c r="BK20" s="102">
        <v>36</v>
      </c>
      <c r="BL20" s="102">
        <v>22</v>
      </c>
      <c r="BM20" s="102">
        <v>15</v>
      </c>
      <c r="BN20" s="102">
        <v>8</v>
      </c>
      <c r="BO20" s="103">
        <v>113</v>
      </c>
      <c r="BP20" s="104">
        <v>154</v>
      </c>
      <c r="BQ20" s="101">
        <v>18</v>
      </c>
      <c r="BR20" s="102">
        <v>15</v>
      </c>
      <c r="BS20" s="103">
        <v>33</v>
      </c>
      <c r="BT20" s="413">
        <v>0</v>
      </c>
      <c r="BU20" s="102">
        <v>29</v>
      </c>
      <c r="BV20" s="102">
        <v>35</v>
      </c>
      <c r="BW20" s="102">
        <v>23</v>
      </c>
      <c r="BX20" s="102">
        <v>13</v>
      </c>
      <c r="BY20" s="102">
        <v>16</v>
      </c>
      <c r="BZ20" s="103">
        <v>116</v>
      </c>
      <c r="CA20" s="104">
        <v>149</v>
      </c>
      <c r="CB20" s="101">
        <v>0</v>
      </c>
      <c r="CC20" s="102">
        <v>0</v>
      </c>
      <c r="CD20" s="103">
        <v>0</v>
      </c>
      <c r="CE20" s="413">
        <v>0</v>
      </c>
      <c r="CF20" s="102">
        <v>0</v>
      </c>
      <c r="CG20" s="102">
        <v>0</v>
      </c>
      <c r="CH20" s="102">
        <v>0</v>
      </c>
      <c r="CI20" s="102">
        <v>0</v>
      </c>
      <c r="CJ20" s="102">
        <v>0</v>
      </c>
      <c r="CK20" s="103">
        <v>0</v>
      </c>
      <c r="CL20" s="104">
        <v>0</v>
      </c>
      <c r="CM20" s="101">
        <v>76</v>
      </c>
      <c r="CN20" s="102">
        <v>63</v>
      </c>
      <c r="CO20" s="103">
        <v>139</v>
      </c>
      <c r="CP20" s="413">
        <v>0</v>
      </c>
      <c r="CQ20" s="102">
        <v>104</v>
      </c>
      <c r="CR20" s="102">
        <v>120</v>
      </c>
      <c r="CS20" s="102">
        <v>67</v>
      </c>
      <c r="CT20" s="102">
        <v>38</v>
      </c>
      <c r="CU20" s="102">
        <v>31</v>
      </c>
      <c r="CV20" s="103">
        <v>360</v>
      </c>
      <c r="CW20" s="104">
        <v>499</v>
      </c>
      <c r="CX20" s="105">
        <v>8</v>
      </c>
      <c r="CY20" s="97">
        <v>10</v>
      </c>
      <c r="CZ20" s="98">
        <v>18</v>
      </c>
      <c r="DA20" s="413">
        <v>0</v>
      </c>
      <c r="DB20" s="97">
        <v>13</v>
      </c>
      <c r="DC20" s="97">
        <v>23</v>
      </c>
      <c r="DD20" s="97">
        <v>9</v>
      </c>
      <c r="DE20" s="97">
        <v>8</v>
      </c>
      <c r="DF20" s="97">
        <v>6</v>
      </c>
      <c r="DG20" s="99">
        <v>59</v>
      </c>
      <c r="DH20" s="100">
        <v>77</v>
      </c>
      <c r="DI20" s="101">
        <v>0</v>
      </c>
      <c r="DJ20" s="102">
        <v>0</v>
      </c>
      <c r="DK20" s="103">
        <v>0</v>
      </c>
      <c r="DL20" s="413">
        <v>0</v>
      </c>
      <c r="DM20" s="102">
        <v>0</v>
      </c>
      <c r="DN20" s="102">
        <v>1</v>
      </c>
      <c r="DO20" s="102">
        <v>1</v>
      </c>
      <c r="DP20" s="102">
        <v>0</v>
      </c>
      <c r="DQ20" s="102">
        <v>0</v>
      </c>
      <c r="DR20" s="103">
        <v>2</v>
      </c>
      <c r="DS20" s="104">
        <v>2</v>
      </c>
      <c r="DT20" s="101">
        <v>0</v>
      </c>
      <c r="DU20" s="102">
        <v>0</v>
      </c>
      <c r="DV20" s="103">
        <v>0</v>
      </c>
      <c r="DW20" s="413">
        <v>0</v>
      </c>
      <c r="DX20" s="102">
        <v>1</v>
      </c>
      <c r="DY20" s="102">
        <v>0</v>
      </c>
      <c r="DZ20" s="102">
        <v>0</v>
      </c>
      <c r="EA20" s="102">
        <v>1</v>
      </c>
      <c r="EB20" s="102">
        <v>0</v>
      </c>
      <c r="EC20" s="103">
        <v>2</v>
      </c>
      <c r="ED20" s="104">
        <v>2</v>
      </c>
      <c r="EE20" s="101">
        <v>4</v>
      </c>
      <c r="EF20" s="102">
        <v>1</v>
      </c>
      <c r="EG20" s="103">
        <v>5</v>
      </c>
      <c r="EH20" s="413">
        <v>0</v>
      </c>
      <c r="EI20" s="102">
        <v>2</v>
      </c>
      <c r="EJ20" s="102">
        <v>2</v>
      </c>
      <c r="EK20" s="102">
        <v>0</v>
      </c>
      <c r="EL20" s="102">
        <v>0</v>
      </c>
      <c r="EM20" s="102">
        <v>2</v>
      </c>
      <c r="EN20" s="103">
        <v>6</v>
      </c>
      <c r="EO20" s="104">
        <v>11</v>
      </c>
      <c r="EP20" s="101">
        <v>3</v>
      </c>
      <c r="EQ20" s="102">
        <v>4</v>
      </c>
      <c r="ER20" s="103">
        <v>7</v>
      </c>
      <c r="ES20" s="413">
        <v>0</v>
      </c>
      <c r="ET20" s="102">
        <v>4</v>
      </c>
      <c r="EU20" s="102">
        <v>4</v>
      </c>
      <c r="EV20" s="102">
        <v>0</v>
      </c>
      <c r="EW20" s="102">
        <v>1</v>
      </c>
      <c r="EX20" s="102">
        <v>0</v>
      </c>
      <c r="EY20" s="103">
        <v>9</v>
      </c>
      <c r="EZ20" s="104">
        <v>16</v>
      </c>
      <c r="FA20" s="101">
        <v>1</v>
      </c>
      <c r="FB20" s="102">
        <v>3</v>
      </c>
      <c r="FC20" s="103">
        <v>4</v>
      </c>
      <c r="FD20" s="413">
        <v>0</v>
      </c>
      <c r="FE20" s="102">
        <v>4</v>
      </c>
      <c r="FF20" s="102">
        <v>8</v>
      </c>
      <c r="FG20" s="102">
        <v>4</v>
      </c>
      <c r="FH20" s="102">
        <v>3</v>
      </c>
      <c r="FI20" s="102">
        <v>0</v>
      </c>
      <c r="FJ20" s="103">
        <v>19</v>
      </c>
      <c r="FK20" s="104">
        <v>23</v>
      </c>
      <c r="FL20" s="101">
        <v>0</v>
      </c>
      <c r="FM20" s="102">
        <v>2</v>
      </c>
      <c r="FN20" s="103">
        <v>2</v>
      </c>
      <c r="FO20" s="413">
        <v>0</v>
      </c>
      <c r="FP20" s="102">
        <v>2</v>
      </c>
      <c r="FQ20" s="102">
        <v>8</v>
      </c>
      <c r="FR20" s="102">
        <v>4</v>
      </c>
      <c r="FS20" s="102">
        <v>3</v>
      </c>
      <c r="FT20" s="102">
        <v>4</v>
      </c>
      <c r="FU20" s="103">
        <v>21</v>
      </c>
      <c r="FV20" s="104">
        <v>23</v>
      </c>
      <c r="FW20" s="101">
        <v>0</v>
      </c>
      <c r="FX20" s="102">
        <v>0</v>
      </c>
      <c r="FY20" s="103">
        <v>0</v>
      </c>
      <c r="FZ20" s="413">
        <v>0</v>
      </c>
      <c r="GA20" s="102">
        <v>0</v>
      </c>
      <c r="GB20" s="102">
        <v>0</v>
      </c>
      <c r="GC20" s="102">
        <v>0</v>
      </c>
      <c r="GD20" s="102">
        <v>0</v>
      </c>
      <c r="GE20" s="102">
        <v>0</v>
      </c>
      <c r="GF20" s="103">
        <v>0</v>
      </c>
      <c r="GG20" s="104">
        <v>0</v>
      </c>
      <c r="GH20" s="101">
        <v>8</v>
      </c>
      <c r="GI20" s="102">
        <v>10</v>
      </c>
      <c r="GJ20" s="103">
        <v>18</v>
      </c>
      <c r="GK20" s="413">
        <v>0</v>
      </c>
      <c r="GL20" s="102">
        <v>13</v>
      </c>
      <c r="GM20" s="102">
        <v>23</v>
      </c>
      <c r="GN20" s="102">
        <v>9</v>
      </c>
      <c r="GO20" s="102">
        <v>8</v>
      </c>
      <c r="GP20" s="102">
        <v>6</v>
      </c>
      <c r="GQ20" s="103">
        <v>59</v>
      </c>
      <c r="GR20" s="104">
        <v>77</v>
      </c>
      <c r="GS20" s="105">
        <v>84</v>
      </c>
      <c r="GT20" s="97">
        <v>73</v>
      </c>
      <c r="GU20" s="98">
        <v>157</v>
      </c>
      <c r="GV20" s="413">
        <v>0</v>
      </c>
      <c r="GW20" s="97">
        <v>117</v>
      </c>
      <c r="GX20" s="97">
        <v>143</v>
      </c>
      <c r="GY20" s="97">
        <v>76</v>
      </c>
      <c r="GZ20" s="97">
        <v>46</v>
      </c>
      <c r="HA20" s="97">
        <v>37</v>
      </c>
      <c r="HB20" s="99">
        <v>419</v>
      </c>
      <c r="HC20" s="100">
        <v>576</v>
      </c>
      <c r="HD20" s="101">
        <v>2</v>
      </c>
      <c r="HE20" s="102">
        <v>2</v>
      </c>
      <c r="HF20" s="103">
        <v>4</v>
      </c>
      <c r="HG20" s="413">
        <v>0</v>
      </c>
      <c r="HH20" s="102">
        <v>0</v>
      </c>
      <c r="HI20" s="102">
        <v>1</v>
      </c>
      <c r="HJ20" s="102">
        <v>3</v>
      </c>
      <c r="HK20" s="102">
        <v>0</v>
      </c>
      <c r="HL20" s="102">
        <v>0</v>
      </c>
      <c r="HM20" s="103">
        <v>4</v>
      </c>
      <c r="HN20" s="104">
        <v>8</v>
      </c>
      <c r="HO20" s="101">
        <v>3</v>
      </c>
      <c r="HP20" s="102">
        <v>3</v>
      </c>
      <c r="HQ20" s="103">
        <v>6</v>
      </c>
      <c r="HR20" s="413">
        <v>0</v>
      </c>
      <c r="HS20" s="102">
        <v>3</v>
      </c>
      <c r="HT20" s="102">
        <v>5</v>
      </c>
      <c r="HU20" s="102">
        <v>2</v>
      </c>
      <c r="HV20" s="102">
        <v>2</v>
      </c>
      <c r="HW20" s="102">
        <v>1</v>
      </c>
      <c r="HX20" s="103">
        <v>13</v>
      </c>
      <c r="HY20" s="104">
        <v>19</v>
      </c>
      <c r="HZ20" s="101">
        <v>9</v>
      </c>
      <c r="IA20" s="102">
        <v>13</v>
      </c>
      <c r="IB20" s="103">
        <v>22</v>
      </c>
      <c r="IC20" s="413">
        <v>0</v>
      </c>
      <c r="ID20" s="102">
        <v>18</v>
      </c>
      <c r="IE20" s="102">
        <v>12</v>
      </c>
      <c r="IF20" s="102">
        <v>7</v>
      </c>
      <c r="IG20" s="102">
        <v>1</v>
      </c>
      <c r="IH20" s="102">
        <v>6</v>
      </c>
      <c r="II20" s="103">
        <v>44</v>
      </c>
      <c r="IJ20" s="104">
        <v>66</v>
      </c>
      <c r="IK20" s="101">
        <v>22</v>
      </c>
      <c r="IL20" s="102">
        <v>23</v>
      </c>
      <c r="IM20" s="103">
        <v>45</v>
      </c>
      <c r="IN20" s="413">
        <v>0</v>
      </c>
      <c r="IO20" s="102">
        <v>29</v>
      </c>
      <c r="IP20" s="102">
        <v>38</v>
      </c>
      <c r="IQ20" s="102">
        <v>11</v>
      </c>
      <c r="IR20" s="102">
        <v>9</v>
      </c>
      <c r="IS20" s="102">
        <v>2</v>
      </c>
      <c r="IT20" s="103">
        <v>89</v>
      </c>
      <c r="IU20" s="104">
        <v>134</v>
      </c>
      <c r="IV20" s="101">
        <v>30</v>
      </c>
      <c r="IW20" s="102">
        <v>15</v>
      </c>
      <c r="IX20" s="103">
        <v>45</v>
      </c>
      <c r="IY20" s="413">
        <v>0</v>
      </c>
      <c r="IZ20" s="102">
        <v>36</v>
      </c>
      <c r="JA20" s="102">
        <v>44</v>
      </c>
      <c r="JB20" s="102">
        <v>26</v>
      </c>
      <c r="JC20" s="102">
        <v>18</v>
      </c>
      <c r="JD20" s="102">
        <v>8</v>
      </c>
      <c r="JE20" s="103">
        <v>132</v>
      </c>
      <c r="JF20" s="104">
        <v>177</v>
      </c>
      <c r="JG20" s="101">
        <v>18</v>
      </c>
      <c r="JH20" s="102">
        <v>17</v>
      </c>
      <c r="JI20" s="103">
        <v>35</v>
      </c>
      <c r="JJ20" s="413">
        <v>0</v>
      </c>
      <c r="JK20" s="102">
        <v>31</v>
      </c>
      <c r="JL20" s="102">
        <v>43</v>
      </c>
      <c r="JM20" s="102">
        <v>27</v>
      </c>
      <c r="JN20" s="102">
        <v>16</v>
      </c>
      <c r="JO20" s="102">
        <v>20</v>
      </c>
      <c r="JP20" s="103">
        <v>137</v>
      </c>
      <c r="JQ20" s="104">
        <v>172</v>
      </c>
      <c r="JR20" s="101">
        <v>0</v>
      </c>
      <c r="JS20" s="102">
        <v>0</v>
      </c>
      <c r="JT20" s="103">
        <v>0</v>
      </c>
      <c r="JU20" s="413">
        <v>0</v>
      </c>
      <c r="JV20" s="102">
        <v>0</v>
      </c>
      <c r="JW20" s="102">
        <v>0</v>
      </c>
      <c r="JX20" s="102">
        <v>0</v>
      </c>
      <c r="JY20" s="102">
        <v>0</v>
      </c>
      <c r="JZ20" s="102">
        <v>0</v>
      </c>
      <c r="KA20" s="103">
        <v>0</v>
      </c>
      <c r="KB20" s="104">
        <v>0</v>
      </c>
      <c r="KC20" s="101">
        <v>84</v>
      </c>
      <c r="KD20" s="102">
        <v>73</v>
      </c>
      <c r="KE20" s="103">
        <v>157</v>
      </c>
      <c r="KF20" s="413">
        <v>0</v>
      </c>
      <c r="KG20" s="102">
        <v>117</v>
      </c>
      <c r="KH20" s="102">
        <v>143</v>
      </c>
      <c r="KI20" s="102">
        <v>76</v>
      </c>
      <c r="KJ20" s="102">
        <v>46</v>
      </c>
      <c r="KK20" s="102">
        <v>37</v>
      </c>
      <c r="KL20" s="103">
        <v>419</v>
      </c>
      <c r="KM20" s="104">
        <v>576</v>
      </c>
    </row>
    <row r="21" spans="2:299" s="70" customFormat="1" ht="21" customHeight="1" x14ac:dyDescent="0.2">
      <c r="B21" s="106" t="s">
        <v>18</v>
      </c>
      <c r="C21" s="96">
        <v>78</v>
      </c>
      <c r="D21" s="97">
        <v>71</v>
      </c>
      <c r="E21" s="98">
        <v>149</v>
      </c>
      <c r="F21" s="413">
        <v>0</v>
      </c>
      <c r="G21" s="97">
        <v>159</v>
      </c>
      <c r="H21" s="97">
        <v>116</v>
      </c>
      <c r="I21" s="97">
        <v>90</v>
      </c>
      <c r="J21" s="97">
        <v>58</v>
      </c>
      <c r="K21" s="97">
        <v>35</v>
      </c>
      <c r="L21" s="99">
        <v>458</v>
      </c>
      <c r="M21" s="100">
        <v>607</v>
      </c>
      <c r="N21" s="101">
        <v>2</v>
      </c>
      <c r="O21" s="102">
        <v>1</v>
      </c>
      <c r="P21" s="103">
        <v>3</v>
      </c>
      <c r="Q21" s="413">
        <v>0</v>
      </c>
      <c r="R21" s="102">
        <v>4</v>
      </c>
      <c r="S21" s="102">
        <v>1</v>
      </c>
      <c r="T21" s="102">
        <v>1</v>
      </c>
      <c r="U21" s="102">
        <v>2</v>
      </c>
      <c r="V21" s="102">
        <v>2</v>
      </c>
      <c r="W21" s="103">
        <v>10</v>
      </c>
      <c r="X21" s="104">
        <v>13</v>
      </c>
      <c r="Y21" s="101">
        <v>5</v>
      </c>
      <c r="Z21" s="102">
        <v>4</v>
      </c>
      <c r="AA21" s="103">
        <v>9</v>
      </c>
      <c r="AB21" s="413">
        <v>0</v>
      </c>
      <c r="AC21" s="102">
        <v>6</v>
      </c>
      <c r="AD21" s="102">
        <v>9</v>
      </c>
      <c r="AE21" s="102">
        <v>3</v>
      </c>
      <c r="AF21" s="102">
        <v>2</v>
      </c>
      <c r="AG21" s="102">
        <v>7</v>
      </c>
      <c r="AH21" s="103">
        <v>27</v>
      </c>
      <c r="AI21" s="104">
        <v>36</v>
      </c>
      <c r="AJ21" s="101">
        <v>7</v>
      </c>
      <c r="AK21" s="102">
        <v>11</v>
      </c>
      <c r="AL21" s="103">
        <v>18</v>
      </c>
      <c r="AM21" s="413">
        <v>0</v>
      </c>
      <c r="AN21" s="102">
        <v>16</v>
      </c>
      <c r="AO21" s="102">
        <v>8</v>
      </c>
      <c r="AP21" s="102">
        <v>8</v>
      </c>
      <c r="AQ21" s="102">
        <v>2</v>
      </c>
      <c r="AR21" s="102">
        <v>2</v>
      </c>
      <c r="AS21" s="103">
        <v>36</v>
      </c>
      <c r="AT21" s="104">
        <v>54</v>
      </c>
      <c r="AU21" s="101">
        <v>16</v>
      </c>
      <c r="AV21" s="102">
        <v>7</v>
      </c>
      <c r="AW21" s="103">
        <v>23</v>
      </c>
      <c r="AX21" s="413">
        <v>0</v>
      </c>
      <c r="AY21" s="102">
        <v>37</v>
      </c>
      <c r="AZ21" s="102">
        <v>18</v>
      </c>
      <c r="BA21" s="102">
        <v>8</v>
      </c>
      <c r="BB21" s="102">
        <v>9</v>
      </c>
      <c r="BC21" s="102">
        <v>7</v>
      </c>
      <c r="BD21" s="103">
        <v>79</v>
      </c>
      <c r="BE21" s="104">
        <v>102</v>
      </c>
      <c r="BF21" s="101">
        <v>26</v>
      </c>
      <c r="BG21" s="102">
        <v>24</v>
      </c>
      <c r="BH21" s="103">
        <v>50</v>
      </c>
      <c r="BI21" s="413">
        <v>0</v>
      </c>
      <c r="BJ21" s="102">
        <v>51</v>
      </c>
      <c r="BK21" s="102">
        <v>33</v>
      </c>
      <c r="BL21" s="102">
        <v>36</v>
      </c>
      <c r="BM21" s="102">
        <v>24</v>
      </c>
      <c r="BN21" s="102">
        <v>7</v>
      </c>
      <c r="BO21" s="103">
        <v>151</v>
      </c>
      <c r="BP21" s="104">
        <v>201</v>
      </c>
      <c r="BQ21" s="101">
        <v>22</v>
      </c>
      <c r="BR21" s="102">
        <v>24</v>
      </c>
      <c r="BS21" s="103">
        <v>46</v>
      </c>
      <c r="BT21" s="413">
        <v>0</v>
      </c>
      <c r="BU21" s="102">
        <v>45</v>
      </c>
      <c r="BV21" s="102">
        <v>47</v>
      </c>
      <c r="BW21" s="102">
        <v>34</v>
      </c>
      <c r="BX21" s="102">
        <v>19</v>
      </c>
      <c r="BY21" s="102">
        <v>10</v>
      </c>
      <c r="BZ21" s="103">
        <v>155</v>
      </c>
      <c r="CA21" s="104">
        <v>201</v>
      </c>
      <c r="CB21" s="101">
        <v>0</v>
      </c>
      <c r="CC21" s="102">
        <v>0</v>
      </c>
      <c r="CD21" s="103">
        <v>0</v>
      </c>
      <c r="CE21" s="413">
        <v>0</v>
      </c>
      <c r="CF21" s="102">
        <v>0</v>
      </c>
      <c r="CG21" s="102">
        <v>0</v>
      </c>
      <c r="CH21" s="102">
        <v>0</v>
      </c>
      <c r="CI21" s="102">
        <v>0</v>
      </c>
      <c r="CJ21" s="102">
        <v>0</v>
      </c>
      <c r="CK21" s="103">
        <v>0</v>
      </c>
      <c r="CL21" s="104">
        <v>0</v>
      </c>
      <c r="CM21" s="101">
        <v>78</v>
      </c>
      <c r="CN21" s="102">
        <v>71</v>
      </c>
      <c r="CO21" s="103">
        <v>149</v>
      </c>
      <c r="CP21" s="413">
        <v>0</v>
      </c>
      <c r="CQ21" s="102">
        <v>159</v>
      </c>
      <c r="CR21" s="102">
        <v>116</v>
      </c>
      <c r="CS21" s="102">
        <v>90</v>
      </c>
      <c r="CT21" s="102">
        <v>58</v>
      </c>
      <c r="CU21" s="102">
        <v>35</v>
      </c>
      <c r="CV21" s="103">
        <v>458</v>
      </c>
      <c r="CW21" s="104">
        <v>607</v>
      </c>
      <c r="CX21" s="105">
        <v>9</v>
      </c>
      <c r="CY21" s="97">
        <v>25</v>
      </c>
      <c r="CZ21" s="98">
        <v>34</v>
      </c>
      <c r="DA21" s="413">
        <v>0</v>
      </c>
      <c r="DB21" s="97">
        <v>21</v>
      </c>
      <c r="DC21" s="97">
        <v>16</v>
      </c>
      <c r="DD21" s="97">
        <v>11</v>
      </c>
      <c r="DE21" s="97">
        <v>11</v>
      </c>
      <c r="DF21" s="97">
        <v>8</v>
      </c>
      <c r="DG21" s="99">
        <v>67</v>
      </c>
      <c r="DH21" s="100">
        <v>101</v>
      </c>
      <c r="DI21" s="101">
        <v>1</v>
      </c>
      <c r="DJ21" s="102">
        <v>0</v>
      </c>
      <c r="DK21" s="103">
        <v>1</v>
      </c>
      <c r="DL21" s="413">
        <v>0</v>
      </c>
      <c r="DM21" s="102">
        <v>0</v>
      </c>
      <c r="DN21" s="102">
        <v>0</v>
      </c>
      <c r="DO21" s="102">
        <v>1</v>
      </c>
      <c r="DP21" s="102">
        <v>0</v>
      </c>
      <c r="DQ21" s="102">
        <v>1</v>
      </c>
      <c r="DR21" s="103">
        <v>2</v>
      </c>
      <c r="DS21" s="104">
        <v>3</v>
      </c>
      <c r="DT21" s="101">
        <v>1</v>
      </c>
      <c r="DU21" s="102">
        <v>2</v>
      </c>
      <c r="DV21" s="103">
        <v>3</v>
      </c>
      <c r="DW21" s="413">
        <v>0</v>
      </c>
      <c r="DX21" s="102">
        <v>2</v>
      </c>
      <c r="DY21" s="102">
        <v>1</v>
      </c>
      <c r="DZ21" s="102">
        <v>1</v>
      </c>
      <c r="EA21" s="102">
        <v>0</v>
      </c>
      <c r="EB21" s="102">
        <v>0</v>
      </c>
      <c r="EC21" s="103">
        <v>4</v>
      </c>
      <c r="ED21" s="104">
        <v>7</v>
      </c>
      <c r="EE21" s="101">
        <v>1</v>
      </c>
      <c r="EF21" s="102">
        <v>10</v>
      </c>
      <c r="EG21" s="103">
        <v>11</v>
      </c>
      <c r="EH21" s="413">
        <v>0</v>
      </c>
      <c r="EI21" s="102">
        <v>0</v>
      </c>
      <c r="EJ21" s="102">
        <v>1</v>
      </c>
      <c r="EK21" s="102">
        <v>0</v>
      </c>
      <c r="EL21" s="102">
        <v>0</v>
      </c>
      <c r="EM21" s="102">
        <v>0</v>
      </c>
      <c r="EN21" s="103">
        <v>1</v>
      </c>
      <c r="EO21" s="104">
        <v>12</v>
      </c>
      <c r="EP21" s="101">
        <v>2</v>
      </c>
      <c r="EQ21" s="102">
        <v>4</v>
      </c>
      <c r="ER21" s="103">
        <v>6</v>
      </c>
      <c r="ES21" s="413">
        <v>0</v>
      </c>
      <c r="ET21" s="102">
        <v>10</v>
      </c>
      <c r="EU21" s="102">
        <v>2</v>
      </c>
      <c r="EV21" s="102">
        <v>3</v>
      </c>
      <c r="EW21" s="102">
        <v>1</v>
      </c>
      <c r="EX21" s="102">
        <v>1</v>
      </c>
      <c r="EY21" s="103">
        <v>17</v>
      </c>
      <c r="EZ21" s="104">
        <v>23</v>
      </c>
      <c r="FA21" s="101">
        <v>2</v>
      </c>
      <c r="FB21" s="102">
        <v>6</v>
      </c>
      <c r="FC21" s="103">
        <v>8</v>
      </c>
      <c r="FD21" s="413">
        <v>0</v>
      </c>
      <c r="FE21" s="102">
        <v>1</v>
      </c>
      <c r="FF21" s="102">
        <v>8</v>
      </c>
      <c r="FG21" s="102">
        <v>3</v>
      </c>
      <c r="FH21" s="102">
        <v>2</v>
      </c>
      <c r="FI21" s="102">
        <v>1</v>
      </c>
      <c r="FJ21" s="103">
        <v>15</v>
      </c>
      <c r="FK21" s="104">
        <v>23</v>
      </c>
      <c r="FL21" s="101">
        <v>2</v>
      </c>
      <c r="FM21" s="102">
        <v>3</v>
      </c>
      <c r="FN21" s="103">
        <v>5</v>
      </c>
      <c r="FO21" s="413">
        <v>0</v>
      </c>
      <c r="FP21" s="102">
        <v>8</v>
      </c>
      <c r="FQ21" s="102">
        <v>4</v>
      </c>
      <c r="FR21" s="102">
        <v>3</v>
      </c>
      <c r="FS21" s="102">
        <v>8</v>
      </c>
      <c r="FT21" s="102">
        <v>5</v>
      </c>
      <c r="FU21" s="103">
        <v>28</v>
      </c>
      <c r="FV21" s="104">
        <v>33</v>
      </c>
      <c r="FW21" s="101">
        <v>0</v>
      </c>
      <c r="FX21" s="102">
        <v>0</v>
      </c>
      <c r="FY21" s="103">
        <v>0</v>
      </c>
      <c r="FZ21" s="413">
        <v>0</v>
      </c>
      <c r="GA21" s="102">
        <v>0</v>
      </c>
      <c r="GB21" s="102">
        <v>0</v>
      </c>
      <c r="GC21" s="102">
        <v>0</v>
      </c>
      <c r="GD21" s="102">
        <v>0</v>
      </c>
      <c r="GE21" s="102">
        <v>0</v>
      </c>
      <c r="GF21" s="103">
        <v>0</v>
      </c>
      <c r="GG21" s="104">
        <v>0</v>
      </c>
      <c r="GH21" s="101">
        <v>9</v>
      </c>
      <c r="GI21" s="102">
        <v>25</v>
      </c>
      <c r="GJ21" s="103">
        <v>34</v>
      </c>
      <c r="GK21" s="413">
        <v>0</v>
      </c>
      <c r="GL21" s="102">
        <v>21</v>
      </c>
      <c r="GM21" s="102">
        <v>16</v>
      </c>
      <c r="GN21" s="102">
        <v>11</v>
      </c>
      <c r="GO21" s="102">
        <v>11</v>
      </c>
      <c r="GP21" s="102">
        <v>8</v>
      </c>
      <c r="GQ21" s="103">
        <v>67</v>
      </c>
      <c r="GR21" s="104">
        <v>101</v>
      </c>
      <c r="GS21" s="105">
        <v>87</v>
      </c>
      <c r="GT21" s="97">
        <v>96</v>
      </c>
      <c r="GU21" s="98">
        <v>183</v>
      </c>
      <c r="GV21" s="413">
        <v>0</v>
      </c>
      <c r="GW21" s="97">
        <v>180</v>
      </c>
      <c r="GX21" s="97">
        <v>132</v>
      </c>
      <c r="GY21" s="97">
        <v>101</v>
      </c>
      <c r="GZ21" s="97">
        <v>69</v>
      </c>
      <c r="HA21" s="97">
        <v>43</v>
      </c>
      <c r="HB21" s="99">
        <v>525</v>
      </c>
      <c r="HC21" s="100">
        <v>708</v>
      </c>
      <c r="HD21" s="101">
        <v>3</v>
      </c>
      <c r="HE21" s="102">
        <v>1</v>
      </c>
      <c r="HF21" s="103">
        <v>4</v>
      </c>
      <c r="HG21" s="413">
        <v>0</v>
      </c>
      <c r="HH21" s="102">
        <v>4</v>
      </c>
      <c r="HI21" s="102">
        <v>1</v>
      </c>
      <c r="HJ21" s="102">
        <v>2</v>
      </c>
      <c r="HK21" s="102">
        <v>2</v>
      </c>
      <c r="HL21" s="102">
        <v>3</v>
      </c>
      <c r="HM21" s="103">
        <v>12</v>
      </c>
      <c r="HN21" s="104">
        <v>16</v>
      </c>
      <c r="HO21" s="101">
        <v>6</v>
      </c>
      <c r="HP21" s="102">
        <v>6</v>
      </c>
      <c r="HQ21" s="103">
        <v>12</v>
      </c>
      <c r="HR21" s="413">
        <v>0</v>
      </c>
      <c r="HS21" s="102">
        <v>8</v>
      </c>
      <c r="HT21" s="102">
        <v>10</v>
      </c>
      <c r="HU21" s="102">
        <v>4</v>
      </c>
      <c r="HV21" s="102">
        <v>2</v>
      </c>
      <c r="HW21" s="102">
        <v>7</v>
      </c>
      <c r="HX21" s="103">
        <v>31</v>
      </c>
      <c r="HY21" s="104">
        <v>43</v>
      </c>
      <c r="HZ21" s="101">
        <v>8</v>
      </c>
      <c r="IA21" s="102">
        <v>21</v>
      </c>
      <c r="IB21" s="103">
        <v>29</v>
      </c>
      <c r="IC21" s="413">
        <v>0</v>
      </c>
      <c r="ID21" s="102">
        <v>16</v>
      </c>
      <c r="IE21" s="102">
        <v>9</v>
      </c>
      <c r="IF21" s="102">
        <v>8</v>
      </c>
      <c r="IG21" s="102">
        <v>2</v>
      </c>
      <c r="IH21" s="102">
        <v>2</v>
      </c>
      <c r="II21" s="103">
        <v>37</v>
      </c>
      <c r="IJ21" s="104">
        <v>66</v>
      </c>
      <c r="IK21" s="101">
        <v>18</v>
      </c>
      <c r="IL21" s="102">
        <v>11</v>
      </c>
      <c r="IM21" s="103">
        <v>29</v>
      </c>
      <c r="IN21" s="413">
        <v>0</v>
      </c>
      <c r="IO21" s="102">
        <v>47</v>
      </c>
      <c r="IP21" s="102">
        <v>20</v>
      </c>
      <c r="IQ21" s="102">
        <v>11</v>
      </c>
      <c r="IR21" s="102">
        <v>10</v>
      </c>
      <c r="IS21" s="102">
        <v>8</v>
      </c>
      <c r="IT21" s="103">
        <v>96</v>
      </c>
      <c r="IU21" s="104">
        <v>125</v>
      </c>
      <c r="IV21" s="101">
        <v>28</v>
      </c>
      <c r="IW21" s="102">
        <v>30</v>
      </c>
      <c r="IX21" s="103">
        <v>58</v>
      </c>
      <c r="IY21" s="413">
        <v>0</v>
      </c>
      <c r="IZ21" s="102">
        <v>52</v>
      </c>
      <c r="JA21" s="102">
        <v>41</v>
      </c>
      <c r="JB21" s="102">
        <v>39</v>
      </c>
      <c r="JC21" s="102">
        <v>26</v>
      </c>
      <c r="JD21" s="102">
        <v>8</v>
      </c>
      <c r="JE21" s="103">
        <v>166</v>
      </c>
      <c r="JF21" s="104">
        <v>224</v>
      </c>
      <c r="JG21" s="101">
        <v>24</v>
      </c>
      <c r="JH21" s="102">
        <v>27</v>
      </c>
      <c r="JI21" s="103">
        <v>51</v>
      </c>
      <c r="JJ21" s="413">
        <v>0</v>
      </c>
      <c r="JK21" s="102">
        <v>53</v>
      </c>
      <c r="JL21" s="102">
        <v>51</v>
      </c>
      <c r="JM21" s="102">
        <v>37</v>
      </c>
      <c r="JN21" s="102">
        <v>27</v>
      </c>
      <c r="JO21" s="102">
        <v>15</v>
      </c>
      <c r="JP21" s="103">
        <v>183</v>
      </c>
      <c r="JQ21" s="104">
        <v>234</v>
      </c>
      <c r="JR21" s="101">
        <v>0</v>
      </c>
      <c r="JS21" s="102">
        <v>0</v>
      </c>
      <c r="JT21" s="103">
        <v>0</v>
      </c>
      <c r="JU21" s="413">
        <v>0</v>
      </c>
      <c r="JV21" s="102">
        <v>0</v>
      </c>
      <c r="JW21" s="102">
        <v>0</v>
      </c>
      <c r="JX21" s="102">
        <v>0</v>
      </c>
      <c r="JY21" s="102">
        <v>0</v>
      </c>
      <c r="JZ21" s="102">
        <v>0</v>
      </c>
      <c r="KA21" s="103">
        <v>0</v>
      </c>
      <c r="KB21" s="104">
        <v>0</v>
      </c>
      <c r="KC21" s="101">
        <v>87</v>
      </c>
      <c r="KD21" s="102">
        <v>96</v>
      </c>
      <c r="KE21" s="103">
        <v>183</v>
      </c>
      <c r="KF21" s="413">
        <v>0</v>
      </c>
      <c r="KG21" s="102">
        <v>180</v>
      </c>
      <c r="KH21" s="102">
        <v>132</v>
      </c>
      <c r="KI21" s="102">
        <v>101</v>
      </c>
      <c r="KJ21" s="102">
        <v>69</v>
      </c>
      <c r="KK21" s="102">
        <v>43</v>
      </c>
      <c r="KL21" s="103">
        <v>525</v>
      </c>
      <c r="KM21" s="104">
        <v>708</v>
      </c>
    </row>
    <row r="22" spans="2:299" s="70" customFormat="1" ht="21" customHeight="1" x14ac:dyDescent="0.2">
      <c r="B22" s="106" t="s">
        <v>19</v>
      </c>
      <c r="C22" s="96">
        <v>44</v>
      </c>
      <c r="D22" s="97">
        <v>43</v>
      </c>
      <c r="E22" s="98">
        <v>87</v>
      </c>
      <c r="F22" s="413">
        <v>0</v>
      </c>
      <c r="G22" s="97">
        <v>75</v>
      </c>
      <c r="H22" s="97">
        <v>53</v>
      </c>
      <c r="I22" s="97">
        <v>20</v>
      </c>
      <c r="J22" s="97">
        <v>20</v>
      </c>
      <c r="K22" s="97">
        <v>22</v>
      </c>
      <c r="L22" s="99">
        <v>190</v>
      </c>
      <c r="M22" s="100">
        <v>277</v>
      </c>
      <c r="N22" s="107">
        <v>0</v>
      </c>
      <c r="O22" s="102">
        <v>0</v>
      </c>
      <c r="P22" s="103">
        <v>0</v>
      </c>
      <c r="Q22" s="413">
        <v>0</v>
      </c>
      <c r="R22" s="102">
        <v>1</v>
      </c>
      <c r="S22" s="102">
        <v>1</v>
      </c>
      <c r="T22" s="102">
        <v>2</v>
      </c>
      <c r="U22" s="102">
        <v>0</v>
      </c>
      <c r="V22" s="102">
        <v>0</v>
      </c>
      <c r="W22" s="103">
        <v>4</v>
      </c>
      <c r="X22" s="104">
        <v>4</v>
      </c>
      <c r="Y22" s="101">
        <v>2</v>
      </c>
      <c r="Z22" s="102">
        <v>1</v>
      </c>
      <c r="AA22" s="103">
        <v>3</v>
      </c>
      <c r="AB22" s="413">
        <v>0</v>
      </c>
      <c r="AC22" s="102">
        <v>1</v>
      </c>
      <c r="AD22" s="102">
        <v>3</v>
      </c>
      <c r="AE22" s="102">
        <v>1</v>
      </c>
      <c r="AF22" s="102">
        <v>0</v>
      </c>
      <c r="AG22" s="102">
        <v>2</v>
      </c>
      <c r="AH22" s="103">
        <v>7</v>
      </c>
      <c r="AI22" s="104">
        <v>10</v>
      </c>
      <c r="AJ22" s="107">
        <v>4</v>
      </c>
      <c r="AK22" s="102">
        <v>3</v>
      </c>
      <c r="AL22" s="103">
        <v>7</v>
      </c>
      <c r="AM22" s="413">
        <v>0</v>
      </c>
      <c r="AN22" s="102">
        <v>5</v>
      </c>
      <c r="AO22" s="102">
        <v>5</v>
      </c>
      <c r="AP22" s="102">
        <v>1</v>
      </c>
      <c r="AQ22" s="102">
        <v>0</v>
      </c>
      <c r="AR22" s="102">
        <v>1</v>
      </c>
      <c r="AS22" s="103">
        <v>12</v>
      </c>
      <c r="AT22" s="104">
        <v>19</v>
      </c>
      <c r="AU22" s="101">
        <v>9</v>
      </c>
      <c r="AV22" s="102">
        <v>6</v>
      </c>
      <c r="AW22" s="103">
        <v>15</v>
      </c>
      <c r="AX22" s="413">
        <v>0</v>
      </c>
      <c r="AY22" s="102">
        <v>16</v>
      </c>
      <c r="AZ22" s="102">
        <v>8</v>
      </c>
      <c r="BA22" s="102">
        <v>3</v>
      </c>
      <c r="BB22" s="102">
        <v>7</v>
      </c>
      <c r="BC22" s="102">
        <v>5</v>
      </c>
      <c r="BD22" s="103">
        <v>39</v>
      </c>
      <c r="BE22" s="104">
        <v>54</v>
      </c>
      <c r="BF22" s="107">
        <v>11</v>
      </c>
      <c r="BG22" s="102">
        <v>17</v>
      </c>
      <c r="BH22" s="103">
        <v>28</v>
      </c>
      <c r="BI22" s="413">
        <v>0</v>
      </c>
      <c r="BJ22" s="102">
        <v>24</v>
      </c>
      <c r="BK22" s="102">
        <v>13</v>
      </c>
      <c r="BL22" s="102">
        <v>7</v>
      </c>
      <c r="BM22" s="102">
        <v>10</v>
      </c>
      <c r="BN22" s="102">
        <v>9</v>
      </c>
      <c r="BO22" s="103">
        <v>63</v>
      </c>
      <c r="BP22" s="104">
        <v>91</v>
      </c>
      <c r="BQ22" s="101">
        <v>18</v>
      </c>
      <c r="BR22" s="102">
        <v>16</v>
      </c>
      <c r="BS22" s="103">
        <v>34</v>
      </c>
      <c r="BT22" s="413">
        <v>0</v>
      </c>
      <c r="BU22" s="102">
        <v>28</v>
      </c>
      <c r="BV22" s="102">
        <v>23</v>
      </c>
      <c r="BW22" s="102">
        <v>6</v>
      </c>
      <c r="BX22" s="102">
        <v>3</v>
      </c>
      <c r="BY22" s="102">
        <v>5</v>
      </c>
      <c r="BZ22" s="103">
        <v>65</v>
      </c>
      <c r="CA22" s="104">
        <v>99</v>
      </c>
      <c r="CB22" s="101">
        <v>0</v>
      </c>
      <c r="CC22" s="102">
        <v>0</v>
      </c>
      <c r="CD22" s="103">
        <v>0</v>
      </c>
      <c r="CE22" s="413">
        <v>0</v>
      </c>
      <c r="CF22" s="102">
        <v>0</v>
      </c>
      <c r="CG22" s="102">
        <v>0</v>
      </c>
      <c r="CH22" s="102">
        <v>0</v>
      </c>
      <c r="CI22" s="102">
        <v>0</v>
      </c>
      <c r="CJ22" s="102">
        <v>0</v>
      </c>
      <c r="CK22" s="103">
        <v>0</v>
      </c>
      <c r="CL22" s="104">
        <v>0</v>
      </c>
      <c r="CM22" s="101">
        <v>44</v>
      </c>
      <c r="CN22" s="102">
        <v>43</v>
      </c>
      <c r="CO22" s="103">
        <v>87</v>
      </c>
      <c r="CP22" s="413">
        <v>0</v>
      </c>
      <c r="CQ22" s="102">
        <v>75</v>
      </c>
      <c r="CR22" s="102">
        <v>53</v>
      </c>
      <c r="CS22" s="102">
        <v>20</v>
      </c>
      <c r="CT22" s="102">
        <v>20</v>
      </c>
      <c r="CU22" s="102">
        <v>22</v>
      </c>
      <c r="CV22" s="103">
        <v>190</v>
      </c>
      <c r="CW22" s="104">
        <v>277</v>
      </c>
      <c r="CX22" s="105">
        <v>6</v>
      </c>
      <c r="CY22" s="97">
        <v>3</v>
      </c>
      <c r="CZ22" s="98">
        <v>9</v>
      </c>
      <c r="DA22" s="413">
        <v>0</v>
      </c>
      <c r="DB22" s="97">
        <v>13</v>
      </c>
      <c r="DC22" s="97">
        <v>3</v>
      </c>
      <c r="DD22" s="97">
        <v>6</v>
      </c>
      <c r="DE22" s="97">
        <v>6</v>
      </c>
      <c r="DF22" s="97">
        <v>3</v>
      </c>
      <c r="DG22" s="99">
        <v>31</v>
      </c>
      <c r="DH22" s="100">
        <v>40</v>
      </c>
      <c r="DI22" s="107">
        <v>1</v>
      </c>
      <c r="DJ22" s="102">
        <v>0</v>
      </c>
      <c r="DK22" s="103">
        <v>1</v>
      </c>
      <c r="DL22" s="413">
        <v>0</v>
      </c>
      <c r="DM22" s="102">
        <v>0</v>
      </c>
      <c r="DN22" s="102">
        <v>0</v>
      </c>
      <c r="DO22" s="102">
        <v>0</v>
      </c>
      <c r="DP22" s="102">
        <v>0</v>
      </c>
      <c r="DQ22" s="102">
        <v>0</v>
      </c>
      <c r="DR22" s="103">
        <v>0</v>
      </c>
      <c r="DS22" s="104">
        <v>1</v>
      </c>
      <c r="DT22" s="101">
        <v>0</v>
      </c>
      <c r="DU22" s="102">
        <v>1</v>
      </c>
      <c r="DV22" s="103">
        <v>1</v>
      </c>
      <c r="DW22" s="413">
        <v>0</v>
      </c>
      <c r="DX22" s="102">
        <v>1</v>
      </c>
      <c r="DY22" s="102">
        <v>0</v>
      </c>
      <c r="DZ22" s="102">
        <v>1</v>
      </c>
      <c r="EA22" s="102">
        <v>0</v>
      </c>
      <c r="EB22" s="102">
        <v>0</v>
      </c>
      <c r="EC22" s="103">
        <v>2</v>
      </c>
      <c r="ED22" s="104">
        <v>3</v>
      </c>
      <c r="EE22" s="107">
        <v>1</v>
      </c>
      <c r="EF22" s="102">
        <v>0</v>
      </c>
      <c r="EG22" s="103">
        <v>1</v>
      </c>
      <c r="EH22" s="413">
        <v>0</v>
      </c>
      <c r="EI22" s="102">
        <v>0</v>
      </c>
      <c r="EJ22" s="102">
        <v>0</v>
      </c>
      <c r="EK22" s="102">
        <v>1</v>
      </c>
      <c r="EL22" s="102">
        <v>0</v>
      </c>
      <c r="EM22" s="102">
        <v>0</v>
      </c>
      <c r="EN22" s="103">
        <v>1</v>
      </c>
      <c r="EO22" s="104">
        <v>2</v>
      </c>
      <c r="EP22" s="101">
        <v>2</v>
      </c>
      <c r="EQ22" s="102">
        <v>1</v>
      </c>
      <c r="ER22" s="103">
        <v>3</v>
      </c>
      <c r="ES22" s="413">
        <v>0</v>
      </c>
      <c r="ET22" s="102">
        <v>3</v>
      </c>
      <c r="EU22" s="102">
        <v>2</v>
      </c>
      <c r="EV22" s="102">
        <v>1</v>
      </c>
      <c r="EW22" s="102">
        <v>1</v>
      </c>
      <c r="EX22" s="102">
        <v>1</v>
      </c>
      <c r="EY22" s="103">
        <v>8</v>
      </c>
      <c r="EZ22" s="104">
        <v>11</v>
      </c>
      <c r="FA22" s="107">
        <v>2</v>
      </c>
      <c r="FB22" s="102">
        <v>1</v>
      </c>
      <c r="FC22" s="103">
        <v>3</v>
      </c>
      <c r="FD22" s="413">
        <v>0</v>
      </c>
      <c r="FE22" s="102">
        <v>6</v>
      </c>
      <c r="FF22" s="102">
        <v>0</v>
      </c>
      <c r="FG22" s="102">
        <v>1</v>
      </c>
      <c r="FH22" s="102">
        <v>3</v>
      </c>
      <c r="FI22" s="102">
        <v>1</v>
      </c>
      <c r="FJ22" s="103">
        <v>11</v>
      </c>
      <c r="FK22" s="104">
        <v>14</v>
      </c>
      <c r="FL22" s="101">
        <v>0</v>
      </c>
      <c r="FM22" s="102">
        <v>0</v>
      </c>
      <c r="FN22" s="103">
        <v>0</v>
      </c>
      <c r="FO22" s="413">
        <v>0</v>
      </c>
      <c r="FP22" s="102">
        <v>3</v>
      </c>
      <c r="FQ22" s="102">
        <v>1</v>
      </c>
      <c r="FR22" s="102">
        <v>2</v>
      </c>
      <c r="FS22" s="102">
        <v>2</v>
      </c>
      <c r="FT22" s="102">
        <v>1</v>
      </c>
      <c r="FU22" s="103">
        <v>9</v>
      </c>
      <c r="FV22" s="104">
        <v>9</v>
      </c>
      <c r="FW22" s="101">
        <v>0</v>
      </c>
      <c r="FX22" s="102">
        <v>0</v>
      </c>
      <c r="FY22" s="103">
        <v>0</v>
      </c>
      <c r="FZ22" s="413">
        <v>0</v>
      </c>
      <c r="GA22" s="102">
        <v>0</v>
      </c>
      <c r="GB22" s="102">
        <v>0</v>
      </c>
      <c r="GC22" s="102">
        <v>0</v>
      </c>
      <c r="GD22" s="102">
        <v>0</v>
      </c>
      <c r="GE22" s="102">
        <v>0</v>
      </c>
      <c r="GF22" s="103">
        <v>0</v>
      </c>
      <c r="GG22" s="104">
        <v>0</v>
      </c>
      <c r="GH22" s="101">
        <v>6</v>
      </c>
      <c r="GI22" s="102">
        <v>3</v>
      </c>
      <c r="GJ22" s="103">
        <v>9</v>
      </c>
      <c r="GK22" s="413">
        <v>0</v>
      </c>
      <c r="GL22" s="102">
        <v>13</v>
      </c>
      <c r="GM22" s="102">
        <v>3</v>
      </c>
      <c r="GN22" s="102">
        <v>6</v>
      </c>
      <c r="GO22" s="102">
        <v>6</v>
      </c>
      <c r="GP22" s="102">
        <v>3</v>
      </c>
      <c r="GQ22" s="103">
        <v>31</v>
      </c>
      <c r="GR22" s="104">
        <v>40</v>
      </c>
      <c r="GS22" s="105">
        <v>50</v>
      </c>
      <c r="GT22" s="97">
        <v>46</v>
      </c>
      <c r="GU22" s="98">
        <v>96</v>
      </c>
      <c r="GV22" s="413">
        <v>0</v>
      </c>
      <c r="GW22" s="97">
        <v>88</v>
      </c>
      <c r="GX22" s="97">
        <v>56</v>
      </c>
      <c r="GY22" s="97">
        <v>26</v>
      </c>
      <c r="GZ22" s="97">
        <v>26</v>
      </c>
      <c r="HA22" s="97">
        <v>25</v>
      </c>
      <c r="HB22" s="99">
        <v>221</v>
      </c>
      <c r="HC22" s="100">
        <v>317</v>
      </c>
      <c r="HD22" s="107">
        <v>1</v>
      </c>
      <c r="HE22" s="102">
        <v>0</v>
      </c>
      <c r="HF22" s="103">
        <v>1</v>
      </c>
      <c r="HG22" s="413">
        <v>0</v>
      </c>
      <c r="HH22" s="102">
        <v>1</v>
      </c>
      <c r="HI22" s="102">
        <v>1</v>
      </c>
      <c r="HJ22" s="102">
        <v>2</v>
      </c>
      <c r="HK22" s="102">
        <v>0</v>
      </c>
      <c r="HL22" s="102">
        <v>0</v>
      </c>
      <c r="HM22" s="103">
        <v>4</v>
      </c>
      <c r="HN22" s="104">
        <v>5</v>
      </c>
      <c r="HO22" s="101">
        <v>2</v>
      </c>
      <c r="HP22" s="102">
        <v>2</v>
      </c>
      <c r="HQ22" s="103">
        <v>4</v>
      </c>
      <c r="HR22" s="413">
        <v>0</v>
      </c>
      <c r="HS22" s="102">
        <v>2</v>
      </c>
      <c r="HT22" s="102">
        <v>3</v>
      </c>
      <c r="HU22" s="102">
        <v>2</v>
      </c>
      <c r="HV22" s="102">
        <v>0</v>
      </c>
      <c r="HW22" s="102">
        <v>2</v>
      </c>
      <c r="HX22" s="103">
        <v>9</v>
      </c>
      <c r="HY22" s="104">
        <v>13</v>
      </c>
      <c r="HZ22" s="107">
        <v>5</v>
      </c>
      <c r="IA22" s="102">
        <v>3</v>
      </c>
      <c r="IB22" s="103">
        <v>8</v>
      </c>
      <c r="IC22" s="413">
        <v>0</v>
      </c>
      <c r="ID22" s="102">
        <v>5</v>
      </c>
      <c r="IE22" s="102">
        <v>5</v>
      </c>
      <c r="IF22" s="102">
        <v>2</v>
      </c>
      <c r="IG22" s="102">
        <v>0</v>
      </c>
      <c r="IH22" s="102">
        <v>1</v>
      </c>
      <c r="II22" s="103">
        <v>13</v>
      </c>
      <c r="IJ22" s="104">
        <v>21</v>
      </c>
      <c r="IK22" s="101">
        <v>11</v>
      </c>
      <c r="IL22" s="102">
        <v>7</v>
      </c>
      <c r="IM22" s="103">
        <v>18</v>
      </c>
      <c r="IN22" s="413">
        <v>0</v>
      </c>
      <c r="IO22" s="102">
        <v>19</v>
      </c>
      <c r="IP22" s="102">
        <v>10</v>
      </c>
      <c r="IQ22" s="102">
        <v>4</v>
      </c>
      <c r="IR22" s="102">
        <v>8</v>
      </c>
      <c r="IS22" s="102">
        <v>6</v>
      </c>
      <c r="IT22" s="103">
        <v>47</v>
      </c>
      <c r="IU22" s="104">
        <v>65</v>
      </c>
      <c r="IV22" s="107">
        <v>13</v>
      </c>
      <c r="IW22" s="102">
        <v>18</v>
      </c>
      <c r="IX22" s="103">
        <v>31</v>
      </c>
      <c r="IY22" s="413">
        <v>0</v>
      </c>
      <c r="IZ22" s="102">
        <v>30</v>
      </c>
      <c r="JA22" s="102">
        <v>13</v>
      </c>
      <c r="JB22" s="102">
        <v>8</v>
      </c>
      <c r="JC22" s="102">
        <v>13</v>
      </c>
      <c r="JD22" s="102">
        <v>10</v>
      </c>
      <c r="JE22" s="103">
        <v>74</v>
      </c>
      <c r="JF22" s="104">
        <v>105</v>
      </c>
      <c r="JG22" s="101">
        <v>18</v>
      </c>
      <c r="JH22" s="102">
        <v>16</v>
      </c>
      <c r="JI22" s="103">
        <v>34</v>
      </c>
      <c r="JJ22" s="413">
        <v>0</v>
      </c>
      <c r="JK22" s="102">
        <v>31</v>
      </c>
      <c r="JL22" s="102">
        <v>24</v>
      </c>
      <c r="JM22" s="102">
        <v>8</v>
      </c>
      <c r="JN22" s="102">
        <v>5</v>
      </c>
      <c r="JO22" s="102">
        <v>6</v>
      </c>
      <c r="JP22" s="103">
        <v>74</v>
      </c>
      <c r="JQ22" s="104">
        <v>108</v>
      </c>
      <c r="JR22" s="101">
        <v>0</v>
      </c>
      <c r="JS22" s="102">
        <v>0</v>
      </c>
      <c r="JT22" s="103">
        <v>0</v>
      </c>
      <c r="JU22" s="413">
        <v>0</v>
      </c>
      <c r="JV22" s="102">
        <v>0</v>
      </c>
      <c r="JW22" s="102">
        <v>0</v>
      </c>
      <c r="JX22" s="102">
        <v>0</v>
      </c>
      <c r="JY22" s="102">
        <v>0</v>
      </c>
      <c r="JZ22" s="102">
        <v>0</v>
      </c>
      <c r="KA22" s="103">
        <v>0</v>
      </c>
      <c r="KB22" s="104">
        <v>0</v>
      </c>
      <c r="KC22" s="101">
        <v>50</v>
      </c>
      <c r="KD22" s="102">
        <v>46</v>
      </c>
      <c r="KE22" s="103">
        <v>96</v>
      </c>
      <c r="KF22" s="413">
        <v>0</v>
      </c>
      <c r="KG22" s="102">
        <v>88</v>
      </c>
      <c r="KH22" s="102">
        <v>56</v>
      </c>
      <c r="KI22" s="102">
        <v>26</v>
      </c>
      <c r="KJ22" s="102">
        <v>26</v>
      </c>
      <c r="KK22" s="102">
        <v>25</v>
      </c>
      <c r="KL22" s="103">
        <v>221</v>
      </c>
      <c r="KM22" s="104">
        <v>317</v>
      </c>
    </row>
    <row r="23" spans="2:299" s="70" customFormat="1" ht="21" customHeight="1" x14ac:dyDescent="0.2">
      <c r="B23" s="106" t="s">
        <v>20</v>
      </c>
      <c r="C23" s="96">
        <v>72</v>
      </c>
      <c r="D23" s="97">
        <v>66</v>
      </c>
      <c r="E23" s="98">
        <v>138</v>
      </c>
      <c r="F23" s="413">
        <v>0</v>
      </c>
      <c r="G23" s="97">
        <v>132</v>
      </c>
      <c r="H23" s="97">
        <v>83</v>
      </c>
      <c r="I23" s="97">
        <v>54</v>
      </c>
      <c r="J23" s="97">
        <v>37</v>
      </c>
      <c r="K23" s="97">
        <v>19</v>
      </c>
      <c r="L23" s="99">
        <v>325</v>
      </c>
      <c r="M23" s="100">
        <v>463</v>
      </c>
      <c r="N23" s="101">
        <v>3</v>
      </c>
      <c r="O23" s="102">
        <v>1</v>
      </c>
      <c r="P23" s="103">
        <v>4</v>
      </c>
      <c r="Q23" s="413">
        <v>0</v>
      </c>
      <c r="R23" s="102">
        <v>3</v>
      </c>
      <c r="S23" s="102">
        <v>1</v>
      </c>
      <c r="T23" s="102">
        <v>4</v>
      </c>
      <c r="U23" s="102">
        <v>0</v>
      </c>
      <c r="V23" s="102">
        <v>0</v>
      </c>
      <c r="W23" s="103">
        <v>8</v>
      </c>
      <c r="X23" s="104">
        <v>12</v>
      </c>
      <c r="Y23" s="101">
        <v>2</v>
      </c>
      <c r="Z23" s="102">
        <v>3</v>
      </c>
      <c r="AA23" s="103">
        <v>5</v>
      </c>
      <c r="AB23" s="413">
        <v>0</v>
      </c>
      <c r="AC23" s="102">
        <v>6</v>
      </c>
      <c r="AD23" s="102">
        <v>1</v>
      </c>
      <c r="AE23" s="102">
        <v>0</v>
      </c>
      <c r="AF23" s="102">
        <v>6</v>
      </c>
      <c r="AG23" s="102">
        <v>1</v>
      </c>
      <c r="AH23" s="103">
        <v>14</v>
      </c>
      <c r="AI23" s="104">
        <v>19</v>
      </c>
      <c r="AJ23" s="101">
        <v>10</v>
      </c>
      <c r="AK23" s="102">
        <v>4</v>
      </c>
      <c r="AL23" s="103">
        <v>14</v>
      </c>
      <c r="AM23" s="413">
        <v>0</v>
      </c>
      <c r="AN23" s="102">
        <v>10</v>
      </c>
      <c r="AO23" s="102">
        <v>5</v>
      </c>
      <c r="AP23" s="102">
        <v>5</v>
      </c>
      <c r="AQ23" s="102">
        <v>5</v>
      </c>
      <c r="AR23" s="102">
        <v>2</v>
      </c>
      <c r="AS23" s="103">
        <v>27</v>
      </c>
      <c r="AT23" s="104">
        <v>41</v>
      </c>
      <c r="AU23" s="101">
        <v>14</v>
      </c>
      <c r="AV23" s="102">
        <v>17</v>
      </c>
      <c r="AW23" s="103">
        <v>31</v>
      </c>
      <c r="AX23" s="413">
        <v>0</v>
      </c>
      <c r="AY23" s="102">
        <v>36</v>
      </c>
      <c r="AZ23" s="102">
        <v>16</v>
      </c>
      <c r="BA23" s="102">
        <v>12</v>
      </c>
      <c r="BB23" s="102">
        <v>6</v>
      </c>
      <c r="BC23" s="102">
        <v>7</v>
      </c>
      <c r="BD23" s="103">
        <v>77</v>
      </c>
      <c r="BE23" s="104">
        <v>108</v>
      </c>
      <c r="BF23" s="101">
        <v>21</v>
      </c>
      <c r="BG23" s="102">
        <v>24</v>
      </c>
      <c r="BH23" s="103">
        <v>45</v>
      </c>
      <c r="BI23" s="413">
        <v>0</v>
      </c>
      <c r="BJ23" s="102">
        <v>47</v>
      </c>
      <c r="BK23" s="102">
        <v>28</v>
      </c>
      <c r="BL23" s="102">
        <v>16</v>
      </c>
      <c r="BM23" s="102">
        <v>11</v>
      </c>
      <c r="BN23" s="102">
        <v>3</v>
      </c>
      <c r="BO23" s="103">
        <v>105</v>
      </c>
      <c r="BP23" s="104">
        <v>150</v>
      </c>
      <c r="BQ23" s="101">
        <v>22</v>
      </c>
      <c r="BR23" s="102">
        <v>17</v>
      </c>
      <c r="BS23" s="103">
        <v>39</v>
      </c>
      <c r="BT23" s="413">
        <v>0</v>
      </c>
      <c r="BU23" s="102">
        <v>30</v>
      </c>
      <c r="BV23" s="102">
        <v>32</v>
      </c>
      <c r="BW23" s="102">
        <v>17</v>
      </c>
      <c r="BX23" s="102">
        <v>9</v>
      </c>
      <c r="BY23" s="102">
        <v>6</v>
      </c>
      <c r="BZ23" s="103">
        <v>94</v>
      </c>
      <c r="CA23" s="104">
        <v>133</v>
      </c>
      <c r="CB23" s="101">
        <v>0</v>
      </c>
      <c r="CC23" s="102">
        <v>0</v>
      </c>
      <c r="CD23" s="103">
        <v>0</v>
      </c>
      <c r="CE23" s="413">
        <v>0</v>
      </c>
      <c r="CF23" s="102">
        <v>0</v>
      </c>
      <c r="CG23" s="102">
        <v>0</v>
      </c>
      <c r="CH23" s="102">
        <v>0</v>
      </c>
      <c r="CI23" s="102">
        <v>0</v>
      </c>
      <c r="CJ23" s="102">
        <v>0</v>
      </c>
      <c r="CK23" s="103">
        <v>0</v>
      </c>
      <c r="CL23" s="104">
        <v>0</v>
      </c>
      <c r="CM23" s="101">
        <v>72</v>
      </c>
      <c r="CN23" s="102">
        <v>66</v>
      </c>
      <c r="CO23" s="103">
        <v>138</v>
      </c>
      <c r="CP23" s="413">
        <v>0</v>
      </c>
      <c r="CQ23" s="102">
        <v>132</v>
      </c>
      <c r="CR23" s="102">
        <v>83</v>
      </c>
      <c r="CS23" s="102">
        <v>54</v>
      </c>
      <c r="CT23" s="102">
        <v>37</v>
      </c>
      <c r="CU23" s="102">
        <v>19</v>
      </c>
      <c r="CV23" s="103">
        <v>325</v>
      </c>
      <c r="CW23" s="104">
        <v>463</v>
      </c>
      <c r="CX23" s="105">
        <v>9</v>
      </c>
      <c r="CY23" s="97">
        <v>5</v>
      </c>
      <c r="CZ23" s="98">
        <v>14</v>
      </c>
      <c r="DA23" s="413">
        <v>0</v>
      </c>
      <c r="DB23" s="97">
        <v>16</v>
      </c>
      <c r="DC23" s="97">
        <v>1</v>
      </c>
      <c r="DD23" s="97">
        <v>7</v>
      </c>
      <c r="DE23" s="97">
        <v>6</v>
      </c>
      <c r="DF23" s="97">
        <v>4</v>
      </c>
      <c r="DG23" s="99">
        <v>34</v>
      </c>
      <c r="DH23" s="100">
        <v>48</v>
      </c>
      <c r="DI23" s="101">
        <v>1</v>
      </c>
      <c r="DJ23" s="102">
        <v>0</v>
      </c>
      <c r="DK23" s="103">
        <v>1</v>
      </c>
      <c r="DL23" s="413">
        <v>0</v>
      </c>
      <c r="DM23" s="102">
        <v>0</v>
      </c>
      <c r="DN23" s="102">
        <v>0</v>
      </c>
      <c r="DO23" s="102">
        <v>0</v>
      </c>
      <c r="DP23" s="102">
        <v>0</v>
      </c>
      <c r="DQ23" s="102">
        <v>0</v>
      </c>
      <c r="DR23" s="103">
        <v>0</v>
      </c>
      <c r="DS23" s="104">
        <v>1</v>
      </c>
      <c r="DT23" s="101">
        <v>1</v>
      </c>
      <c r="DU23" s="102">
        <v>0</v>
      </c>
      <c r="DV23" s="103">
        <v>1</v>
      </c>
      <c r="DW23" s="413">
        <v>0</v>
      </c>
      <c r="DX23" s="102">
        <v>0</v>
      </c>
      <c r="DY23" s="102">
        <v>0</v>
      </c>
      <c r="DZ23" s="102">
        <v>0</v>
      </c>
      <c r="EA23" s="102">
        <v>0</v>
      </c>
      <c r="EB23" s="102">
        <v>0</v>
      </c>
      <c r="EC23" s="103">
        <v>0</v>
      </c>
      <c r="ED23" s="104">
        <v>1</v>
      </c>
      <c r="EE23" s="101">
        <v>3</v>
      </c>
      <c r="EF23" s="102">
        <v>0</v>
      </c>
      <c r="EG23" s="103">
        <v>3</v>
      </c>
      <c r="EH23" s="413">
        <v>0</v>
      </c>
      <c r="EI23" s="102">
        <v>3</v>
      </c>
      <c r="EJ23" s="102">
        <v>1</v>
      </c>
      <c r="EK23" s="102">
        <v>3</v>
      </c>
      <c r="EL23" s="102">
        <v>0</v>
      </c>
      <c r="EM23" s="102">
        <v>0</v>
      </c>
      <c r="EN23" s="103">
        <v>7</v>
      </c>
      <c r="EO23" s="104">
        <v>10</v>
      </c>
      <c r="EP23" s="101">
        <v>2</v>
      </c>
      <c r="EQ23" s="102">
        <v>1</v>
      </c>
      <c r="ER23" s="103">
        <v>3</v>
      </c>
      <c r="ES23" s="413">
        <v>0</v>
      </c>
      <c r="ET23" s="102">
        <v>3</v>
      </c>
      <c r="EU23" s="102">
        <v>0</v>
      </c>
      <c r="EV23" s="102">
        <v>2</v>
      </c>
      <c r="EW23" s="102">
        <v>2</v>
      </c>
      <c r="EX23" s="102">
        <v>0</v>
      </c>
      <c r="EY23" s="103">
        <v>7</v>
      </c>
      <c r="EZ23" s="104">
        <v>10</v>
      </c>
      <c r="FA23" s="101">
        <v>2</v>
      </c>
      <c r="FB23" s="102">
        <v>2</v>
      </c>
      <c r="FC23" s="103">
        <v>4</v>
      </c>
      <c r="FD23" s="413">
        <v>0</v>
      </c>
      <c r="FE23" s="102">
        <v>2</v>
      </c>
      <c r="FF23" s="102">
        <v>0</v>
      </c>
      <c r="FG23" s="102">
        <v>0</v>
      </c>
      <c r="FH23" s="102">
        <v>2</v>
      </c>
      <c r="FI23" s="102">
        <v>2</v>
      </c>
      <c r="FJ23" s="103">
        <v>6</v>
      </c>
      <c r="FK23" s="104">
        <v>10</v>
      </c>
      <c r="FL23" s="101">
        <v>0</v>
      </c>
      <c r="FM23" s="102">
        <v>2</v>
      </c>
      <c r="FN23" s="103">
        <v>2</v>
      </c>
      <c r="FO23" s="413">
        <v>0</v>
      </c>
      <c r="FP23" s="102">
        <v>8</v>
      </c>
      <c r="FQ23" s="102">
        <v>0</v>
      </c>
      <c r="FR23" s="102">
        <v>2</v>
      </c>
      <c r="FS23" s="102">
        <v>2</v>
      </c>
      <c r="FT23" s="102">
        <v>2</v>
      </c>
      <c r="FU23" s="103">
        <v>14</v>
      </c>
      <c r="FV23" s="104">
        <v>16</v>
      </c>
      <c r="FW23" s="101">
        <v>0</v>
      </c>
      <c r="FX23" s="102">
        <v>0</v>
      </c>
      <c r="FY23" s="103">
        <v>0</v>
      </c>
      <c r="FZ23" s="413">
        <v>0</v>
      </c>
      <c r="GA23" s="102">
        <v>0</v>
      </c>
      <c r="GB23" s="102">
        <v>0</v>
      </c>
      <c r="GC23" s="102">
        <v>0</v>
      </c>
      <c r="GD23" s="102">
        <v>0</v>
      </c>
      <c r="GE23" s="102">
        <v>0</v>
      </c>
      <c r="GF23" s="103">
        <v>0</v>
      </c>
      <c r="GG23" s="104">
        <v>0</v>
      </c>
      <c r="GH23" s="101">
        <v>9</v>
      </c>
      <c r="GI23" s="102">
        <v>5</v>
      </c>
      <c r="GJ23" s="103">
        <v>14</v>
      </c>
      <c r="GK23" s="413">
        <v>0</v>
      </c>
      <c r="GL23" s="102">
        <v>16</v>
      </c>
      <c r="GM23" s="102">
        <v>1</v>
      </c>
      <c r="GN23" s="102">
        <v>7</v>
      </c>
      <c r="GO23" s="102">
        <v>6</v>
      </c>
      <c r="GP23" s="102">
        <v>4</v>
      </c>
      <c r="GQ23" s="103">
        <v>34</v>
      </c>
      <c r="GR23" s="104">
        <v>48</v>
      </c>
      <c r="GS23" s="105">
        <v>81</v>
      </c>
      <c r="GT23" s="97">
        <v>71</v>
      </c>
      <c r="GU23" s="98">
        <v>152</v>
      </c>
      <c r="GV23" s="413">
        <v>0</v>
      </c>
      <c r="GW23" s="97">
        <v>148</v>
      </c>
      <c r="GX23" s="97">
        <v>84</v>
      </c>
      <c r="GY23" s="97">
        <v>61</v>
      </c>
      <c r="GZ23" s="97">
        <v>43</v>
      </c>
      <c r="HA23" s="97">
        <v>23</v>
      </c>
      <c r="HB23" s="99">
        <v>359</v>
      </c>
      <c r="HC23" s="100">
        <v>511</v>
      </c>
      <c r="HD23" s="101">
        <v>4</v>
      </c>
      <c r="HE23" s="102">
        <v>1</v>
      </c>
      <c r="HF23" s="103">
        <v>5</v>
      </c>
      <c r="HG23" s="413">
        <v>0</v>
      </c>
      <c r="HH23" s="102">
        <v>3</v>
      </c>
      <c r="HI23" s="102">
        <v>1</v>
      </c>
      <c r="HJ23" s="102">
        <v>4</v>
      </c>
      <c r="HK23" s="102">
        <v>0</v>
      </c>
      <c r="HL23" s="102">
        <v>0</v>
      </c>
      <c r="HM23" s="103">
        <v>8</v>
      </c>
      <c r="HN23" s="104">
        <v>13</v>
      </c>
      <c r="HO23" s="101">
        <v>3</v>
      </c>
      <c r="HP23" s="102">
        <v>3</v>
      </c>
      <c r="HQ23" s="103">
        <v>6</v>
      </c>
      <c r="HR23" s="413">
        <v>0</v>
      </c>
      <c r="HS23" s="102">
        <v>6</v>
      </c>
      <c r="HT23" s="102">
        <v>1</v>
      </c>
      <c r="HU23" s="102">
        <v>0</v>
      </c>
      <c r="HV23" s="102">
        <v>6</v>
      </c>
      <c r="HW23" s="102">
        <v>1</v>
      </c>
      <c r="HX23" s="103">
        <v>14</v>
      </c>
      <c r="HY23" s="104">
        <v>20</v>
      </c>
      <c r="HZ23" s="101">
        <v>13</v>
      </c>
      <c r="IA23" s="102">
        <v>4</v>
      </c>
      <c r="IB23" s="103">
        <v>17</v>
      </c>
      <c r="IC23" s="413">
        <v>0</v>
      </c>
      <c r="ID23" s="102">
        <v>13</v>
      </c>
      <c r="IE23" s="102">
        <v>6</v>
      </c>
      <c r="IF23" s="102">
        <v>8</v>
      </c>
      <c r="IG23" s="102">
        <v>5</v>
      </c>
      <c r="IH23" s="102">
        <v>2</v>
      </c>
      <c r="II23" s="103">
        <v>34</v>
      </c>
      <c r="IJ23" s="104">
        <v>51</v>
      </c>
      <c r="IK23" s="101">
        <v>16</v>
      </c>
      <c r="IL23" s="102">
        <v>18</v>
      </c>
      <c r="IM23" s="103">
        <v>34</v>
      </c>
      <c r="IN23" s="413">
        <v>0</v>
      </c>
      <c r="IO23" s="102">
        <v>39</v>
      </c>
      <c r="IP23" s="102">
        <v>16</v>
      </c>
      <c r="IQ23" s="102">
        <v>14</v>
      </c>
      <c r="IR23" s="102">
        <v>8</v>
      </c>
      <c r="IS23" s="102">
        <v>7</v>
      </c>
      <c r="IT23" s="103">
        <v>84</v>
      </c>
      <c r="IU23" s="104">
        <v>118</v>
      </c>
      <c r="IV23" s="101">
        <v>23</v>
      </c>
      <c r="IW23" s="102">
        <v>26</v>
      </c>
      <c r="IX23" s="103">
        <v>49</v>
      </c>
      <c r="IY23" s="413">
        <v>0</v>
      </c>
      <c r="IZ23" s="102">
        <v>49</v>
      </c>
      <c r="JA23" s="102">
        <v>28</v>
      </c>
      <c r="JB23" s="102">
        <v>16</v>
      </c>
      <c r="JC23" s="102">
        <v>13</v>
      </c>
      <c r="JD23" s="102">
        <v>5</v>
      </c>
      <c r="JE23" s="103">
        <v>111</v>
      </c>
      <c r="JF23" s="104">
        <v>160</v>
      </c>
      <c r="JG23" s="101">
        <v>22</v>
      </c>
      <c r="JH23" s="102">
        <v>19</v>
      </c>
      <c r="JI23" s="103">
        <v>41</v>
      </c>
      <c r="JJ23" s="413">
        <v>0</v>
      </c>
      <c r="JK23" s="102">
        <v>38</v>
      </c>
      <c r="JL23" s="102">
        <v>32</v>
      </c>
      <c r="JM23" s="102">
        <v>19</v>
      </c>
      <c r="JN23" s="102">
        <v>11</v>
      </c>
      <c r="JO23" s="102">
        <v>8</v>
      </c>
      <c r="JP23" s="103">
        <v>108</v>
      </c>
      <c r="JQ23" s="104">
        <v>149</v>
      </c>
      <c r="JR23" s="101">
        <v>0</v>
      </c>
      <c r="JS23" s="102">
        <v>0</v>
      </c>
      <c r="JT23" s="103">
        <v>0</v>
      </c>
      <c r="JU23" s="413">
        <v>0</v>
      </c>
      <c r="JV23" s="102">
        <v>0</v>
      </c>
      <c r="JW23" s="102">
        <v>0</v>
      </c>
      <c r="JX23" s="102">
        <v>0</v>
      </c>
      <c r="JY23" s="102">
        <v>0</v>
      </c>
      <c r="JZ23" s="102">
        <v>0</v>
      </c>
      <c r="KA23" s="103">
        <v>0</v>
      </c>
      <c r="KB23" s="104">
        <v>0</v>
      </c>
      <c r="KC23" s="101">
        <v>81</v>
      </c>
      <c r="KD23" s="102">
        <v>71</v>
      </c>
      <c r="KE23" s="103">
        <v>152</v>
      </c>
      <c r="KF23" s="413">
        <v>0</v>
      </c>
      <c r="KG23" s="102">
        <v>148</v>
      </c>
      <c r="KH23" s="102">
        <v>84</v>
      </c>
      <c r="KI23" s="102">
        <v>61</v>
      </c>
      <c r="KJ23" s="102">
        <v>43</v>
      </c>
      <c r="KK23" s="102">
        <v>23</v>
      </c>
      <c r="KL23" s="103">
        <v>359</v>
      </c>
      <c r="KM23" s="104">
        <v>511</v>
      </c>
    </row>
    <row r="24" spans="2:299" s="70" customFormat="1" ht="21" customHeight="1" x14ac:dyDescent="0.2">
      <c r="B24" s="106" t="s">
        <v>21</v>
      </c>
      <c r="C24" s="96">
        <v>66</v>
      </c>
      <c r="D24" s="97">
        <v>42</v>
      </c>
      <c r="E24" s="98">
        <v>108</v>
      </c>
      <c r="F24" s="413">
        <v>0</v>
      </c>
      <c r="G24" s="97">
        <v>71</v>
      </c>
      <c r="H24" s="97">
        <v>63</v>
      </c>
      <c r="I24" s="97">
        <v>43</v>
      </c>
      <c r="J24" s="97">
        <v>24</v>
      </c>
      <c r="K24" s="97">
        <v>8</v>
      </c>
      <c r="L24" s="99">
        <v>209</v>
      </c>
      <c r="M24" s="100">
        <v>317</v>
      </c>
      <c r="N24" s="101">
        <v>2</v>
      </c>
      <c r="O24" s="102">
        <v>0</v>
      </c>
      <c r="P24" s="103">
        <v>2</v>
      </c>
      <c r="Q24" s="413">
        <v>0</v>
      </c>
      <c r="R24" s="102">
        <v>0</v>
      </c>
      <c r="S24" s="102">
        <v>3</v>
      </c>
      <c r="T24" s="102">
        <v>2</v>
      </c>
      <c r="U24" s="102">
        <v>0</v>
      </c>
      <c r="V24" s="102">
        <v>1</v>
      </c>
      <c r="W24" s="103">
        <v>6</v>
      </c>
      <c r="X24" s="104">
        <v>8</v>
      </c>
      <c r="Y24" s="101">
        <v>5</v>
      </c>
      <c r="Z24" s="102">
        <v>2</v>
      </c>
      <c r="AA24" s="103">
        <v>7</v>
      </c>
      <c r="AB24" s="413">
        <v>0</v>
      </c>
      <c r="AC24" s="102">
        <v>1</v>
      </c>
      <c r="AD24" s="102">
        <v>1</v>
      </c>
      <c r="AE24" s="102">
        <v>1</v>
      </c>
      <c r="AF24" s="102">
        <v>0</v>
      </c>
      <c r="AG24" s="102">
        <v>0</v>
      </c>
      <c r="AH24" s="103">
        <v>3</v>
      </c>
      <c r="AI24" s="104">
        <v>10</v>
      </c>
      <c r="AJ24" s="101">
        <v>9</v>
      </c>
      <c r="AK24" s="102">
        <v>4</v>
      </c>
      <c r="AL24" s="103">
        <v>13</v>
      </c>
      <c r="AM24" s="413">
        <v>0</v>
      </c>
      <c r="AN24" s="102">
        <v>6</v>
      </c>
      <c r="AO24" s="102">
        <v>8</v>
      </c>
      <c r="AP24" s="102">
        <v>3</v>
      </c>
      <c r="AQ24" s="102">
        <v>2</v>
      </c>
      <c r="AR24" s="102">
        <v>0</v>
      </c>
      <c r="AS24" s="103">
        <v>19</v>
      </c>
      <c r="AT24" s="104">
        <v>32</v>
      </c>
      <c r="AU24" s="101">
        <v>12</v>
      </c>
      <c r="AV24" s="102">
        <v>11</v>
      </c>
      <c r="AW24" s="103">
        <v>23</v>
      </c>
      <c r="AX24" s="413">
        <v>0</v>
      </c>
      <c r="AY24" s="102">
        <v>16</v>
      </c>
      <c r="AZ24" s="102">
        <v>15</v>
      </c>
      <c r="BA24" s="102">
        <v>13</v>
      </c>
      <c r="BB24" s="102">
        <v>4</v>
      </c>
      <c r="BC24" s="102">
        <v>1</v>
      </c>
      <c r="BD24" s="103">
        <v>49</v>
      </c>
      <c r="BE24" s="104">
        <v>72</v>
      </c>
      <c r="BF24" s="101">
        <v>19</v>
      </c>
      <c r="BG24" s="102">
        <v>12</v>
      </c>
      <c r="BH24" s="103">
        <v>31</v>
      </c>
      <c r="BI24" s="413">
        <v>0</v>
      </c>
      <c r="BJ24" s="102">
        <v>25</v>
      </c>
      <c r="BK24" s="102">
        <v>17</v>
      </c>
      <c r="BL24" s="102">
        <v>12</v>
      </c>
      <c r="BM24" s="102">
        <v>8</v>
      </c>
      <c r="BN24" s="102">
        <v>1</v>
      </c>
      <c r="BO24" s="103">
        <v>63</v>
      </c>
      <c r="BP24" s="104">
        <v>94</v>
      </c>
      <c r="BQ24" s="101">
        <v>19</v>
      </c>
      <c r="BR24" s="102">
        <v>13</v>
      </c>
      <c r="BS24" s="103">
        <v>32</v>
      </c>
      <c r="BT24" s="413">
        <v>0</v>
      </c>
      <c r="BU24" s="102">
        <v>23</v>
      </c>
      <c r="BV24" s="102">
        <v>19</v>
      </c>
      <c r="BW24" s="102">
        <v>12</v>
      </c>
      <c r="BX24" s="102">
        <v>10</v>
      </c>
      <c r="BY24" s="102">
        <v>5</v>
      </c>
      <c r="BZ24" s="103">
        <v>69</v>
      </c>
      <c r="CA24" s="104">
        <v>101</v>
      </c>
      <c r="CB24" s="101">
        <v>0</v>
      </c>
      <c r="CC24" s="102">
        <v>0</v>
      </c>
      <c r="CD24" s="103">
        <v>0</v>
      </c>
      <c r="CE24" s="413">
        <v>0</v>
      </c>
      <c r="CF24" s="102">
        <v>0</v>
      </c>
      <c r="CG24" s="102">
        <v>0</v>
      </c>
      <c r="CH24" s="102">
        <v>0</v>
      </c>
      <c r="CI24" s="102">
        <v>0</v>
      </c>
      <c r="CJ24" s="102">
        <v>0</v>
      </c>
      <c r="CK24" s="103">
        <v>0</v>
      </c>
      <c r="CL24" s="104">
        <v>0</v>
      </c>
      <c r="CM24" s="101">
        <v>66</v>
      </c>
      <c r="CN24" s="102">
        <v>42</v>
      </c>
      <c r="CO24" s="103">
        <v>108</v>
      </c>
      <c r="CP24" s="413">
        <v>0</v>
      </c>
      <c r="CQ24" s="102">
        <v>71</v>
      </c>
      <c r="CR24" s="102">
        <v>63</v>
      </c>
      <c r="CS24" s="102">
        <v>43</v>
      </c>
      <c r="CT24" s="102">
        <v>24</v>
      </c>
      <c r="CU24" s="102">
        <v>8</v>
      </c>
      <c r="CV24" s="103">
        <v>209</v>
      </c>
      <c r="CW24" s="104">
        <v>317</v>
      </c>
      <c r="CX24" s="105">
        <v>7</v>
      </c>
      <c r="CY24" s="97">
        <v>6</v>
      </c>
      <c r="CZ24" s="98">
        <v>13</v>
      </c>
      <c r="DA24" s="413">
        <v>0</v>
      </c>
      <c r="DB24" s="97">
        <v>11</v>
      </c>
      <c r="DC24" s="97">
        <v>11</v>
      </c>
      <c r="DD24" s="97">
        <v>3</v>
      </c>
      <c r="DE24" s="97">
        <v>6</v>
      </c>
      <c r="DF24" s="97">
        <v>4</v>
      </c>
      <c r="DG24" s="99">
        <v>35</v>
      </c>
      <c r="DH24" s="100">
        <v>48</v>
      </c>
      <c r="DI24" s="101">
        <v>0</v>
      </c>
      <c r="DJ24" s="102">
        <v>0</v>
      </c>
      <c r="DK24" s="103">
        <v>0</v>
      </c>
      <c r="DL24" s="413">
        <v>0</v>
      </c>
      <c r="DM24" s="102">
        <v>0</v>
      </c>
      <c r="DN24" s="102">
        <v>0</v>
      </c>
      <c r="DO24" s="102">
        <v>0</v>
      </c>
      <c r="DP24" s="102">
        <v>0</v>
      </c>
      <c r="DQ24" s="102">
        <v>0</v>
      </c>
      <c r="DR24" s="103">
        <v>0</v>
      </c>
      <c r="DS24" s="104">
        <v>0</v>
      </c>
      <c r="DT24" s="101">
        <v>1</v>
      </c>
      <c r="DU24" s="102">
        <v>1</v>
      </c>
      <c r="DV24" s="103">
        <v>2</v>
      </c>
      <c r="DW24" s="413">
        <v>0</v>
      </c>
      <c r="DX24" s="102">
        <v>1</v>
      </c>
      <c r="DY24" s="102">
        <v>1</v>
      </c>
      <c r="DZ24" s="102">
        <v>0</v>
      </c>
      <c r="EA24" s="102">
        <v>0</v>
      </c>
      <c r="EB24" s="102">
        <v>0</v>
      </c>
      <c r="EC24" s="103">
        <v>2</v>
      </c>
      <c r="ED24" s="104">
        <v>4</v>
      </c>
      <c r="EE24" s="101">
        <v>0</v>
      </c>
      <c r="EF24" s="102">
        <v>1</v>
      </c>
      <c r="EG24" s="103">
        <v>1</v>
      </c>
      <c r="EH24" s="413">
        <v>0</v>
      </c>
      <c r="EI24" s="102">
        <v>1</v>
      </c>
      <c r="EJ24" s="102">
        <v>1</v>
      </c>
      <c r="EK24" s="102">
        <v>0</v>
      </c>
      <c r="EL24" s="102">
        <v>0</v>
      </c>
      <c r="EM24" s="102">
        <v>0</v>
      </c>
      <c r="EN24" s="103">
        <v>2</v>
      </c>
      <c r="EO24" s="104">
        <v>3</v>
      </c>
      <c r="EP24" s="101">
        <v>1</v>
      </c>
      <c r="EQ24" s="102">
        <v>2</v>
      </c>
      <c r="ER24" s="103">
        <v>3</v>
      </c>
      <c r="ES24" s="413">
        <v>0</v>
      </c>
      <c r="ET24" s="102">
        <v>1</v>
      </c>
      <c r="EU24" s="102">
        <v>1</v>
      </c>
      <c r="EV24" s="102">
        <v>1</v>
      </c>
      <c r="EW24" s="102">
        <v>0</v>
      </c>
      <c r="EX24" s="102">
        <v>1</v>
      </c>
      <c r="EY24" s="103">
        <v>4</v>
      </c>
      <c r="EZ24" s="104">
        <v>7</v>
      </c>
      <c r="FA24" s="101">
        <v>3</v>
      </c>
      <c r="FB24" s="102">
        <v>1</v>
      </c>
      <c r="FC24" s="103">
        <v>4</v>
      </c>
      <c r="FD24" s="413">
        <v>0</v>
      </c>
      <c r="FE24" s="102">
        <v>6</v>
      </c>
      <c r="FF24" s="102">
        <v>3</v>
      </c>
      <c r="FG24" s="102">
        <v>1</v>
      </c>
      <c r="FH24" s="102">
        <v>2</v>
      </c>
      <c r="FI24" s="102">
        <v>2</v>
      </c>
      <c r="FJ24" s="103">
        <v>14</v>
      </c>
      <c r="FK24" s="104">
        <v>18</v>
      </c>
      <c r="FL24" s="101">
        <v>2</v>
      </c>
      <c r="FM24" s="102">
        <v>1</v>
      </c>
      <c r="FN24" s="103">
        <v>3</v>
      </c>
      <c r="FO24" s="413">
        <v>0</v>
      </c>
      <c r="FP24" s="102">
        <v>2</v>
      </c>
      <c r="FQ24" s="102">
        <v>5</v>
      </c>
      <c r="FR24" s="102">
        <v>1</v>
      </c>
      <c r="FS24" s="102">
        <v>4</v>
      </c>
      <c r="FT24" s="102">
        <v>1</v>
      </c>
      <c r="FU24" s="103">
        <v>13</v>
      </c>
      <c r="FV24" s="104">
        <v>16</v>
      </c>
      <c r="FW24" s="101">
        <v>0</v>
      </c>
      <c r="FX24" s="102">
        <v>0</v>
      </c>
      <c r="FY24" s="103">
        <v>0</v>
      </c>
      <c r="FZ24" s="413">
        <v>0</v>
      </c>
      <c r="GA24" s="102">
        <v>0</v>
      </c>
      <c r="GB24" s="102">
        <v>0</v>
      </c>
      <c r="GC24" s="102">
        <v>0</v>
      </c>
      <c r="GD24" s="102">
        <v>0</v>
      </c>
      <c r="GE24" s="102">
        <v>0</v>
      </c>
      <c r="GF24" s="103">
        <v>0</v>
      </c>
      <c r="GG24" s="104">
        <v>0</v>
      </c>
      <c r="GH24" s="101">
        <v>7</v>
      </c>
      <c r="GI24" s="102">
        <v>6</v>
      </c>
      <c r="GJ24" s="103">
        <v>13</v>
      </c>
      <c r="GK24" s="413">
        <v>0</v>
      </c>
      <c r="GL24" s="102">
        <v>11</v>
      </c>
      <c r="GM24" s="102">
        <v>11</v>
      </c>
      <c r="GN24" s="102">
        <v>3</v>
      </c>
      <c r="GO24" s="102">
        <v>6</v>
      </c>
      <c r="GP24" s="102">
        <v>4</v>
      </c>
      <c r="GQ24" s="103">
        <v>35</v>
      </c>
      <c r="GR24" s="104">
        <v>48</v>
      </c>
      <c r="GS24" s="105">
        <v>73</v>
      </c>
      <c r="GT24" s="97">
        <v>48</v>
      </c>
      <c r="GU24" s="98">
        <v>121</v>
      </c>
      <c r="GV24" s="413">
        <v>0</v>
      </c>
      <c r="GW24" s="97">
        <v>82</v>
      </c>
      <c r="GX24" s="97">
        <v>74</v>
      </c>
      <c r="GY24" s="97">
        <v>46</v>
      </c>
      <c r="GZ24" s="97">
        <v>30</v>
      </c>
      <c r="HA24" s="97">
        <v>12</v>
      </c>
      <c r="HB24" s="99">
        <v>244</v>
      </c>
      <c r="HC24" s="100">
        <v>365</v>
      </c>
      <c r="HD24" s="101">
        <v>2</v>
      </c>
      <c r="HE24" s="102">
        <v>0</v>
      </c>
      <c r="HF24" s="103">
        <v>2</v>
      </c>
      <c r="HG24" s="413">
        <v>0</v>
      </c>
      <c r="HH24" s="102">
        <v>0</v>
      </c>
      <c r="HI24" s="102">
        <v>3</v>
      </c>
      <c r="HJ24" s="102">
        <v>2</v>
      </c>
      <c r="HK24" s="102">
        <v>0</v>
      </c>
      <c r="HL24" s="102">
        <v>1</v>
      </c>
      <c r="HM24" s="103">
        <v>6</v>
      </c>
      <c r="HN24" s="104">
        <v>8</v>
      </c>
      <c r="HO24" s="101">
        <v>6</v>
      </c>
      <c r="HP24" s="102">
        <v>3</v>
      </c>
      <c r="HQ24" s="103">
        <v>9</v>
      </c>
      <c r="HR24" s="413">
        <v>0</v>
      </c>
      <c r="HS24" s="102">
        <v>2</v>
      </c>
      <c r="HT24" s="102">
        <v>2</v>
      </c>
      <c r="HU24" s="102">
        <v>1</v>
      </c>
      <c r="HV24" s="102">
        <v>0</v>
      </c>
      <c r="HW24" s="102">
        <v>0</v>
      </c>
      <c r="HX24" s="103">
        <v>5</v>
      </c>
      <c r="HY24" s="104">
        <v>14</v>
      </c>
      <c r="HZ24" s="101">
        <v>9</v>
      </c>
      <c r="IA24" s="102">
        <v>5</v>
      </c>
      <c r="IB24" s="103">
        <v>14</v>
      </c>
      <c r="IC24" s="413">
        <v>0</v>
      </c>
      <c r="ID24" s="102">
        <v>7</v>
      </c>
      <c r="IE24" s="102">
        <v>9</v>
      </c>
      <c r="IF24" s="102">
        <v>3</v>
      </c>
      <c r="IG24" s="102">
        <v>2</v>
      </c>
      <c r="IH24" s="102">
        <v>0</v>
      </c>
      <c r="II24" s="103">
        <v>21</v>
      </c>
      <c r="IJ24" s="104">
        <v>35</v>
      </c>
      <c r="IK24" s="101">
        <v>13</v>
      </c>
      <c r="IL24" s="102">
        <v>13</v>
      </c>
      <c r="IM24" s="103">
        <v>26</v>
      </c>
      <c r="IN24" s="413">
        <v>0</v>
      </c>
      <c r="IO24" s="102">
        <v>17</v>
      </c>
      <c r="IP24" s="102">
        <v>16</v>
      </c>
      <c r="IQ24" s="102">
        <v>14</v>
      </c>
      <c r="IR24" s="102">
        <v>4</v>
      </c>
      <c r="IS24" s="102">
        <v>2</v>
      </c>
      <c r="IT24" s="103">
        <v>53</v>
      </c>
      <c r="IU24" s="104">
        <v>79</v>
      </c>
      <c r="IV24" s="101">
        <v>22</v>
      </c>
      <c r="IW24" s="102">
        <v>13</v>
      </c>
      <c r="IX24" s="103">
        <v>35</v>
      </c>
      <c r="IY24" s="413">
        <v>0</v>
      </c>
      <c r="IZ24" s="102">
        <v>31</v>
      </c>
      <c r="JA24" s="102">
        <v>20</v>
      </c>
      <c r="JB24" s="102">
        <v>13</v>
      </c>
      <c r="JC24" s="102">
        <v>10</v>
      </c>
      <c r="JD24" s="102">
        <v>3</v>
      </c>
      <c r="JE24" s="103">
        <v>77</v>
      </c>
      <c r="JF24" s="104">
        <v>112</v>
      </c>
      <c r="JG24" s="101">
        <v>21</v>
      </c>
      <c r="JH24" s="102">
        <v>14</v>
      </c>
      <c r="JI24" s="103">
        <v>35</v>
      </c>
      <c r="JJ24" s="413">
        <v>0</v>
      </c>
      <c r="JK24" s="102">
        <v>25</v>
      </c>
      <c r="JL24" s="102">
        <v>24</v>
      </c>
      <c r="JM24" s="102">
        <v>13</v>
      </c>
      <c r="JN24" s="102">
        <v>14</v>
      </c>
      <c r="JO24" s="102">
        <v>6</v>
      </c>
      <c r="JP24" s="103">
        <v>82</v>
      </c>
      <c r="JQ24" s="104">
        <v>117</v>
      </c>
      <c r="JR24" s="101">
        <v>0</v>
      </c>
      <c r="JS24" s="102">
        <v>0</v>
      </c>
      <c r="JT24" s="103">
        <v>0</v>
      </c>
      <c r="JU24" s="413">
        <v>0</v>
      </c>
      <c r="JV24" s="102">
        <v>0</v>
      </c>
      <c r="JW24" s="102">
        <v>0</v>
      </c>
      <c r="JX24" s="102">
        <v>0</v>
      </c>
      <c r="JY24" s="102">
        <v>0</v>
      </c>
      <c r="JZ24" s="102">
        <v>0</v>
      </c>
      <c r="KA24" s="103">
        <v>0</v>
      </c>
      <c r="KB24" s="104">
        <v>0</v>
      </c>
      <c r="KC24" s="101">
        <v>73</v>
      </c>
      <c r="KD24" s="102">
        <v>48</v>
      </c>
      <c r="KE24" s="103">
        <v>121</v>
      </c>
      <c r="KF24" s="413">
        <v>0</v>
      </c>
      <c r="KG24" s="102">
        <v>82</v>
      </c>
      <c r="KH24" s="102">
        <v>74</v>
      </c>
      <c r="KI24" s="102">
        <v>46</v>
      </c>
      <c r="KJ24" s="102">
        <v>30</v>
      </c>
      <c r="KK24" s="102">
        <v>12</v>
      </c>
      <c r="KL24" s="103">
        <v>244</v>
      </c>
      <c r="KM24" s="104">
        <v>365</v>
      </c>
    </row>
    <row r="25" spans="2:299" s="70" customFormat="1" ht="21" customHeight="1" x14ac:dyDescent="0.2">
      <c r="B25" s="106" t="s">
        <v>22</v>
      </c>
      <c r="C25" s="96">
        <v>20</v>
      </c>
      <c r="D25" s="97">
        <v>13</v>
      </c>
      <c r="E25" s="98">
        <v>33</v>
      </c>
      <c r="F25" s="413">
        <v>0</v>
      </c>
      <c r="G25" s="97">
        <v>43</v>
      </c>
      <c r="H25" s="97">
        <v>25</v>
      </c>
      <c r="I25" s="97">
        <v>21</v>
      </c>
      <c r="J25" s="97">
        <v>20</v>
      </c>
      <c r="K25" s="97">
        <v>8</v>
      </c>
      <c r="L25" s="99">
        <v>117</v>
      </c>
      <c r="M25" s="100">
        <v>150</v>
      </c>
      <c r="N25" s="101">
        <v>0</v>
      </c>
      <c r="O25" s="102">
        <v>0</v>
      </c>
      <c r="P25" s="103">
        <v>0</v>
      </c>
      <c r="Q25" s="413">
        <v>0</v>
      </c>
      <c r="R25" s="102">
        <v>0</v>
      </c>
      <c r="S25" s="102">
        <v>0</v>
      </c>
      <c r="T25" s="102">
        <v>0</v>
      </c>
      <c r="U25" s="102">
        <v>1</v>
      </c>
      <c r="V25" s="102">
        <v>0</v>
      </c>
      <c r="W25" s="103">
        <v>1</v>
      </c>
      <c r="X25" s="104">
        <v>1</v>
      </c>
      <c r="Y25" s="101">
        <v>0</v>
      </c>
      <c r="Z25" s="102">
        <v>1</v>
      </c>
      <c r="AA25" s="103">
        <v>1</v>
      </c>
      <c r="AB25" s="413">
        <v>0</v>
      </c>
      <c r="AC25" s="102">
        <v>0</v>
      </c>
      <c r="AD25" s="102">
        <v>0</v>
      </c>
      <c r="AE25" s="102">
        <v>0</v>
      </c>
      <c r="AF25" s="102">
        <v>0</v>
      </c>
      <c r="AG25" s="102">
        <v>0</v>
      </c>
      <c r="AH25" s="103">
        <v>0</v>
      </c>
      <c r="AI25" s="104">
        <v>1</v>
      </c>
      <c r="AJ25" s="101">
        <v>0</v>
      </c>
      <c r="AK25" s="102">
        <v>0</v>
      </c>
      <c r="AL25" s="103">
        <v>0</v>
      </c>
      <c r="AM25" s="413">
        <v>0</v>
      </c>
      <c r="AN25" s="102">
        <v>4</v>
      </c>
      <c r="AO25" s="102">
        <v>5</v>
      </c>
      <c r="AP25" s="102">
        <v>2</v>
      </c>
      <c r="AQ25" s="102">
        <v>2</v>
      </c>
      <c r="AR25" s="102">
        <v>3</v>
      </c>
      <c r="AS25" s="103">
        <v>16</v>
      </c>
      <c r="AT25" s="104">
        <v>16</v>
      </c>
      <c r="AU25" s="101">
        <v>4</v>
      </c>
      <c r="AV25" s="102">
        <v>4</v>
      </c>
      <c r="AW25" s="103">
        <v>8</v>
      </c>
      <c r="AX25" s="413">
        <v>0</v>
      </c>
      <c r="AY25" s="102">
        <v>7</v>
      </c>
      <c r="AZ25" s="102">
        <v>3</v>
      </c>
      <c r="BA25" s="102">
        <v>1</v>
      </c>
      <c r="BB25" s="102">
        <v>1</v>
      </c>
      <c r="BC25" s="102">
        <v>2</v>
      </c>
      <c r="BD25" s="103">
        <v>14</v>
      </c>
      <c r="BE25" s="104">
        <v>22</v>
      </c>
      <c r="BF25" s="101">
        <v>9</v>
      </c>
      <c r="BG25" s="102">
        <v>6</v>
      </c>
      <c r="BH25" s="103">
        <v>15</v>
      </c>
      <c r="BI25" s="413">
        <v>0</v>
      </c>
      <c r="BJ25" s="102">
        <v>16</v>
      </c>
      <c r="BK25" s="102">
        <v>4</v>
      </c>
      <c r="BL25" s="102">
        <v>6</v>
      </c>
      <c r="BM25" s="102">
        <v>6</v>
      </c>
      <c r="BN25" s="102">
        <v>2</v>
      </c>
      <c r="BO25" s="103">
        <v>34</v>
      </c>
      <c r="BP25" s="104">
        <v>49</v>
      </c>
      <c r="BQ25" s="101">
        <v>7</v>
      </c>
      <c r="BR25" s="102">
        <v>2</v>
      </c>
      <c r="BS25" s="103">
        <v>9</v>
      </c>
      <c r="BT25" s="413">
        <v>0</v>
      </c>
      <c r="BU25" s="102">
        <v>16</v>
      </c>
      <c r="BV25" s="102">
        <v>13</v>
      </c>
      <c r="BW25" s="102">
        <v>12</v>
      </c>
      <c r="BX25" s="102">
        <v>10</v>
      </c>
      <c r="BY25" s="102">
        <v>1</v>
      </c>
      <c r="BZ25" s="103">
        <v>52</v>
      </c>
      <c r="CA25" s="104">
        <v>61</v>
      </c>
      <c r="CB25" s="101">
        <v>0</v>
      </c>
      <c r="CC25" s="102">
        <v>0</v>
      </c>
      <c r="CD25" s="103">
        <v>0</v>
      </c>
      <c r="CE25" s="413">
        <v>0</v>
      </c>
      <c r="CF25" s="102">
        <v>0</v>
      </c>
      <c r="CG25" s="102">
        <v>0</v>
      </c>
      <c r="CH25" s="102">
        <v>0</v>
      </c>
      <c r="CI25" s="102">
        <v>0</v>
      </c>
      <c r="CJ25" s="102">
        <v>0</v>
      </c>
      <c r="CK25" s="103">
        <v>0</v>
      </c>
      <c r="CL25" s="104">
        <v>0</v>
      </c>
      <c r="CM25" s="101">
        <v>20</v>
      </c>
      <c r="CN25" s="102">
        <v>13</v>
      </c>
      <c r="CO25" s="103">
        <v>33</v>
      </c>
      <c r="CP25" s="413">
        <v>0</v>
      </c>
      <c r="CQ25" s="102">
        <v>43</v>
      </c>
      <c r="CR25" s="102">
        <v>25</v>
      </c>
      <c r="CS25" s="102">
        <v>21</v>
      </c>
      <c r="CT25" s="102">
        <v>20</v>
      </c>
      <c r="CU25" s="102">
        <v>8</v>
      </c>
      <c r="CV25" s="103">
        <v>117</v>
      </c>
      <c r="CW25" s="104">
        <v>150</v>
      </c>
      <c r="CX25" s="105">
        <v>3</v>
      </c>
      <c r="CY25" s="97">
        <v>1</v>
      </c>
      <c r="CZ25" s="98">
        <v>4</v>
      </c>
      <c r="DA25" s="413">
        <v>0</v>
      </c>
      <c r="DB25" s="97">
        <v>6</v>
      </c>
      <c r="DC25" s="97">
        <v>9</v>
      </c>
      <c r="DD25" s="97">
        <v>6</v>
      </c>
      <c r="DE25" s="97">
        <v>2</v>
      </c>
      <c r="DF25" s="97">
        <v>0</v>
      </c>
      <c r="DG25" s="99">
        <v>23</v>
      </c>
      <c r="DH25" s="100">
        <v>27</v>
      </c>
      <c r="DI25" s="101">
        <v>0</v>
      </c>
      <c r="DJ25" s="102">
        <v>0</v>
      </c>
      <c r="DK25" s="103">
        <v>0</v>
      </c>
      <c r="DL25" s="413">
        <v>0</v>
      </c>
      <c r="DM25" s="102">
        <v>0</v>
      </c>
      <c r="DN25" s="102">
        <v>0</v>
      </c>
      <c r="DO25" s="102">
        <v>0</v>
      </c>
      <c r="DP25" s="102">
        <v>0</v>
      </c>
      <c r="DQ25" s="102">
        <v>0</v>
      </c>
      <c r="DR25" s="103">
        <v>0</v>
      </c>
      <c r="DS25" s="104">
        <v>0</v>
      </c>
      <c r="DT25" s="101">
        <v>0</v>
      </c>
      <c r="DU25" s="102">
        <v>1</v>
      </c>
      <c r="DV25" s="103">
        <v>1</v>
      </c>
      <c r="DW25" s="413">
        <v>0</v>
      </c>
      <c r="DX25" s="102">
        <v>0</v>
      </c>
      <c r="DY25" s="102">
        <v>0</v>
      </c>
      <c r="DZ25" s="102">
        <v>0</v>
      </c>
      <c r="EA25" s="102">
        <v>0</v>
      </c>
      <c r="EB25" s="102">
        <v>0</v>
      </c>
      <c r="EC25" s="103">
        <v>0</v>
      </c>
      <c r="ED25" s="104">
        <v>1</v>
      </c>
      <c r="EE25" s="101">
        <v>0</v>
      </c>
      <c r="EF25" s="102">
        <v>0</v>
      </c>
      <c r="EG25" s="103">
        <v>0</v>
      </c>
      <c r="EH25" s="413">
        <v>0</v>
      </c>
      <c r="EI25" s="102">
        <v>0</v>
      </c>
      <c r="EJ25" s="102">
        <v>1</v>
      </c>
      <c r="EK25" s="102">
        <v>0</v>
      </c>
      <c r="EL25" s="102">
        <v>0</v>
      </c>
      <c r="EM25" s="102">
        <v>0</v>
      </c>
      <c r="EN25" s="103">
        <v>1</v>
      </c>
      <c r="EO25" s="104">
        <v>1</v>
      </c>
      <c r="EP25" s="101">
        <v>1</v>
      </c>
      <c r="EQ25" s="102">
        <v>0</v>
      </c>
      <c r="ER25" s="103">
        <v>1</v>
      </c>
      <c r="ES25" s="413">
        <v>0</v>
      </c>
      <c r="ET25" s="102">
        <v>1</v>
      </c>
      <c r="EU25" s="102">
        <v>2</v>
      </c>
      <c r="EV25" s="102">
        <v>2</v>
      </c>
      <c r="EW25" s="102">
        <v>0</v>
      </c>
      <c r="EX25" s="102">
        <v>0</v>
      </c>
      <c r="EY25" s="103">
        <v>5</v>
      </c>
      <c r="EZ25" s="104">
        <v>6</v>
      </c>
      <c r="FA25" s="101">
        <v>1</v>
      </c>
      <c r="FB25" s="102">
        <v>0</v>
      </c>
      <c r="FC25" s="103">
        <v>1</v>
      </c>
      <c r="FD25" s="413">
        <v>0</v>
      </c>
      <c r="FE25" s="102">
        <v>2</v>
      </c>
      <c r="FF25" s="102">
        <v>3</v>
      </c>
      <c r="FG25" s="102">
        <v>0</v>
      </c>
      <c r="FH25" s="102">
        <v>0</v>
      </c>
      <c r="FI25" s="102">
        <v>0</v>
      </c>
      <c r="FJ25" s="103">
        <v>5</v>
      </c>
      <c r="FK25" s="104">
        <v>6</v>
      </c>
      <c r="FL25" s="101">
        <v>1</v>
      </c>
      <c r="FM25" s="102">
        <v>0</v>
      </c>
      <c r="FN25" s="103">
        <v>1</v>
      </c>
      <c r="FO25" s="413">
        <v>0</v>
      </c>
      <c r="FP25" s="102">
        <v>3</v>
      </c>
      <c r="FQ25" s="102">
        <v>3</v>
      </c>
      <c r="FR25" s="102">
        <v>4</v>
      </c>
      <c r="FS25" s="102">
        <v>2</v>
      </c>
      <c r="FT25" s="102">
        <v>0</v>
      </c>
      <c r="FU25" s="103">
        <v>12</v>
      </c>
      <c r="FV25" s="104">
        <v>13</v>
      </c>
      <c r="FW25" s="101">
        <v>0</v>
      </c>
      <c r="FX25" s="102">
        <v>0</v>
      </c>
      <c r="FY25" s="103">
        <v>0</v>
      </c>
      <c r="FZ25" s="413">
        <v>0</v>
      </c>
      <c r="GA25" s="102">
        <v>0</v>
      </c>
      <c r="GB25" s="102">
        <v>0</v>
      </c>
      <c r="GC25" s="102">
        <v>0</v>
      </c>
      <c r="GD25" s="102">
        <v>0</v>
      </c>
      <c r="GE25" s="102">
        <v>0</v>
      </c>
      <c r="GF25" s="103">
        <v>0</v>
      </c>
      <c r="GG25" s="104">
        <v>0</v>
      </c>
      <c r="GH25" s="101">
        <v>3</v>
      </c>
      <c r="GI25" s="102">
        <v>1</v>
      </c>
      <c r="GJ25" s="103">
        <v>4</v>
      </c>
      <c r="GK25" s="413">
        <v>0</v>
      </c>
      <c r="GL25" s="102">
        <v>6</v>
      </c>
      <c r="GM25" s="102">
        <v>9</v>
      </c>
      <c r="GN25" s="102">
        <v>6</v>
      </c>
      <c r="GO25" s="102">
        <v>2</v>
      </c>
      <c r="GP25" s="102">
        <v>0</v>
      </c>
      <c r="GQ25" s="103">
        <v>23</v>
      </c>
      <c r="GR25" s="104">
        <v>27</v>
      </c>
      <c r="GS25" s="105">
        <v>23</v>
      </c>
      <c r="GT25" s="97">
        <v>14</v>
      </c>
      <c r="GU25" s="98">
        <v>37</v>
      </c>
      <c r="GV25" s="413">
        <v>0</v>
      </c>
      <c r="GW25" s="97">
        <v>49</v>
      </c>
      <c r="GX25" s="97">
        <v>34</v>
      </c>
      <c r="GY25" s="97">
        <v>27</v>
      </c>
      <c r="GZ25" s="97">
        <v>22</v>
      </c>
      <c r="HA25" s="97">
        <v>8</v>
      </c>
      <c r="HB25" s="99">
        <v>140</v>
      </c>
      <c r="HC25" s="100">
        <v>177</v>
      </c>
      <c r="HD25" s="101">
        <v>0</v>
      </c>
      <c r="HE25" s="102">
        <v>0</v>
      </c>
      <c r="HF25" s="103">
        <v>0</v>
      </c>
      <c r="HG25" s="413">
        <v>0</v>
      </c>
      <c r="HH25" s="102">
        <v>0</v>
      </c>
      <c r="HI25" s="102">
        <v>0</v>
      </c>
      <c r="HJ25" s="102">
        <v>0</v>
      </c>
      <c r="HK25" s="102">
        <v>1</v>
      </c>
      <c r="HL25" s="102">
        <v>0</v>
      </c>
      <c r="HM25" s="103">
        <v>1</v>
      </c>
      <c r="HN25" s="104">
        <v>1</v>
      </c>
      <c r="HO25" s="101">
        <v>0</v>
      </c>
      <c r="HP25" s="102">
        <v>2</v>
      </c>
      <c r="HQ25" s="103">
        <v>2</v>
      </c>
      <c r="HR25" s="413">
        <v>0</v>
      </c>
      <c r="HS25" s="102">
        <v>0</v>
      </c>
      <c r="HT25" s="102">
        <v>0</v>
      </c>
      <c r="HU25" s="102">
        <v>0</v>
      </c>
      <c r="HV25" s="102">
        <v>0</v>
      </c>
      <c r="HW25" s="102">
        <v>0</v>
      </c>
      <c r="HX25" s="103">
        <v>0</v>
      </c>
      <c r="HY25" s="104">
        <v>2</v>
      </c>
      <c r="HZ25" s="101">
        <v>0</v>
      </c>
      <c r="IA25" s="102">
        <v>0</v>
      </c>
      <c r="IB25" s="103">
        <v>0</v>
      </c>
      <c r="IC25" s="413">
        <v>0</v>
      </c>
      <c r="ID25" s="102">
        <v>4</v>
      </c>
      <c r="IE25" s="102">
        <v>6</v>
      </c>
      <c r="IF25" s="102">
        <v>2</v>
      </c>
      <c r="IG25" s="102">
        <v>2</v>
      </c>
      <c r="IH25" s="102">
        <v>3</v>
      </c>
      <c r="II25" s="103">
        <v>17</v>
      </c>
      <c r="IJ25" s="104">
        <v>17</v>
      </c>
      <c r="IK25" s="101">
        <v>5</v>
      </c>
      <c r="IL25" s="102">
        <v>4</v>
      </c>
      <c r="IM25" s="103">
        <v>9</v>
      </c>
      <c r="IN25" s="413">
        <v>0</v>
      </c>
      <c r="IO25" s="102">
        <v>8</v>
      </c>
      <c r="IP25" s="102">
        <v>5</v>
      </c>
      <c r="IQ25" s="102">
        <v>3</v>
      </c>
      <c r="IR25" s="102">
        <v>1</v>
      </c>
      <c r="IS25" s="102">
        <v>2</v>
      </c>
      <c r="IT25" s="103">
        <v>19</v>
      </c>
      <c r="IU25" s="104">
        <v>28</v>
      </c>
      <c r="IV25" s="101">
        <v>10</v>
      </c>
      <c r="IW25" s="102">
        <v>6</v>
      </c>
      <c r="IX25" s="103">
        <v>16</v>
      </c>
      <c r="IY25" s="413">
        <v>0</v>
      </c>
      <c r="IZ25" s="102">
        <v>18</v>
      </c>
      <c r="JA25" s="102">
        <v>7</v>
      </c>
      <c r="JB25" s="102">
        <v>6</v>
      </c>
      <c r="JC25" s="102">
        <v>6</v>
      </c>
      <c r="JD25" s="102">
        <v>2</v>
      </c>
      <c r="JE25" s="103">
        <v>39</v>
      </c>
      <c r="JF25" s="104">
        <v>55</v>
      </c>
      <c r="JG25" s="101">
        <v>8</v>
      </c>
      <c r="JH25" s="102">
        <v>2</v>
      </c>
      <c r="JI25" s="103">
        <v>10</v>
      </c>
      <c r="JJ25" s="413">
        <v>0</v>
      </c>
      <c r="JK25" s="102">
        <v>19</v>
      </c>
      <c r="JL25" s="102">
        <v>16</v>
      </c>
      <c r="JM25" s="102">
        <v>16</v>
      </c>
      <c r="JN25" s="102">
        <v>12</v>
      </c>
      <c r="JO25" s="102">
        <v>1</v>
      </c>
      <c r="JP25" s="103">
        <v>64</v>
      </c>
      <c r="JQ25" s="104">
        <v>74</v>
      </c>
      <c r="JR25" s="101">
        <v>0</v>
      </c>
      <c r="JS25" s="102">
        <v>0</v>
      </c>
      <c r="JT25" s="103">
        <v>0</v>
      </c>
      <c r="JU25" s="413">
        <v>0</v>
      </c>
      <c r="JV25" s="102">
        <v>0</v>
      </c>
      <c r="JW25" s="102">
        <v>0</v>
      </c>
      <c r="JX25" s="102">
        <v>0</v>
      </c>
      <c r="JY25" s="102">
        <v>0</v>
      </c>
      <c r="JZ25" s="102">
        <v>0</v>
      </c>
      <c r="KA25" s="103">
        <v>0</v>
      </c>
      <c r="KB25" s="104">
        <v>0</v>
      </c>
      <c r="KC25" s="101">
        <v>23</v>
      </c>
      <c r="KD25" s="102">
        <v>14</v>
      </c>
      <c r="KE25" s="103">
        <v>37</v>
      </c>
      <c r="KF25" s="413">
        <v>0</v>
      </c>
      <c r="KG25" s="102">
        <v>49</v>
      </c>
      <c r="KH25" s="102">
        <v>34</v>
      </c>
      <c r="KI25" s="102">
        <v>27</v>
      </c>
      <c r="KJ25" s="102">
        <v>22</v>
      </c>
      <c r="KK25" s="102">
        <v>8</v>
      </c>
      <c r="KL25" s="103">
        <v>140</v>
      </c>
      <c r="KM25" s="104">
        <v>177</v>
      </c>
    </row>
    <row r="26" spans="2:299" s="70" customFormat="1" ht="21" customHeight="1" x14ac:dyDescent="0.2">
      <c r="B26" s="106" t="s">
        <v>23</v>
      </c>
      <c r="C26" s="96">
        <v>36</v>
      </c>
      <c r="D26" s="97">
        <v>34</v>
      </c>
      <c r="E26" s="98">
        <v>70</v>
      </c>
      <c r="F26" s="413">
        <v>0</v>
      </c>
      <c r="G26" s="97">
        <v>52</v>
      </c>
      <c r="H26" s="97">
        <v>43</v>
      </c>
      <c r="I26" s="97">
        <v>19</v>
      </c>
      <c r="J26" s="97">
        <v>23</v>
      </c>
      <c r="K26" s="97">
        <v>14</v>
      </c>
      <c r="L26" s="99">
        <v>151</v>
      </c>
      <c r="M26" s="100">
        <v>221</v>
      </c>
      <c r="N26" s="101">
        <v>0</v>
      </c>
      <c r="O26" s="102">
        <v>1</v>
      </c>
      <c r="P26" s="103">
        <v>1</v>
      </c>
      <c r="Q26" s="413">
        <v>0</v>
      </c>
      <c r="R26" s="102">
        <v>0</v>
      </c>
      <c r="S26" s="102">
        <v>2</v>
      </c>
      <c r="T26" s="102">
        <v>0</v>
      </c>
      <c r="U26" s="102">
        <v>1</v>
      </c>
      <c r="V26" s="102">
        <v>0</v>
      </c>
      <c r="W26" s="103">
        <v>3</v>
      </c>
      <c r="X26" s="104">
        <v>4</v>
      </c>
      <c r="Y26" s="101">
        <v>0</v>
      </c>
      <c r="Z26" s="102">
        <v>1</v>
      </c>
      <c r="AA26" s="103">
        <v>1</v>
      </c>
      <c r="AB26" s="413">
        <v>0</v>
      </c>
      <c r="AC26" s="102">
        <v>0</v>
      </c>
      <c r="AD26" s="102">
        <v>1</v>
      </c>
      <c r="AE26" s="102">
        <v>1</v>
      </c>
      <c r="AF26" s="102">
        <v>0</v>
      </c>
      <c r="AG26" s="102">
        <v>0</v>
      </c>
      <c r="AH26" s="103">
        <v>2</v>
      </c>
      <c r="AI26" s="104">
        <v>3</v>
      </c>
      <c r="AJ26" s="101">
        <v>5</v>
      </c>
      <c r="AK26" s="102">
        <v>2</v>
      </c>
      <c r="AL26" s="103">
        <v>7</v>
      </c>
      <c r="AM26" s="413">
        <v>0</v>
      </c>
      <c r="AN26" s="102">
        <v>3</v>
      </c>
      <c r="AO26" s="102">
        <v>3</v>
      </c>
      <c r="AP26" s="102">
        <v>2</v>
      </c>
      <c r="AQ26" s="102">
        <v>1</v>
      </c>
      <c r="AR26" s="102">
        <v>2</v>
      </c>
      <c r="AS26" s="103">
        <v>11</v>
      </c>
      <c r="AT26" s="104">
        <v>18</v>
      </c>
      <c r="AU26" s="101">
        <v>9</v>
      </c>
      <c r="AV26" s="102">
        <v>12</v>
      </c>
      <c r="AW26" s="103">
        <v>21</v>
      </c>
      <c r="AX26" s="413">
        <v>0</v>
      </c>
      <c r="AY26" s="102">
        <v>11</v>
      </c>
      <c r="AZ26" s="102">
        <v>16</v>
      </c>
      <c r="BA26" s="102">
        <v>6</v>
      </c>
      <c r="BB26" s="102">
        <v>7</v>
      </c>
      <c r="BC26" s="102">
        <v>4</v>
      </c>
      <c r="BD26" s="103">
        <v>44</v>
      </c>
      <c r="BE26" s="104">
        <v>65</v>
      </c>
      <c r="BF26" s="101">
        <v>16</v>
      </c>
      <c r="BG26" s="102">
        <v>14</v>
      </c>
      <c r="BH26" s="103">
        <v>30</v>
      </c>
      <c r="BI26" s="413">
        <v>0</v>
      </c>
      <c r="BJ26" s="102">
        <v>23</v>
      </c>
      <c r="BK26" s="102">
        <v>11</v>
      </c>
      <c r="BL26" s="102">
        <v>4</v>
      </c>
      <c r="BM26" s="102">
        <v>6</v>
      </c>
      <c r="BN26" s="102">
        <v>6</v>
      </c>
      <c r="BO26" s="103">
        <v>50</v>
      </c>
      <c r="BP26" s="104">
        <v>80</v>
      </c>
      <c r="BQ26" s="101">
        <v>6</v>
      </c>
      <c r="BR26" s="102">
        <v>4</v>
      </c>
      <c r="BS26" s="103">
        <v>10</v>
      </c>
      <c r="BT26" s="413">
        <v>0</v>
      </c>
      <c r="BU26" s="102">
        <v>15</v>
      </c>
      <c r="BV26" s="102">
        <v>10</v>
      </c>
      <c r="BW26" s="102">
        <v>6</v>
      </c>
      <c r="BX26" s="102">
        <v>8</v>
      </c>
      <c r="BY26" s="102">
        <v>2</v>
      </c>
      <c r="BZ26" s="103">
        <v>41</v>
      </c>
      <c r="CA26" s="104">
        <v>51</v>
      </c>
      <c r="CB26" s="101">
        <v>0</v>
      </c>
      <c r="CC26" s="102">
        <v>0</v>
      </c>
      <c r="CD26" s="103">
        <v>0</v>
      </c>
      <c r="CE26" s="413">
        <v>0</v>
      </c>
      <c r="CF26" s="102">
        <v>0</v>
      </c>
      <c r="CG26" s="102">
        <v>0</v>
      </c>
      <c r="CH26" s="102">
        <v>0</v>
      </c>
      <c r="CI26" s="102">
        <v>0</v>
      </c>
      <c r="CJ26" s="102">
        <v>0</v>
      </c>
      <c r="CK26" s="103">
        <v>0</v>
      </c>
      <c r="CL26" s="104">
        <v>0</v>
      </c>
      <c r="CM26" s="101">
        <v>36</v>
      </c>
      <c r="CN26" s="102">
        <v>34</v>
      </c>
      <c r="CO26" s="103">
        <v>70</v>
      </c>
      <c r="CP26" s="413">
        <v>0</v>
      </c>
      <c r="CQ26" s="102">
        <v>52</v>
      </c>
      <c r="CR26" s="102">
        <v>43</v>
      </c>
      <c r="CS26" s="102">
        <v>19</v>
      </c>
      <c r="CT26" s="102">
        <v>23</v>
      </c>
      <c r="CU26" s="102">
        <v>14</v>
      </c>
      <c r="CV26" s="103">
        <v>151</v>
      </c>
      <c r="CW26" s="104">
        <v>221</v>
      </c>
      <c r="CX26" s="105">
        <v>2</v>
      </c>
      <c r="CY26" s="97">
        <v>2</v>
      </c>
      <c r="CZ26" s="98">
        <v>4</v>
      </c>
      <c r="DA26" s="413">
        <v>0</v>
      </c>
      <c r="DB26" s="97">
        <v>6</v>
      </c>
      <c r="DC26" s="97">
        <v>7</v>
      </c>
      <c r="DD26" s="97">
        <v>2</v>
      </c>
      <c r="DE26" s="97">
        <v>3</v>
      </c>
      <c r="DF26" s="97">
        <v>0</v>
      </c>
      <c r="DG26" s="99">
        <v>18</v>
      </c>
      <c r="DH26" s="100">
        <v>22</v>
      </c>
      <c r="DI26" s="101">
        <v>0</v>
      </c>
      <c r="DJ26" s="102">
        <v>0</v>
      </c>
      <c r="DK26" s="103">
        <v>0</v>
      </c>
      <c r="DL26" s="413">
        <v>0</v>
      </c>
      <c r="DM26" s="102">
        <v>0</v>
      </c>
      <c r="DN26" s="102">
        <v>0</v>
      </c>
      <c r="DO26" s="102">
        <v>0</v>
      </c>
      <c r="DP26" s="102">
        <v>0</v>
      </c>
      <c r="DQ26" s="102">
        <v>0</v>
      </c>
      <c r="DR26" s="103">
        <v>0</v>
      </c>
      <c r="DS26" s="104">
        <v>0</v>
      </c>
      <c r="DT26" s="101">
        <v>1</v>
      </c>
      <c r="DU26" s="102">
        <v>2</v>
      </c>
      <c r="DV26" s="103">
        <v>3</v>
      </c>
      <c r="DW26" s="413">
        <v>0</v>
      </c>
      <c r="DX26" s="102">
        <v>0</v>
      </c>
      <c r="DY26" s="102">
        <v>0</v>
      </c>
      <c r="DZ26" s="102">
        <v>0</v>
      </c>
      <c r="EA26" s="102">
        <v>0</v>
      </c>
      <c r="EB26" s="102">
        <v>0</v>
      </c>
      <c r="EC26" s="103">
        <v>0</v>
      </c>
      <c r="ED26" s="104">
        <v>3</v>
      </c>
      <c r="EE26" s="101">
        <v>0</v>
      </c>
      <c r="EF26" s="102">
        <v>0</v>
      </c>
      <c r="EG26" s="103">
        <v>0</v>
      </c>
      <c r="EH26" s="413">
        <v>0</v>
      </c>
      <c r="EI26" s="102">
        <v>1</v>
      </c>
      <c r="EJ26" s="102">
        <v>1</v>
      </c>
      <c r="EK26" s="102">
        <v>0</v>
      </c>
      <c r="EL26" s="102">
        <v>0</v>
      </c>
      <c r="EM26" s="102">
        <v>0</v>
      </c>
      <c r="EN26" s="103">
        <v>2</v>
      </c>
      <c r="EO26" s="104">
        <v>2</v>
      </c>
      <c r="EP26" s="101">
        <v>1</v>
      </c>
      <c r="EQ26" s="102">
        <v>0</v>
      </c>
      <c r="ER26" s="103">
        <v>1</v>
      </c>
      <c r="ES26" s="413">
        <v>0</v>
      </c>
      <c r="ET26" s="102">
        <v>2</v>
      </c>
      <c r="EU26" s="102">
        <v>1</v>
      </c>
      <c r="EV26" s="102">
        <v>0</v>
      </c>
      <c r="EW26" s="102">
        <v>1</v>
      </c>
      <c r="EX26" s="102">
        <v>0</v>
      </c>
      <c r="EY26" s="103">
        <v>4</v>
      </c>
      <c r="EZ26" s="104">
        <v>5</v>
      </c>
      <c r="FA26" s="101">
        <v>0</v>
      </c>
      <c r="FB26" s="102">
        <v>0</v>
      </c>
      <c r="FC26" s="103">
        <v>0</v>
      </c>
      <c r="FD26" s="413">
        <v>0</v>
      </c>
      <c r="FE26" s="102">
        <v>3</v>
      </c>
      <c r="FF26" s="102">
        <v>3</v>
      </c>
      <c r="FG26" s="102">
        <v>1</v>
      </c>
      <c r="FH26" s="102">
        <v>0</v>
      </c>
      <c r="FI26" s="102">
        <v>0</v>
      </c>
      <c r="FJ26" s="103">
        <v>7</v>
      </c>
      <c r="FK26" s="104">
        <v>7</v>
      </c>
      <c r="FL26" s="101">
        <v>0</v>
      </c>
      <c r="FM26" s="102">
        <v>0</v>
      </c>
      <c r="FN26" s="103">
        <v>0</v>
      </c>
      <c r="FO26" s="413">
        <v>0</v>
      </c>
      <c r="FP26" s="102">
        <v>0</v>
      </c>
      <c r="FQ26" s="102">
        <v>2</v>
      </c>
      <c r="FR26" s="102">
        <v>1</v>
      </c>
      <c r="FS26" s="102">
        <v>2</v>
      </c>
      <c r="FT26" s="102">
        <v>0</v>
      </c>
      <c r="FU26" s="103">
        <v>5</v>
      </c>
      <c r="FV26" s="104">
        <v>5</v>
      </c>
      <c r="FW26" s="101">
        <v>0</v>
      </c>
      <c r="FX26" s="102">
        <v>0</v>
      </c>
      <c r="FY26" s="103">
        <v>0</v>
      </c>
      <c r="FZ26" s="413">
        <v>0</v>
      </c>
      <c r="GA26" s="102">
        <v>0</v>
      </c>
      <c r="GB26" s="102">
        <v>0</v>
      </c>
      <c r="GC26" s="102">
        <v>0</v>
      </c>
      <c r="GD26" s="102">
        <v>0</v>
      </c>
      <c r="GE26" s="102">
        <v>0</v>
      </c>
      <c r="GF26" s="103">
        <v>0</v>
      </c>
      <c r="GG26" s="104">
        <v>0</v>
      </c>
      <c r="GH26" s="101">
        <v>2</v>
      </c>
      <c r="GI26" s="102">
        <v>2</v>
      </c>
      <c r="GJ26" s="103">
        <v>4</v>
      </c>
      <c r="GK26" s="413">
        <v>0</v>
      </c>
      <c r="GL26" s="102">
        <v>6</v>
      </c>
      <c r="GM26" s="102">
        <v>7</v>
      </c>
      <c r="GN26" s="102">
        <v>2</v>
      </c>
      <c r="GO26" s="102">
        <v>3</v>
      </c>
      <c r="GP26" s="102">
        <v>0</v>
      </c>
      <c r="GQ26" s="103">
        <v>18</v>
      </c>
      <c r="GR26" s="104">
        <v>22</v>
      </c>
      <c r="GS26" s="105">
        <v>38</v>
      </c>
      <c r="GT26" s="97">
        <v>36</v>
      </c>
      <c r="GU26" s="98">
        <v>74</v>
      </c>
      <c r="GV26" s="413">
        <v>0</v>
      </c>
      <c r="GW26" s="97">
        <v>58</v>
      </c>
      <c r="GX26" s="97">
        <v>50</v>
      </c>
      <c r="GY26" s="97">
        <v>21</v>
      </c>
      <c r="GZ26" s="97">
        <v>26</v>
      </c>
      <c r="HA26" s="97">
        <v>14</v>
      </c>
      <c r="HB26" s="99">
        <v>169</v>
      </c>
      <c r="HC26" s="100">
        <v>243</v>
      </c>
      <c r="HD26" s="101">
        <v>0</v>
      </c>
      <c r="HE26" s="102">
        <v>1</v>
      </c>
      <c r="HF26" s="103">
        <v>1</v>
      </c>
      <c r="HG26" s="413">
        <v>0</v>
      </c>
      <c r="HH26" s="102">
        <v>0</v>
      </c>
      <c r="HI26" s="102">
        <v>2</v>
      </c>
      <c r="HJ26" s="102">
        <v>0</v>
      </c>
      <c r="HK26" s="102">
        <v>1</v>
      </c>
      <c r="HL26" s="102">
        <v>0</v>
      </c>
      <c r="HM26" s="103">
        <v>3</v>
      </c>
      <c r="HN26" s="104">
        <v>4</v>
      </c>
      <c r="HO26" s="101">
        <v>1</v>
      </c>
      <c r="HP26" s="102">
        <v>3</v>
      </c>
      <c r="HQ26" s="103">
        <v>4</v>
      </c>
      <c r="HR26" s="413">
        <v>0</v>
      </c>
      <c r="HS26" s="102">
        <v>0</v>
      </c>
      <c r="HT26" s="102">
        <v>1</v>
      </c>
      <c r="HU26" s="102">
        <v>1</v>
      </c>
      <c r="HV26" s="102">
        <v>0</v>
      </c>
      <c r="HW26" s="102">
        <v>0</v>
      </c>
      <c r="HX26" s="103">
        <v>2</v>
      </c>
      <c r="HY26" s="104">
        <v>6</v>
      </c>
      <c r="HZ26" s="101">
        <v>5</v>
      </c>
      <c r="IA26" s="102">
        <v>2</v>
      </c>
      <c r="IB26" s="103">
        <v>7</v>
      </c>
      <c r="IC26" s="413">
        <v>0</v>
      </c>
      <c r="ID26" s="102">
        <v>4</v>
      </c>
      <c r="IE26" s="102">
        <v>4</v>
      </c>
      <c r="IF26" s="102">
        <v>2</v>
      </c>
      <c r="IG26" s="102">
        <v>1</v>
      </c>
      <c r="IH26" s="102">
        <v>2</v>
      </c>
      <c r="II26" s="103">
        <v>13</v>
      </c>
      <c r="IJ26" s="104">
        <v>20</v>
      </c>
      <c r="IK26" s="101">
        <v>10</v>
      </c>
      <c r="IL26" s="102">
        <v>12</v>
      </c>
      <c r="IM26" s="103">
        <v>22</v>
      </c>
      <c r="IN26" s="413">
        <v>0</v>
      </c>
      <c r="IO26" s="102">
        <v>13</v>
      </c>
      <c r="IP26" s="102">
        <v>17</v>
      </c>
      <c r="IQ26" s="102">
        <v>6</v>
      </c>
      <c r="IR26" s="102">
        <v>8</v>
      </c>
      <c r="IS26" s="102">
        <v>4</v>
      </c>
      <c r="IT26" s="103">
        <v>48</v>
      </c>
      <c r="IU26" s="104">
        <v>70</v>
      </c>
      <c r="IV26" s="101">
        <v>16</v>
      </c>
      <c r="IW26" s="102">
        <v>14</v>
      </c>
      <c r="IX26" s="103">
        <v>30</v>
      </c>
      <c r="IY26" s="413">
        <v>0</v>
      </c>
      <c r="IZ26" s="102">
        <v>26</v>
      </c>
      <c r="JA26" s="102">
        <v>14</v>
      </c>
      <c r="JB26" s="102">
        <v>5</v>
      </c>
      <c r="JC26" s="102">
        <v>6</v>
      </c>
      <c r="JD26" s="102">
        <v>6</v>
      </c>
      <c r="JE26" s="103">
        <v>57</v>
      </c>
      <c r="JF26" s="104">
        <v>87</v>
      </c>
      <c r="JG26" s="101">
        <v>6</v>
      </c>
      <c r="JH26" s="102">
        <v>4</v>
      </c>
      <c r="JI26" s="103">
        <v>10</v>
      </c>
      <c r="JJ26" s="413">
        <v>0</v>
      </c>
      <c r="JK26" s="102">
        <v>15</v>
      </c>
      <c r="JL26" s="102">
        <v>12</v>
      </c>
      <c r="JM26" s="102">
        <v>7</v>
      </c>
      <c r="JN26" s="102">
        <v>10</v>
      </c>
      <c r="JO26" s="102">
        <v>2</v>
      </c>
      <c r="JP26" s="103">
        <v>46</v>
      </c>
      <c r="JQ26" s="104">
        <v>56</v>
      </c>
      <c r="JR26" s="101">
        <v>0</v>
      </c>
      <c r="JS26" s="102">
        <v>0</v>
      </c>
      <c r="JT26" s="103">
        <v>0</v>
      </c>
      <c r="JU26" s="413">
        <v>0</v>
      </c>
      <c r="JV26" s="102">
        <v>0</v>
      </c>
      <c r="JW26" s="102">
        <v>0</v>
      </c>
      <c r="JX26" s="102">
        <v>0</v>
      </c>
      <c r="JY26" s="102">
        <v>0</v>
      </c>
      <c r="JZ26" s="102">
        <v>0</v>
      </c>
      <c r="KA26" s="103">
        <v>0</v>
      </c>
      <c r="KB26" s="104">
        <v>0</v>
      </c>
      <c r="KC26" s="101">
        <v>38</v>
      </c>
      <c r="KD26" s="102">
        <v>36</v>
      </c>
      <c r="KE26" s="103">
        <v>74</v>
      </c>
      <c r="KF26" s="413">
        <v>0</v>
      </c>
      <c r="KG26" s="102">
        <v>58</v>
      </c>
      <c r="KH26" s="102">
        <v>50</v>
      </c>
      <c r="KI26" s="102">
        <v>21</v>
      </c>
      <c r="KJ26" s="102">
        <v>26</v>
      </c>
      <c r="KK26" s="102">
        <v>14</v>
      </c>
      <c r="KL26" s="103">
        <v>169</v>
      </c>
      <c r="KM26" s="104">
        <v>243</v>
      </c>
    </row>
    <row r="27" spans="2:299" s="70" customFormat="1" ht="21" customHeight="1" x14ac:dyDescent="0.2">
      <c r="B27" s="106" t="s">
        <v>24</v>
      </c>
      <c r="C27" s="96">
        <v>29</v>
      </c>
      <c r="D27" s="97">
        <v>22</v>
      </c>
      <c r="E27" s="98">
        <v>51</v>
      </c>
      <c r="F27" s="413">
        <v>0</v>
      </c>
      <c r="G27" s="97">
        <v>40</v>
      </c>
      <c r="H27" s="97">
        <v>27</v>
      </c>
      <c r="I27" s="97">
        <v>20</v>
      </c>
      <c r="J27" s="97">
        <v>17</v>
      </c>
      <c r="K27" s="97">
        <v>8</v>
      </c>
      <c r="L27" s="99">
        <v>112</v>
      </c>
      <c r="M27" s="100">
        <v>163</v>
      </c>
      <c r="N27" s="101">
        <v>0</v>
      </c>
      <c r="O27" s="102">
        <v>0</v>
      </c>
      <c r="P27" s="103">
        <v>0</v>
      </c>
      <c r="Q27" s="413">
        <v>0</v>
      </c>
      <c r="R27" s="102">
        <v>0</v>
      </c>
      <c r="S27" s="102">
        <v>0</v>
      </c>
      <c r="T27" s="102">
        <v>0</v>
      </c>
      <c r="U27" s="102">
        <v>0</v>
      </c>
      <c r="V27" s="102">
        <v>0</v>
      </c>
      <c r="W27" s="103">
        <v>0</v>
      </c>
      <c r="X27" s="104">
        <v>0</v>
      </c>
      <c r="Y27" s="101">
        <v>0</v>
      </c>
      <c r="Z27" s="102">
        <v>0</v>
      </c>
      <c r="AA27" s="103">
        <v>0</v>
      </c>
      <c r="AB27" s="413">
        <v>0</v>
      </c>
      <c r="AC27" s="102">
        <v>2</v>
      </c>
      <c r="AD27" s="102">
        <v>1</v>
      </c>
      <c r="AE27" s="102">
        <v>0</v>
      </c>
      <c r="AF27" s="102">
        <v>1</v>
      </c>
      <c r="AG27" s="102">
        <v>1</v>
      </c>
      <c r="AH27" s="103">
        <v>5</v>
      </c>
      <c r="AI27" s="104">
        <v>5</v>
      </c>
      <c r="AJ27" s="101">
        <v>0</v>
      </c>
      <c r="AK27" s="102">
        <v>6</v>
      </c>
      <c r="AL27" s="103">
        <v>6</v>
      </c>
      <c r="AM27" s="413">
        <v>0</v>
      </c>
      <c r="AN27" s="102">
        <v>1</v>
      </c>
      <c r="AO27" s="102">
        <v>2</v>
      </c>
      <c r="AP27" s="102">
        <v>3</v>
      </c>
      <c r="AQ27" s="102">
        <v>3</v>
      </c>
      <c r="AR27" s="102">
        <v>0</v>
      </c>
      <c r="AS27" s="103">
        <v>9</v>
      </c>
      <c r="AT27" s="104">
        <v>15</v>
      </c>
      <c r="AU27" s="101">
        <v>5</v>
      </c>
      <c r="AV27" s="102">
        <v>2</v>
      </c>
      <c r="AW27" s="103">
        <v>7</v>
      </c>
      <c r="AX27" s="413">
        <v>0</v>
      </c>
      <c r="AY27" s="102">
        <v>5</v>
      </c>
      <c r="AZ27" s="102">
        <v>5</v>
      </c>
      <c r="BA27" s="102">
        <v>2</v>
      </c>
      <c r="BB27" s="102">
        <v>2</v>
      </c>
      <c r="BC27" s="102">
        <v>1</v>
      </c>
      <c r="BD27" s="103">
        <v>15</v>
      </c>
      <c r="BE27" s="104">
        <v>22</v>
      </c>
      <c r="BF27" s="101">
        <v>11</v>
      </c>
      <c r="BG27" s="102">
        <v>7</v>
      </c>
      <c r="BH27" s="103">
        <v>18</v>
      </c>
      <c r="BI27" s="413">
        <v>0</v>
      </c>
      <c r="BJ27" s="102">
        <v>14</v>
      </c>
      <c r="BK27" s="102">
        <v>7</v>
      </c>
      <c r="BL27" s="102">
        <v>5</v>
      </c>
      <c r="BM27" s="102">
        <v>5</v>
      </c>
      <c r="BN27" s="102">
        <v>2</v>
      </c>
      <c r="BO27" s="103">
        <v>33</v>
      </c>
      <c r="BP27" s="104">
        <v>51</v>
      </c>
      <c r="BQ27" s="101">
        <v>13</v>
      </c>
      <c r="BR27" s="102">
        <v>7</v>
      </c>
      <c r="BS27" s="103">
        <v>20</v>
      </c>
      <c r="BT27" s="413">
        <v>0</v>
      </c>
      <c r="BU27" s="102">
        <v>18</v>
      </c>
      <c r="BV27" s="102">
        <v>12</v>
      </c>
      <c r="BW27" s="102">
        <v>10</v>
      </c>
      <c r="BX27" s="102">
        <v>6</v>
      </c>
      <c r="BY27" s="102">
        <v>4</v>
      </c>
      <c r="BZ27" s="103">
        <v>50</v>
      </c>
      <c r="CA27" s="104">
        <v>70</v>
      </c>
      <c r="CB27" s="101">
        <v>0</v>
      </c>
      <c r="CC27" s="102">
        <v>0</v>
      </c>
      <c r="CD27" s="103">
        <v>0</v>
      </c>
      <c r="CE27" s="413">
        <v>0</v>
      </c>
      <c r="CF27" s="102">
        <v>0</v>
      </c>
      <c r="CG27" s="102">
        <v>0</v>
      </c>
      <c r="CH27" s="102">
        <v>0</v>
      </c>
      <c r="CI27" s="102">
        <v>0</v>
      </c>
      <c r="CJ27" s="102">
        <v>0</v>
      </c>
      <c r="CK27" s="103">
        <v>0</v>
      </c>
      <c r="CL27" s="104">
        <v>0</v>
      </c>
      <c r="CM27" s="101">
        <v>29</v>
      </c>
      <c r="CN27" s="102">
        <v>22</v>
      </c>
      <c r="CO27" s="103">
        <v>51</v>
      </c>
      <c r="CP27" s="413">
        <v>0</v>
      </c>
      <c r="CQ27" s="102">
        <v>40</v>
      </c>
      <c r="CR27" s="102">
        <v>27</v>
      </c>
      <c r="CS27" s="102">
        <v>20</v>
      </c>
      <c r="CT27" s="102">
        <v>17</v>
      </c>
      <c r="CU27" s="102">
        <v>8</v>
      </c>
      <c r="CV27" s="103">
        <v>112</v>
      </c>
      <c r="CW27" s="104">
        <v>163</v>
      </c>
      <c r="CX27" s="105">
        <v>6</v>
      </c>
      <c r="CY27" s="97">
        <v>2</v>
      </c>
      <c r="CZ27" s="98">
        <v>8</v>
      </c>
      <c r="DA27" s="413">
        <v>0</v>
      </c>
      <c r="DB27" s="97">
        <v>6</v>
      </c>
      <c r="DC27" s="97">
        <v>3</v>
      </c>
      <c r="DD27" s="97">
        <v>5</v>
      </c>
      <c r="DE27" s="97">
        <v>3</v>
      </c>
      <c r="DF27" s="97">
        <v>0</v>
      </c>
      <c r="DG27" s="99">
        <v>17</v>
      </c>
      <c r="DH27" s="100">
        <v>25</v>
      </c>
      <c r="DI27" s="101">
        <v>0</v>
      </c>
      <c r="DJ27" s="102">
        <v>0</v>
      </c>
      <c r="DK27" s="103">
        <v>0</v>
      </c>
      <c r="DL27" s="413">
        <v>0</v>
      </c>
      <c r="DM27" s="102">
        <v>1</v>
      </c>
      <c r="DN27" s="102">
        <v>0</v>
      </c>
      <c r="DO27" s="102">
        <v>0</v>
      </c>
      <c r="DP27" s="102">
        <v>0</v>
      </c>
      <c r="DQ27" s="102">
        <v>0</v>
      </c>
      <c r="DR27" s="103">
        <v>1</v>
      </c>
      <c r="DS27" s="104">
        <v>1</v>
      </c>
      <c r="DT27" s="101">
        <v>1</v>
      </c>
      <c r="DU27" s="102">
        <v>0</v>
      </c>
      <c r="DV27" s="103">
        <v>1</v>
      </c>
      <c r="DW27" s="413">
        <v>0</v>
      </c>
      <c r="DX27" s="102">
        <v>0</v>
      </c>
      <c r="DY27" s="102">
        <v>0</v>
      </c>
      <c r="DZ27" s="102">
        <v>0</v>
      </c>
      <c r="EA27" s="102">
        <v>0</v>
      </c>
      <c r="EB27" s="102">
        <v>0</v>
      </c>
      <c r="EC27" s="103">
        <v>0</v>
      </c>
      <c r="ED27" s="104">
        <v>1</v>
      </c>
      <c r="EE27" s="101">
        <v>0</v>
      </c>
      <c r="EF27" s="102">
        <v>0</v>
      </c>
      <c r="EG27" s="103">
        <v>0</v>
      </c>
      <c r="EH27" s="413">
        <v>0</v>
      </c>
      <c r="EI27" s="102">
        <v>1</v>
      </c>
      <c r="EJ27" s="102">
        <v>1</v>
      </c>
      <c r="EK27" s="102">
        <v>0</v>
      </c>
      <c r="EL27" s="102">
        <v>0</v>
      </c>
      <c r="EM27" s="102">
        <v>0</v>
      </c>
      <c r="EN27" s="103">
        <v>2</v>
      </c>
      <c r="EO27" s="104">
        <v>2</v>
      </c>
      <c r="EP27" s="101">
        <v>0</v>
      </c>
      <c r="EQ27" s="102">
        <v>1</v>
      </c>
      <c r="ER27" s="103">
        <v>1</v>
      </c>
      <c r="ES27" s="413">
        <v>0</v>
      </c>
      <c r="ET27" s="102">
        <v>0</v>
      </c>
      <c r="EU27" s="102">
        <v>0</v>
      </c>
      <c r="EV27" s="102">
        <v>0</v>
      </c>
      <c r="EW27" s="102">
        <v>1</v>
      </c>
      <c r="EX27" s="102">
        <v>0</v>
      </c>
      <c r="EY27" s="103">
        <v>1</v>
      </c>
      <c r="EZ27" s="104">
        <v>2</v>
      </c>
      <c r="FA27" s="101">
        <v>4</v>
      </c>
      <c r="FB27" s="102">
        <v>1</v>
      </c>
      <c r="FC27" s="103">
        <v>5</v>
      </c>
      <c r="FD27" s="413">
        <v>0</v>
      </c>
      <c r="FE27" s="102">
        <v>2</v>
      </c>
      <c r="FF27" s="102">
        <v>1</v>
      </c>
      <c r="FG27" s="102">
        <v>0</v>
      </c>
      <c r="FH27" s="102">
        <v>0</v>
      </c>
      <c r="FI27" s="102">
        <v>0</v>
      </c>
      <c r="FJ27" s="103">
        <v>3</v>
      </c>
      <c r="FK27" s="104">
        <v>8</v>
      </c>
      <c r="FL27" s="101">
        <v>1</v>
      </c>
      <c r="FM27" s="102">
        <v>0</v>
      </c>
      <c r="FN27" s="103">
        <v>1</v>
      </c>
      <c r="FO27" s="413">
        <v>0</v>
      </c>
      <c r="FP27" s="102">
        <v>2</v>
      </c>
      <c r="FQ27" s="102">
        <v>1</v>
      </c>
      <c r="FR27" s="102">
        <v>5</v>
      </c>
      <c r="FS27" s="102">
        <v>2</v>
      </c>
      <c r="FT27" s="102">
        <v>0</v>
      </c>
      <c r="FU27" s="103">
        <v>10</v>
      </c>
      <c r="FV27" s="104">
        <v>11</v>
      </c>
      <c r="FW27" s="101">
        <v>0</v>
      </c>
      <c r="FX27" s="102">
        <v>0</v>
      </c>
      <c r="FY27" s="103">
        <v>0</v>
      </c>
      <c r="FZ27" s="413">
        <v>0</v>
      </c>
      <c r="GA27" s="102">
        <v>0</v>
      </c>
      <c r="GB27" s="102">
        <v>0</v>
      </c>
      <c r="GC27" s="102">
        <v>0</v>
      </c>
      <c r="GD27" s="102">
        <v>0</v>
      </c>
      <c r="GE27" s="102">
        <v>0</v>
      </c>
      <c r="GF27" s="103">
        <v>0</v>
      </c>
      <c r="GG27" s="104">
        <v>0</v>
      </c>
      <c r="GH27" s="101">
        <v>6</v>
      </c>
      <c r="GI27" s="102">
        <v>2</v>
      </c>
      <c r="GJ27" s="103">
        <v>8</v>
      </c>
      <c r="GK27" s="413">
        <v>0</v>
      </c>
      <c r="GL27" s="102">
        <v>6</v>
      </c>
      <c r="GM27" s="102">
        <v>3</v>
      </c>
      <c r="GN27" s="102">
        <v>5</v>
      </c>
      <c r="GO27" s="102">
        <v>3</v>
      </c>
      <c r="GP27" s="102">
        <v>0</v>
      </c>
      <c r="GQ27" s="103">
        <v>17</v>
      </c>
      <c r="GR27" s="104">
        <v>25</v>
      </c>
      <c r="GS27" s="105">
        <v>35</v>
      </c>
      <c r="GT27" s="97">
        <v>24</v>
      </c>
      <c r="GU27" s="98">
        <v>59</v>
      </c>
      <c r="GV27" s="413">
        <v>0</v>
      </c>
      <c r="GW27" s="97">
        <v>46</v>
      </c>
      <c r="GX27" s="97">
        <v>30</v>
      </c>
      <c r="GY27" s="97">
        <v>25</v>
      </c>
      <c r="GZ27" s="97">
        <v>20</v>
      </c>
      <c r="HA27" s="97">
        <v>8</v>
      </c>
      <c r="HB27" s="99">
        <v>129</v>
      </c>
      <c r="HC27" s="100">
        <v>188</v>
      </c>
      <c r="HD27" s="101">
        <v>0</v>
      </c>
      <c r="HE27" s="102">
        <v>0</v>
      </c>
      <c r="HF27" s="103">
        <v>0</v>
      </c>
      <c r="HG27" s="413">
        <v>0</v>
      </c>
      <c r="HH27" s="102">
        <v>1</v>
      </c>
      <c r="HI27" s="102">
        <v>0</v>
      </c>
      <c r="HJ27" s="102">
        <v>0</v>
      </c>
      <c r="HK27" s="102">
        <v>0</v>
      </c>
      <c r="HL27" s="102">
        <v>0</v>
      </c>
      <c r="HM27" s="103">
        <v>1</v>
      </c>
      <c r="HN27" s="104">
        <v>1</v>
      </c>
      <c r="HO27" s="101">
        <v>1</v>
      </c>
      <c r="HP27" s="102">
        <v>0</v>
      </c>
      <c r="HQ27" s="103">
        <v>1</v>
      </c>
      <c r="HR27" s="413">
        <v>0</v>
      </c>
      <c r="HS27" s="102">
        <v>2</v>
      </c>
      <c r="HT27" s="102">
        <v>1</v>
      </c>
      <c r="HU27" s="102">
        <v>0</v>
      </c>
      <c r="HV27" s="102">
        <v>1</v>
      </c>
      <c r="HW27" s="102">
        <v>1</v>
      </c>
      <c r="HX27" s="103">
        <v>5</v>
      </c>
      <c r="HY27" s="104">
        <v>6</v>
      </c>
      <c r="HZ27" s="101">
        <v>0</v>
      </c>
      <c r="IA27" s="102">
        <v>6</v>
      </c>
      <c r="IB27" s="103">
        <v>6</v>
      </c>
      <c r="IC27" s="413">
        <v>0</v>
      </c>
      <c r="ID27" s="102">
        <v>2</v>
      </c>
      <c r="IE27" s="102">
        <v>3</v>
      </c>
      <c r="IF27" s="102">
        <v>3</v>
      </c>
      <c r="IG27" s="102">
        <v>3</v>
      </c>
      <c r="IH27" s="102">
        <v>0</v>
      </c>
      <c r="II27" s="103">
        <v>11</v>
      </c>
      <c r="IJ27" s="104">
        <v>17</v>
      </c>
      <c r="IK27" s="101">
        <v>5</v>
      </c>
      <c r="IL27" s="102">
        <v>3</v>
      </c>
      <c r="IM27" s="103">
        <v>8</v>
      </c>
      <c r="IN27" s="413">
        <v>0</v>
      </c>
      <c r="IO27" s="102">
        <v>5</v>
      </c>
      <c r="IP27" s="102">
        <v>5</v>
      </c>
      <c r="IQ27" s="102">
        <v>2</v>
      </c>
      <c r="IR27" s="102">
        <v>3</v>
      </c>
      <c r="IS27" s="102">
        <v>1</v>
      </c>
      <c r="IT27" s="103">
        <v>16</v>
      </c>
      <c r="IU27" s="104">
        <v>24</v>
      </c>
      <c r="IV27" s="101">
        <v>15</v>
      </c>
      <c r="IW27" s="102">
        <v>8</v>
      </c>
      <c r="IX27" s="103">
        <v>23</v>
      </c>
      <c r="IY27" s="413">
        <v>0</v>
      </c>
      <c r="IZ27" s="102">
        <v>16</v>
      </c>
      <c r="JA27" s="102">
        <v>8</v>
      </c>
      <c r="JB27" s="102">
        <v>5</v>
      </c>
      <c r="JC27" s="102">
        <v>5</v>
      </c>
      <c r="JD27" s="102">
        <v>2</v>
      </c>
      <c r="JE27" s="103">
        <v>36</v>
      </c>
      <c r="JF27" s="104">
        <v>59</v>
      </c>
      <c r="JG27" s="101">
        <v>14</v>
      </c>
      <c r="JH27" s="102">
        <v>7</v>
      </c>
      <c r="JI27" s="103">
        <v>21</v>
      </c>
      <c r="JJ27" s="413">
        <v>0</v>
      </c>
      <c r="JK27" s="102">
        <v>20</v>
      </c>
      <c r="JL27" s="102">
        <v>13</v>
      </c>
      <c r="JM27" s="102">
        <v>15</v>
      </c>
      <c r="JN27" s="102">
        <v>8</v>
      </c>
      <c r="JO27" s="102">
        <v>4</v>
      </c>
      <c r="JP27" s="103">
        <v>60</v>
      </c>
      <c r="JQ27" s="104">
        <v>81</v>
      </c>
      <c r="JR27" s="101">
        <v>0</v>
      </c>
      <c r="JS27" s="102">
        <v>0</v>
      </c>
      <c r="JT27" s="103">
        <v>0</v>
      </c>
      <c r="JU27" s="413">
        <v>0</v>
      </c>
      <c r="JV27" s="102">
        <v>0</v>
      </c>
      <c r="JW27" s="102">
        <v>0</v>
      </c>
      <c r="JX27" s="102">
        <v>0</v>
      </c>
      <c r="JY27" s="102">
        <v>0</v>
      </c>
      <c r="JZ27" s="102">
        <v>0</v>
      </c>
      <c r="KA27" s="103">
        <v>0</v>
      </c>
      <c r="KB27" s="104">
        <v>0</v>
      </c>
      <c r="KC27" s="101">
        <v>35</v>
      </c>
      <c r="KD27" s="102">
        <v>24</v>
      </c>
      <c r="KE27" s="103">
        <v>59</v>
      </c>
      <c r="KF27" s="413">
        <v>0</v>
      </c>
      <c r="KG27" s="102">
        <v>46</v>
      </c>
      <c r="KH27" s="102">
        <v>30</v>
      </c>
      <c r="KI27" s="102">
        <v>25</v>
      </c>
      <c r="KJ27" s="102">
        <v>20</v>
      </c>
      <c r="KK27" s="102">
        <v>8</v>
      </c>
      <c r="KL27" s="103">
        <v>129</v>
      </c>
      <c r="KM27" s="104">
        <v>188</v>
      </c>
    </row>
    <row r="28" spans="2:299" s="70" customFormat="1" ht="21" customHeight="1" x14ac:dyDescent="0.2">
      <c r="B28" s="106" t="s">
        <v>25</v>
      </c>
      <c r="C28" s="96">
        <v>16</v>
      </c>
      <c r="D28" s="97">
        <v>28</v>
      </c>
      <c r="E28" s="98">
        <v>44</v>
      </c>
      <c r="F28" s="413">
        <v>0</v>
      </c>
      <c r="G28" s="97">
        <v>25</v>
      </c>
      <c r="H28" s="97">
        <v>19</v>
      </c>
      <c r="I28" s="97">
        <v>13</v>
      </c>
      <c r="J28" s="97">
        <v>9</v>
      </c>
      <c r="K28" s="97">
        <v>3</v>
      </c>
      <c r="L28" s="99">
        <v>69</v>
      </c>
      <c r="M28" s="100">
        <v>113</v>
      </c>
      <c r="N28" s="101">
        <v>0</v>
      </c>
      <c r="O28" s="102">
        <v>0</v>
      </c>
      <c r="P28" s="103">
        <v>0</v>
      </c>
      <c r="Q28" s="413">
        <v>0</v>
      </c>
      <c r="R28" s="102">
        <v>2</v>
      </c>
      <c r="S28" s="102">
        <v>1</v>
      </c>
      <c r="T28" s="102">
        <v>0</v>
      </c>
      <c r="U28" s="102">
        <v>0</v>
      </c>
      <c r="V28" s="102">
        <v>0</v>
      </c>
      <c r="W28" s="103">
        <v>3</v>
      </c>
      <c r="X28" s="104">
        <v>3</v>
      </c>
      <c r="Y28" s="101">
        <v>2</v>
      </c>
      <c r="Z28" s="102">
        <v>1</v>
      </c>
      <c r="AA28" s="103">
        <v>3</v>
      </c>
      <c r="AB28" s="413">
        <v>0</v>
      </c>
      <c r="AC28" s="102">
        <v>0</v>
      </c>
      <c r="AD28" s="102">
        <v>1</v>
      </c>
      <c r="AE28" s="102">
        <v>0</v>
      </c>
      <c r="AF28" s="102">
        <v>2</v>
      </c>
      <c r="AG28" s="102">
        <v>0</v>
      </c>
      <c r="AH28" s="103">
        <v>3</v>
      </c>
      <c r="AI28" s="104">
        <v>6</v>
      </c>
      <c r="AJ28" s="101">
        <v>1</v>
      </c>
      <c r="AK28" s="102">
        <v>1</v>
      </c>
      <c r="AL28" s="103">
        <v>2</v>
      </c>
      <c r="AM28" s="413">
        <v>0</v>
      </c>
      <c r="AN28" s="102">
        <v>1</v>
      </c>
      <c r="AO28" s="102">
        <v>2</v>
      </c>
      <c r="AP28" s="102">
        <v>2</v>
      </c>
      <c r="AQ28" s="102">
        <v>1</v>
      </c>
      <c r="AR28" s="102">
        <v>0</v>
      </c>
      <c r="AS28" s="103">
        <v>6</v>
      </c>
      <c r="AT28" s="104">
        <v>8</v>
      </c>
      <c r="AU28" s="101">
        <v>4</v>
      </c>
      <c r="AV28" s="102">
        <v>15</v>
      </c>
      <c r="AW28" s="103">
        <v>19</v>
      </c>
      <c r="AX28" s="413">
        <v>0</v>
      </c>
      <c r="AY28" s="102">
        <v>10</v>
      </c>
      <c r="AZ28" s="102">
        <v>4</v>
      </c>
      <c r="BA28" s="102">
        <v>3</v>
      </c>
      <c r="BB28" s="102">
        <v>1</v>
      </c>
      <c r="BC28" s="102">
        <v>0</v>
      </c>
      <c r="BD28" s="103">
        <v>18</v>
      </c>
      <c r="BE28" s="104">
        <v>37</v>
      </c>
      <c r="BF28" s="101">
        <v>3</v>
      </c>
      <c r="BG28" s="102">
        <v>5</v>
      </c>
      <c r="BH28" s="103">
        <v>8</v>
      </c>
      <c r="BI28" s="413">
        <v>0</v>
      </c>
      <c r="BJ28" s="102">
        <v>7</v>
      </c>
      <c r="BK28" s="102">
        <v>6</v>
      </c>
      <c r="BL28" s="102">
        <v>2</v>
      </c>
      <c r="BM28" s="102">
        <v>1</v>
      </c>
      <c r="BN28" s="102">
        <v>1</v>
      </c>
      <c r="BO28" s="103">
        <v>17</v>
      </c>
      <c r="BP28" s="104">
        <v>25</v>
      </c>
      <c r="BQ28" s="101">
        <v>6</v>
      </c>
      <c r="BR28" s="102">
        <v>6</v>
      </c>
      <c r="BS28" s="103">
        <v>12</v>
      </c>
      <c r="BT28" s="413">
        <v>0</v>
      </c>
      <c r="BU28" s="102">
        <v>5</v>
      </c>
      <c r="BV28" s="102">
        <v>5</v>
      </c>
      <c r="BW28" s="102">
        <v>6</v>
      </c>
      <c r="BX28" s="102">
        <v>4</v>
      </c>
      <c r="BY28" s="102">
        <v>2</v>
      </c>
      <c r="BZ28" s="103">
        <v>22</v>
      </c>
      <c r="CA28" s="104">
        <v>34</v>
      </c>
      <c r="CB28" s="101">
        <v>0</v>
      </c>
      <c r="CC28" s="102">
        <v>0</v>
      </c>
      <c r="CD28" s="103">
        <v>0</v>
      </c>
      <c r="CE28" s="413">
        <v>0</v>
      </c>
      <c r="CF28" s="102">
        <v>0</v>
      </c>
      <c r="CG28" s="102">
        <v>0</v>
      </c>
      <c r="CH28" s="102">
        <v>0</v>
      </c>
      <c r="CI28" s="102">
        <v>0</v>
      </c>
      <c r="CJ28" s="102">
        <v>0</v>
      </c>
      <c r="CK28" s="103">
        <v>0</v>
      </c>
      <c r="CL28" s="104">
        <v>0</v>
      </c>
      <c r="CM28" s="101">
        <v>16</v>
      </c>
      <c r="CN28" s="102">
        <v>28</v>
      </c>
      <c r="CO28" s="103">
        <v>44</v>
      </c>
      <c r="CP28" s="413">
        <v>0</v>
      </c>
      <c r="CQ28" s="102">
        <v>25</v>
      </c>
      <c r="CR28" s="102">
        <v>19</v>
      </c>
      <c r="CS28" s="102">
        <v>13</v>
      </c>
      <c r="CT28" s="102">
        <v>9</v>
      </c>
      <c r="CU28" s="102">
        <v>3</v>
      </c>
      <c r="CV28" s="103">
        <v>69</v>
      </c>
      <c r="CW28" s="104">
        <v>113</v>
      </c>
      <c r="CX28" s="105">
        <v>2</v>
      </c>
      <c r="CY28" s="97">
        <v>1</v>
      </c>
      <c r="CZ28" s="98">
        <v>3</v>
      </c>
      <c r="DA28" s="413">
        <v>0</v>
      </c>
      <c r="DB28" s="97">
        <v>5</v>
      </c>
      <c r="DC28" s="97">
        <v>3</v>
      </c>
      <c r="DD28" s="97">
        <v>0</v>
      </c>
      <c r="DE28" s="97">
        <v>1</v>
      </c>
      <c r="DF28" s="97">
        <v>1</v>
      </c>
      <c r="DG28" s="99">
        <v>10</v>
      </c>
      <c r="DH28" s="100">
        <v>13</v>
      </c>
      <c r="DI28" s="101">
        <v>0</v>
      </c>
      <c r="DJ28" s="102">
        <v>1</v>
      </c>
      <c r="DK28" s="103">
        <v>1</v>
      </c>
      <c r="DL28" s="413">
        <v>0</v>
      </c>
      <c r="DM28" s="102">
        <v>0</v>
      </c>
      <c r="DN28" s="102">
        <v>0</v>
      </c>
      <c r="DO28" s="102">
        <v>0</v>
      </c>
      <c r="DP28" s="102">
        <v>0</v>
      </c>
      <c r="DQ28" s="102">
        <v>0</v>
      </c>
      <c r="DR28" s="103">
        <v>0</v>
      </c>
      <c r="DS28" s="104">
        <v>1</v>
      </c>
      <c r="DT28" s="101">
        <v>0</v>
      </c>
      <c r="DU28" s="102">
        <v>0</v>
      </c>
      <c r="DV28" s="103">
        <v>0</v>
      </c>
      <c r="DW28" s="413">
        <v>0</v>
      </c>
      <c r="DX28" s="102">
        <v>0</v>
      </c>
      <c r="DY28" s="102">
        <v>0</v>
      </c>
      <c r="DZ28" s="102">
        <v>0</v>
      </c>
      <c r="EA28" s="102">
        <v>0</v>
      </c>
      <c r="EB28" s="102">
        <v>0</v>
      </c>
      <c r="EC28" s="103">
        <v>0</v>
      </c>
      <c r="ED28" s="104">
        <v>0</v>
      </c>
      <c r="EE28" s="101">
        <v>0</v>
      </c>
      <c r="EF28" s="102">
        <v>0</v>
      </c>
      <c r="EG28" s="103">
        <v>0</v>
      </c>
      <c r="EH28" s="413">
        <v>0</v>
      </c>
      <c r="EI28" s="102">
        <v>0</v>
      </c>
      <c r="EJ28" s="102">
        <v>1</v>
      </c>
      <c r="EK28" s="102">
        <v>0</v>
      </c>
      <c r="EL28" s="102">
        <v>0</v>
      </c>
      <c r="EM28" s="102">
        <v>0</v>
      </c>
      <c r="EN28" s="103">
        <v>1</v>
      </c>
      <c r="EO28" s="104">
        <v>1</v>
      </c>
      <c r="EP28" s="101">
        <v>0</v>
      </c>
      <c r="EQ28" s="102">
        <v>0</v>
      </c>
      <c r="ER28" s="103">
        <v>0</v>
      </c>
      <c r="ES28" s="413">
        <v>0</v>
      </c>
      <c r="ET28" s="102">
        <v>0</v>
      </c>
      <c r="EU28" s="102">
        <v>1</v>
      </c>
      <c r="EV28" s="102">
        <v>0</v>
      </c>
      <c r="EW28" s="102">
        <v>0</v>
      </c>
      <c r="EX28" s="102">
        <v>0</v>
      </c>
      <c r="EY28" s="103">
        <v>1</v>
      </c>
      <c r="EZ28" s="104">
        <v>1</v>
      </c>
      <c r="FA28" s="101">
        <v>0</v>
      </c>
      <c r="FB28" s="102">
        <v>0</v>
      </c>
      <c r="FC28" s="103">
        <v>0</v>
      </c>
      <c r="FD28" s="413">
        <v>0</v>
      </c>
      <c r="FE28" s="102">
        <v>1</v>
      </c>
      <c r="FF28" s="102">
        <v>1</v>
      </c>
      <c r="FG28" s="102">
        <v>0</v>
      </c>
      <c r="FH28" s="102">
        <v>0</v>
      </c>
      <c r="FI28" s="102">
        <v>0</v>
      </c>
      <c r="FJ28" s="103">
        <v>2</v>
      </c>
      <c r="FK28" s="104">
        <v>2</v>
      </c>
      <c r="FL28" s="101">
        <v>2</v>
      </c>
      <c r="FM28" s="102">
        <v>0</v>
      </c>
      <c r="FN28" s="103">
        <v>2</v>
      </c>
      <c r="FO28" s="413">
        <v>0</v>
      </c>
      <c r="FP28" s="102">
        <v>4</v>
      </c>
      <c r="FQ28" s="102">
        <v>0</v>
      </c>
      <c r="FR28" s="102">
        <v>0</v>
      </c>
      <c r="FS28" s="102">
        <v>1</v>
      </c>
      <c r="FT28" s="102">
        <v>1</v>
      </c>
      <c r="FU28" s="103">
        <v>6</v>
      </c>
      <c r="FV28" s="104">
        <v>8</v>
      </c>
      <c r="FW28" s="101">
        <v>0</v>
      </c>
      <c r="FX28" s="102">
        <v>0</v>
      </c>
      <c r="FY28" s="103">
        <v>0</v>
      </c>
      <c r="FZ28" s="413">
        <v>0</v>
      </c>
      <c r="GA28" s="102">
        <v>0</v>
      </c>
      <c r="GB28" s="102">
        <v>0</v>
      </c>
      <c r="GC28" s="102">
        <v>0</v>
      </c>
      <c r="GD28" s="102">
        <v>0</v>
      </c>
      <c r="GE28" s="102">
        <v>0</v>
      </c>
      <c r="GF28" s="103">
        <v>0</v>
      </c>
      <c r="GG28" s="104">
        <v>0</v>
      </c>
      <c r="GH28" s="101">
        <v>2</v>
      </c>
      <c r="GI28" s="102">
        <v>1</v>
      </c>
      <c r="GJ28" s="103">
        <v>3</v>
      </c>
      <c r="GK28" s="413">
        <v>0</v>
      </c>
      <c r="GL28" s="102">
        <v>5</v>
      </c>
      <c r="GM28" s="102">
        <v>3</v>
      </c>
      <c r="GN28" s="102">
        <v>0</v>
      </c>
      <c r="GO28" s="102">
        <v>1</v>
      </c>
      <c r="GP28" s="102">
        <v>1</v>
      </c>
      <c r="GQ28" s="103">
        <v>10</v>
      </c>
      <c r="GR28" s="104">
        <v>13</v>
      </c>
      <c r="GS28" s="105">
        <v>18</v>
      </c>
      <c r="GT28" s="97">
        <v>29</v>
      </c>
      <c r="GU28" s="98">
        <v>47</v>
      </c>
      <c r="GV28" s="413">
        <v>0</v>
      </c>
      <c r="GW28" s="97">
        <v>30</v>
      </c>
      <c r="GX28" s="97">
        <v>22</v>
      </c>
      <c r="GY28" s="97">
        <v>13</v>
      </c>
      <c r="GZ28" s="97">
        <v>10</v>
      </c>
      <c r="HA28" s="97">
        <v>4</v>
      </c>
      <c r="HB28" s="99">
        <v>79</v>
      </c>
      <c r="HC28" s="100">
        <v>126</v>
      </c>
      <c r="HD28" s="101">
        <v>0</v>
      </c>
      <c r="HE28" s="102">
        <v>1</v>
      </c>
      <c r="HF28" s="103">
        <v>1</v>
      </c>
      <c r="HG28" s="413">
        <v>0</v>
      </c>
      <c r="HH28" s="102">
        <v>2</v>
      </c>
      <c r="HI28" s="102">
        <v>1</v>
      </c>
      <c r="HJ28" s="102">
        <v>0</v>
      </c>
      <c r="HK28" s="102">
        <v>0</v>
      </c>
      <c r="HL28" s="102">
        <v>0</v>
      </c>
      <c r="HM28" s="103">
        <v>3</v>
      </c>
      <c r="HN28" s="104">
        <v>4</v>
      </c>
      <c r="HO28" s="101">
        <v>2</v>
      </c>
      <c r="HP28" s="102">
        <v>1</v>
      </c>
      <c r="HQ28" s="103">
        <v>3</v>
      </c>
      <c r="HR28" s="413">
        <v>0</v>
      </c>
      <c r="HS28" s="102">
        <v>0</v>
      </c>
      <c r="HT28" s="102">
        <v>1</v>
      </c>
      <c r="HU28" s="102">
        <v>0</v>
      </c>
      <c r="HV28" s="102">
        <v>2</v>
      </c>
      <c r="HW28" s="102">
        <v>0</v>
      </c>
      <c r="HX28" s="103">
        <v>3</v>
      </c>
      <c r="HY28" s="104">
        <v>6</v>
      </c>
      <c r="HZ28" s="101">
        <v>1</v>
      </c>
      <c r="IA28" s="102">
        <v>1</v>
      </c>
      <c r="IB28" s="103">
        <v>2</v>
      </c>
      <c r="IC28" s="413">
        <v>0</v>
      </c>
      <c r="ID28" s="102">
        <v>1</v>
      </c>
      <c r="IE28" s="102">
        <v>3</v>
      </c>
      <c r="IF28" s="102">
        <v>2</v>
      </c>
      <c r="IG28" s="102">
        <v>1</v>
      </c>
      <c r="IH28" s="102">
        <v>0</v>
      </c>
      <c r="II28" s="103">
        <v>7</v>
      </c>
      <c r="IJ28" s="104">
        <v>9</v>
      </c>
      <c r="IK28" s="101">
        <v>4</v>
      </c>
      <c r="IL28" s="102">
        <v>15</v>
      </c>
      <c r="IM28" s="103">
        <v>19</v>
      </c>
      <c r="IN28" s="413">
        <v>0</v>
      </c>
      <c r="IO28" s="102">
        <v>10</v>
      </c>
      <c r="IP28" s="102">
        <v>5</v>
      </c>
      <c r="IQ28" s="102">
        <v>3</v>
      </c>
      <c r="IR28" s="102">
        <v>1</v>
      </c>
      <c r="IS28" s="102">
        <v>0</v>
      </c>
      <c r="IT28" s="103">
        <v>19</v>
      </c>
      <c r="IU28" s="104">
        <v>38</v>
      </c>
      <c r="IV28" s="101">
        <v>3</v>
      </c>
      <c r="IW28" s="102">
        <v>5</v>
      </c>
      <c r="IX28" s="103">
        <v>8</v>
      </c>
      <c r="IY28" s="413">
        <v>0</v>
      </c>
      <c r="IZ28" s="102">
        <v>8</v>
      </c>
      <c r="JA28" s="102">
        <v>7</v>
      </c>
      <c r="JB28" s="102">
        <v>2</v>
      </c>
      <c r="JC28" s="102">
        <v>1</v>
      </c>
      <c r="JD28" s="102">
        <v>1</v>
      </c>
      <c r="JE28" s="103">
        <v>19</v>
      </c>
      <c r="JF28" s="104">
        <v>27</v>
      </c>
      <c r="JG28" s="101">
        <v>8</v>
      </c>
      <c r="JH28" s="102">
        <v>6</v>
      </c>
      <c r="JI28" s="103">
        <v>14</v>
      </c>
      <c r="JJ28" s="413">
        <v>0</v>
      </c>
      <c r="JK28" s="102">
        <v>9</v>
      </c>
      <c r="JL28" s="102">
        <v>5</v>
      </c>
      <c r="JM28" s="102">
        <v>6</v>
      </c>
      <c r="JN28" s="102">
        <v>5</v>
      </c>
      <c r="JO28" s="102">
        <v>3</v>
      </c>
      <c r="JP28" s="103">
        <v>28</v>
      </c>
      <c r="JQ28" s="104">
        <v>42</v>
      </c>
      <c r="JR28" s="101">
        <v>0</v>
      </c>
      <c r="JS28" s="102">
        <v>0</v>
      </c>
      <c r="JT28" s="103">
        <v>0</v>
      </c>
      <c r="JU28" s="413">
        <v>0</v>
      </c>
      <c r="JV28" s="102">
        <v>0</v>
      </c>
      <c r="JW28" s="102">
        <v>0</v>
      </c>
      <c r="JX28" s="102">
        <v>0</v>
      </c>
      <c r="JY28" s="102">
        <v>0</v>
      </c>
      <c r="JZ28" s="102">
        <v>0</v>
      </c>
      <c r="KA28" s="103">
        <v>0</v>
      </c>
      <c r="KB28" s="104">
        <v>0</v>
      </c>
      <c r="KC28" s="101">
        <v>18</v>
      </c>
      <c r="KD28" s="102">
        <v>29</v>
      </c>
      <c r="KE28" s="103">
        <v>47</v>
      </c>
      <c r="KF28" s="413">
        <v>0</v>
      </c>
      <c r="KG28" s="102">
        <v>30</v>
      </c>
      <c r="KH28" s="102">
        <v>22</v>
      </c>
      <c r="KI28" s="102">
        <v>13</v>
      </c>
      <c r="KJ28" s="102">
        <v>10</v>
      </c>
      <c r="KK28" s="102">
        <v>4</v>
      </c>
      <c r="KL28" s="103">
        <v>79</v>
      </c>
      <c r="KM28" s="104">
        <v>126</v>
      </c>
    </row>
    <row r="29" spans="2:299" s="70" customFormat="1" ht="21" customHeight="1" x14ac:dyDescent="0.2">
      <c r="B29" s="106" t="s">
        <v>26</v>
      </c>
      <c r="C29" s="96">
        <v>26</v>
      </c>
      <c r="D29" s="97">
        <v>21</v>
      </c>
      <c r="E29" s="98">
        <v>47</v>
      </c>
      <c r="F29" s="413">
        <v>0</v>
      </c>
      <c r="G29" s="97">
        <v>25</v>
      </c>
      <c r="H29" s="97">
        <v>21</v>
      </c>
      <c r="I29" s="97">
        <v>20</v>
      </c>
      <c r="J29" s="97">
        <v>15</v>
      </c>
      <c r="K29" s="97">
        <v>9</v>
      </c>
      <c r="L29" s="99">
        <v>90</v>
      </c>
      <c r="M29" s="100">
        <v>137</v>
      </c>
      <c r="N29" s="101">
        <v>0</v>
      </c>
      <c r="O29" s="102">
        <v>0</v>
      </c>
      <c r="P29" s="103">
        <v>0</v>
      </c>
      <c r="Q29" s="413">
        <v>0</v>
      </c>
      <c r="R29" s="102">
        <v>0</v>
      </c>
      <c r="S29" s="102">
        <v>0</v>
      </c>
      <c r="T29" s="102">
        <v>1</v>
      </c>
      <c r="U29" s="102">
        <v>0</v>
      </c>
      <c r="V29" s="102">
        <v>0</v>
      </c>
      <c r="W29" s="103">
        <v>1</v>
      </c>
      <c r="X29" s="104">
        <v>1</v>
      </c>
      <c r="Y29" s="101">
        <v>0</v>
      </c>
      <c r="Z29" s="102">
        <v>0</v>
      </c>
      <c r="AA29" s="103">
        <v>0</v>
      </c>
      <c r="AB29" s="413">
        <v>0</v>
      </c>
      <c r="AC29" s="102">
        <v>2</v>
      </c>
      <c r="AD29" s="102">
        <v>1</v>
      </c>
      <c r="AE29" s="102">
        <v>0</v>
      </c>
      <c r="AF29" s="102">
        <v>0</v>
      </c>
      <c r="AG29" s="102">
        <v>0</v>
      </c>
      <c r="AH29" s="103">
        <v>3</v>
      </c>
      <c r="AI29" s="104">
        <v>3</v>
      </c>
      <c r="AJ29" s="101">
        <v>1</v>
      </c>
      <c r="AK29" s="102">
        <v>5</v>
      </c>
      <c r="AL29" s="103">
        <v>6</v>
      </c>
      <c r="AM29" s="413">
        <v>0</v>
      </c>
      <c r="AN29" s="102">
        <v>4</v>
      </c>
      <c r="AO29" s="102">
        <v>0</v>
      </c>
      <c r="AP29" s="102">
        <v>1</v>
      </c>
      <c r="AQ29" s="102">
        <v>0</v>
      </c>
      <c r="AR29" s="102">
        <v>1</v>
      </c>
      <c r="AS29" s="103">
        <v>6</v>
      </c>
      <c r="AT29" s="104">
        <v>12</v>
      </c>
      <c r="AU29" s="101">
        <v>7</v>
      </c>
      <c r="AV29" s="102">
        <v>6</v>
      </c>
      <c r="AW29" s="103">
        <v>13</v>
      </c>
      <c r="AX29" s="413">
        <v>0</v>
      </c>
      <c r="AY29" s="102">
        <v>3</v>
      </c>
      <c r="AZ29" s="102">
        <v>5</v>
      </c>
      <c r="BA29" s="102">
        <v>5</v>
      </c>
      <c r="BB29" s="102">
        <v>6</v>
      </c>
      <c r="BC29" s="102">
        <v>1</v>
      </c>
      <c r="BD29" s="103">
        <v>20</v>
      </c>
      <c r="BE29" s="104">
        <v>33</v>
      </c>
      <c r="BF29" s="101">
        <v>6</v>
      </c>
      <c r="BG29" s="102">
        <v>5</v>
      </c>
      <c r="BH29" s="103">
        <v>11</v>
      </c>
      <c r="BI29" s="413">
        <v>0</v>
      </c>
      <c r="BJ29" s="102">
        <v>10</v>
      </c>
      <c r="BK29" s="102">
        <v>6</v>
      </c>
      <c r="BL29" s="102">
        <v>5</v>
      </c>
      <c r="BM29" s="102">
        <v>4</v>
      </c>
      <c r="BN29" s="102">
        <v>5</v>
      </c>
      <c r="BO29" s="103">
        <v>30</v>
      </c>
      <c r="BP29" s="104">
        <v>41</v>
      </c>
      <c r="BQ29" s="101">
        <v>12</v>
      </c>
      <c r="BR29" s="102">
        <v>5</v>
      </c>
      <c r="BS29" s="103">
        <v>17</v>
      </c>
      <c r="BT29" s="413">
        <v>0</v>
      </c>
      <c r="BU29" s="102">
        <v>6</v>
      </c>
      <c r="BV29" s="102">
        <v>9</v>
      </c>
      <c r="BW29" s="102">
        <v>8</v>
      </c>
      <c r="BX29" s="102">
        <v>5</v>
      </c>
      <c r="BY29" s="102">
        <v>2</v>
      </c>
      <c r="BZ29" s="103">
        <v>30</v>
      </c>
      <c r="CA29" s="104">
        <v>47</v>
      </c>
      <c r="CB29" s="101">
        <v>0</v>
      </c>
      <c r="CC29" s="102">
        <v>0</v>
      </c>
      <c r="CD29" s="103">
        <v>0</v>
      </c>
      <c r="CE29" s="413">
        <v>0</v>
      </c>
      <c r="CF29" s="102">
        <v>0</v>
      </c>
      <c r="CG29" s="102">
        <v>0</v>
      </c>
      <c r="CH29" s="102">
        <v>0</v>
      </c>
      <c r="CI29" s="102">
        <v>0</v>
      </c>
      <c r="CJ29" s="102">
        <v>0</v>
      </c>
      <c r="CK29" s="103">
        <v>0</v>
      </c>
      <c r="CL29" s="104">
        <v>0</v>
      </c>
      <c r="CM29" s="101">
        <v>26</v>
      </c>
      <c r="CN29" s="102">
        <v>21</v>
      </c>
      <c r="CO29" s="103">
        <v>47</v>
      </c>
      <c r="CP29" s="413">
        <v>0</v>
      </c>
      <c r="CQ29" s="102">
        <v>25</v>
      </c>
      <c r="CR29" s="102">
        <v>21</v>
      </c>
      <c r="CS29" s="102">
        <v>20</v>
      </c>
      <c r="CT29" s="102">
        <v>15</v>
      </c>
      <c r="CU29" s="102">
        <v>9</v>
      </c>
      <c r="CV29" s="103">
        <v>90</v>
      </c>
      <c r="CW29" s="104">
        <v>137</v>
      </c>
      <c r="CX29" s="105">
        <v>2</v>
      </c>
      <c r="CY29" s="97">
        <v>5</v>
      </c>
      <c r="CZ29" s="98">
        <v>7</v>
      </c>
      <c r="DA29" s="413">
        <v>0</v>
      </c>
      <c r="DB29" s="97">
        <v>8</v>
      </c>
      <c r="DC29" s="97">
        <v>1</v>
      </c>
      <c r="DD29" s="97">
        <v>2</v>
      </c>
      <c r="DE29" s="97">
        <v>5</v>
      </c>
      <c r="DF29" s="97">
        <v>2</v>
      </c>
      <c r="DG29" s="99">
        <v>18</v>
      </c>
      <c r="DH29" s="100">
        <v>25</v>
      </c>
      <c r="DI29" s="101">
        <v>0</v>
      </c>
      <c r="DJ29" s="102">
        <v>2</v>
      </c>
      <c r="DK29" s="103">
        <v>2</v>
      </c>
      <c r="DL29" s="413">
        <v>0</v>
      </c>
      <c r="DM29" s="102">
        <v>0</v>
      </c>
      <c r="DN29" s="102">
        <v>0</v>
      </c>
      <c r="DO29" s="102">
        <v>0</v>
      </c>
      <c r="DP29" s="102">
        <v>0</v>
      </c>
      <c r="DQ29" s="102">
        <v>0</v>
      </c>
      <c r="DR29" s="103">
        <v>0</v>
      </c>
      <c r="DS29" s="104">
        <v>2</v>
      </c>
      <c r="DT29" s="101">
        <v>0</v>
      </c>
      <c r="DU29" s="102">
        <v>0</v>
      </c>
      <c r="DV29" s="103">
        <v>0</v>
      </c>
      <c r="DW29" s="413">
        <v>0</v>
      </c>
      <c r="DX29" s="102">
        <v>0</v>
      </c>
      <c r="DY29" s="102">
        <v>0</v>
      </c>
      <c r="DZ29" s="102">
        <v>0</v>
      </c>
      <c r="EA29" s="102">
        <v>1</v>
      </c>
      <c r="EB29" s="102">
        <v>0</v>
      </c>
      <c r="EC29" s="103">
        <v>1</v>
      </c>
      <c r="ED29" s="104">
        <v>1</v>
      </c>
      <c r="EE29" s="101">
        <v>0</v>
      </c>
      <c r="EF29" s="102">
        <v>0</v>
      </c>
      <c r="EG29" s="103">
        <v>0</v>
      </c>
      <c r="EH29" s="413">
        <v>0</v>
      </c>
      <c r="EI29" s="102">
        <v>0</v>
      </c>
      <c r="EJ29" s="102">
        <v>0</v>
      </c>
      <c r="EK29" s="102">
        <v>0</v>
      </c>
      <c r="EL29" s="102">
        <v>0</v>
      </c>
      <c r="EM29" s="102">
        <v>0</v>
      </c>
      <c r="EN29" s="103">
        <v>0</v>
      </c>
      <c r="EO29" s="104">
        <v>0</v>
      </c>
      <c r="EP29" s="101">
        <v>1</v>
      </c>
      <c r="EQ29" s="102">
        <v>1</v>
      </c>
      <c r="ER29" s="103">
        <v>2</v>
      </c>
      <c r="ES29" s="413">
        <v>0</v>
      </c>
      <c r="ET29" s="102">
        <v>2</v>
      </c>
      <c r="EU29" s="102">
        <v>0</v>
      </c>
      <c r="EV29" s="102">
        <v>0</v>
      </c>
      <c r="EW29" s="102">
        <v>2</v>
      </c>
      <c r="EX29" s="102">
        <v>0</v>
      </c>
      <c r="EY29" s="103">
        <v>4</v>
      </c>
      <c r="EZ29" s="104">
        <v>6</v>
      </c>
      <c r="FA29" s="101">
        <v>1</v>
      </c>
      <c r="FB29" s="102">
        <v>1</v>
      </c>
      <c r="FC29" s="103">
        <v>2</v>
      </c>
      <c r="FD29" s="413">
        <v>0</v>
      </c>
      <c r="FE29" s="102">
        <v>2</v>
      </c>
      <c r="FF29" s="102">
        <v>1</v>
      </c>
      <c r="FG29" s="102">
        <v>0</v>
      </c>
      <c r="FH29" s="102">
        <v>1</v>
      </c>
      <c r="FI29" s="102">
        <v>0</v>
      </c>
      <c r="FJ29" s="103">
        <v>4</v>
      </c>
      <c r="FK29" s="104">
        <v>6</v>
      </c>
      <c r="FL29" s="101">
        <v>0</v>
      </c>
      <c r="FM29" s="102">
        <v>1</v>
      </c>
      <c r="FN29" s="103">
        <v>1</v>
      </c>
      <c r="FO29" s="413">
        <v>0</v>
      </c>
      <c r="FP29" s="102">
        <v>4</v>
      </c>
      <c r="FQ29" s="102">
        <v>0</v>
      </c>
      <c r="FR29" s="102">
        <v>2</v>
      </c>
      <c r="FS29" s="102">
        <v>1</v>
      </c>
      <c r="FT29" s="102">
        <v>2</v>
      </c>
      <c r="FU29" s="103">
        <v>9</v>
      </c>
      <c r="FV29" s="104">
        <v>10</v>
      </c>
      <c r="FW29" s="101">
        <v>0</v>
      </c>
      <c r="FX29" s="102">
        <v>0</v>
      </c>
      <c r="FY29" s="103">
        <v>0</v>
      </c>
      <c r="FZ29" s="413">
        <v>0</v>
      </c>
      <c r="GA29" s="102">
        <v>0</v>
      </c>
      <c r="GB29" s="102">
        <v>0</v>
      </c>
      <c r="GC29" s="102">
        <v>0</v>
      </c>
      <c r="GD29" s="102">
        <v>0</v>
      </c>
      <c r="GE29" s="102">
        <v>0</v>
      </c>
      <c r="GF29" s="103">
        <v>0</v>
      </c>
      <c r="GG29" s="104">
        <v>0</v>
      </c>
      <c r="GH29" s="101">
        <v>2</v>
      </c>
      <c r="GI29" s="102">
        <v>5</v>
      </c>
      <c r="GJ29" s="103">
        <v>7</v>
      </c>
      <c r="GK29" s="413">
        <v>0</v>
      </c>
      <c r="GL29" s="102">
        <v>8</v>
      </c>
      <c r="GM29" s="102">
        <v>1</v>
      </c>
      <c r="GN29" s="102">
        <v>2</v>
      </c>
      <c r="GO29" s="102">
        <v>5</v>
      </c>
      <c r="GP29" s="102">
        <v>2</v>
      </c>
      <c r="GQ29" s="103">
        <v>18</v>
      </c>
      <c r="GR29" s="104">
        <v>25</v>
      </c>
      <c r="GS29" s="105">
        <v>28</v>
      </c>
      <c r="GT29" s="97">
        <v>26</v>
      </c>
      <c r="GU29" s="98">
        <v>54</v>
      </c>
      <c r="GV29" s="413">
        <v>0</v>
      </c>
      <c r="GW29" s="97">
        <v>33</v>
      </c>
      <c r="GX29" s="97">
        <v>22</v>
      </c>
      <c r="GY29" s="97">
        <v>22</v>
      </c>
      <c r="GZ29" s="97">
        <v>20</v>
      </c>
      <c r="HA29" s="97">
        <v>11</v>
      </c>
      <c r="HB29" s="99">
        <v>108</v>
      </c>
      <c r="HC29" s="100">
        <v>162</v>
      </c>
      <c r="HD29" s="101">
        <v>0</v>
      </c>
      <c r="HE29" s="102">
        <v>2</v>
      </c>
      <c r="HF29" s="103">
        <v>2</v>
      </c>
      <c r="HG29" s="413">
        <v>0</v>
      </c>
      <c r="HH29" s="102">
        <v>0</v>
      </c>
      <c r="HI29" s="102">
        <v>0</v>
      </c>
      <c r="HJ29" s="102">
        <v>1</v>
      </c>
      <c r="HK29" s="102">
        <v>0</v>
      </c>
      <c r="HL29" s="102">
        <v>0</v>
      </c>
      <c r="HM29" s="103">
        <v>1</v>
      </c>
      <c r="HN29" s="104">
        <v>3</v>
      </c>
      <c r="HO29" s="101">
        <v>0</v>
      </c>
      <c r="HP29" s="102">
        <v>0</v>
      </c>
      <c r="HQ29" s="103">
        <v>0</v>
      </c>
      <c r="HR29" s="413">
        <v>0</v>
      </c>
      <c r="HS29" s="102">
        <v>2</v>
      </c>
      <c r="HT29" s="102">
        <v>1</v>
      </c>
      <c r="HU29" s="102">
        <v>0</v>
      </c>
      <c r="HV29" s="102">
        <v>1</v>
      </c>
      <c r="HW29" s="102">
        <v>0</v>
      </c>
      <c r="HX29" s="103">
        <v>4</v>
      </c>
      <c r="HY29" s="104">
        <v>4</v>
      </c>
      <c r="HZ29" s="101">
        <v>1</v>
      </c>
      <c r="IA29" s="102">
        <v>5</v>
      </c>
      <c r="IB29" s="103">
        <v>6</v>
      </c>
      <c r="IC29" s="413">
        <v>0</v>
      </c>
      <c r="ID29" s="102">
        <v>4</v>
      </c>
      <c r="IE29" s="102">
        <v>0</v>
      </c>
      <c r="IF29" s="102">
        <v>1</v>
      </c>
      <c r="IG29" s="102">
        <v>0</v>
      </c>
      <c r="IH29" s="102">
        <v>1</v>
      </c>
      <c r="II29" s="103">
        <v>6</v>
      </c>
      <c r="IJ29" s="104">
        <v>12</v>
      </c>
      <c r="IK29" s="101">
        <v>8</v>
      </c>
      <c r="IL29" s="102">
        <v>7</v>
      </c>
      <c r="IM29" s="103">
        <v>15</v>
      </c>
      <c r="IN29" s="413">
        <v>0</v>
      </c>
      <c r="IO29" s="102">
        <v>5</v>
      </c>
      <c r="IP29" s="102">
        <v>5</v>
      </c>
      <c r="IQ29" s="102">
        <v>5</v>
      </c>
      <c r="IR29" s="102">
        <v>8</v>
      </c>
      <c r="IS29" s="102">
        <v>1</v>
      </c>
      <c r="IT29" s="103">
        <v>24</v>
      </c>
      <c r="IU29" s="104">
        <v>39</v>
      </c>
      <c r="IV29" s="101">
        <v>7</v>
      </c>
      <c r="IW29" s="102">
        <v>6</v>
      </c>
      <c r="IX29" s="103">
        <v>13</v>
      </c>
      <c r="IY29" s="413">
        <v>0</v>
      </c>
      <c r="IZ29" s="102">
        <v>12</v>
      </c>
      <c r="JA29" s="102">
        <v>7</v>
      </c>
      <c r="JB29" s="102">
        <v>5</v>
      </c>
      <c r="JC29" s="102">
        <v>5</v>
      </c>
      <c r="JD29" s="102">
        <v>5</v>
      </c>
      <c r="JE29" s="103">
        <v>34</v>
      </c>
      <c r="JF29" s="104">
        <v>47</v>
      </c>
      <c r="JG29" s="101">
        <v>12</v>
      </c>
      <c r="JH29" s="102">
        <v>6</v>
      </c>
      <c r="JI29" s="103">
        <v>18</v>
      </c>
      <c r="JJ29" s="413">
        <v>0</v>
      </c>
      <c r="JK29" s="102">
        <v>10</v>
      </c>
      <c r="JL29" s="102">
        <v>9</v>
      </c>
      <c r="JM29" s="102">
        <v>10</v>
      </c>
      <c r="JN29" s="102">
        <v>6</v>
      </c>
      <c r="JO29" s="102">
        <v>4</v>
      </c>
      <c r="JP29" s="103">
        <v>39</v>
      </c>
      <c r="JQ29" s="104">
        <v>57</v>
      </c>
      <c r="JR29" s="101">
        <v>0</v>
      </c>
      <c r="JS29" s="102">
        <v>0</v>
      </c>
      <c r="JT29" s="103">
        <v>0</v>
      </c>
      <c r="JU29" s="413">
        <v>0</v>
      </c>
      <c r="JV29" s="102">
        <v>0</v>
      </c>
      <c r="JW29" s="102">
        <v>0</v>
      </c>
      <c r="JX29" s="102">
        <v>0</v>
      </c>
      <c r="JY29" s="102">
        <v>0</v>
      </c>
      <c r="JZ29" s="102">
        <v>0</v>
      </c>
      <c r="KA29" s="103">
        <v>0</v>
      </c>
      <c r="KB29" s="104">
        <v>0</v>
      </c>
      <c r="KC29" s="101">
        <v>28</v>
      </c>
      <c r="KD29" s="102">
        <v>26</v>
      </c>
      <c r="KE29" s="103">
        <v>54</v>
      </c>
      <c r="KF29" s="413">
        <v>0</v>
      </c>
      <c r="KG29" s="102">
        <v>33</v>
      </c>
      <c r="KH29" s="102">
        <v>22</v>
      </c>
      <c r="KI29" s="102">
        <v>22</v>
      </c>
      <c r="KJ29" s="102">
        <v>20</v>
      </c>
      <c r="KK29" s="102">
        <v>11</v>
      </c>
      <c r="KL29" s="103">
        <v>108</v>
      </c>
      <c r="KM29" s="104">
        <v>162</v>
      </c>
    </row>
    <row r="30" spans="2:299" s="70" customFormat="1" ht="21" customHeight="1" x14ac:dyDescent="0.2">
      <c r="B30" s="106" t="s">
        <v>27</v>
      </c>
      <c r="C30" s="96">
        <v>29</v>
      </c>
      <c r="D30" s="97">
        <v>23</v>
      </c>
      <c r="E30" s="98">
        <v>52</v>
      </c>
      <c r="F30" s="413">
        <v>0</v>
      </c>
      <c r="G30" s="97">
        <v>18</v>
      </c>
      <c r="H30" s="97">
        <v>16</v>
      </c>
      <c r="I30" s="97">
        <v>10</v>
      </c>
      <c r="J30" s="97">
        <v>20</v>
      </c>
      <c r="K30" s="97">
        <v>9</v>
      </c>
      <c r="L30" s="99">
        <v>73</v>
      </c>
      <c r="M30" s="100">
        <v>125</v>
      </c>
      <c r="N30" s="101">
        <v>0</v>
      </c>
      <c r="O30" s="102">
        <v>2</v>
      </c>
      <c r="P30" s="103">
        <v>2</v>
      </c>
      <c r="Q30" s="413">
        <v>0</v>
      </c>
      <c r="R30" s="102">
        <v>0</v>
      </c>
      <c r="S30" s="102">
        <v>0</v>
      </c>
      <c r="T30" s="102">
        <v>0</v>
      </c>
      <c r="U30" s="102">
        <v>0</v>
      </c>
      <c r="V30" s="102">
        <v>0</v>
      </c>
      <c r="W30" s="103">
        <v>0</v>
      </c>
      <c r="X30" s="104">
        <v>2</v>
      </c>
      <c r="Y30" s="101">
        <v>1</v>
      </c>
      <c r="Z30" s="102">
        <v>0</v>
      </c>
      <c r="AA30" s="103">
        <v>1</v>
      </c>
      <c r="AB30" s="413">
        <v>0</v>
      </c>
      <c r="AC30" s="102">
        <v>1</v>
      </c>
      <c r="AD30" s="102">
        <v>0</v>
      </c>
      <c r="AE30" s="102">
        <v>1</v>
      </c>
      <c r="AF30" s="102">
        <v>0</v>
      </c>
      <c r="AG30" s="102">
        <v>1</v>
      </c>
      <c r="AH30" s="103">
        <v>3</v>
      </c>
      <c r="AI30" s="104">
        <v>4</v>
      </c>
      <c r="AJ30" s="101">
        <v>2</v>
      </c>
      <c r="AK30" s="102">
        <v>4</v>
      </c>
      <c r="AL30" s="103">
        <v>6</v>
      </c>
      <c r="AM30" s="413">
        <v>0</v>
      </c>
      <c r="AN30" s="102">
        <v>2</v>
      </c>
      <c r="AO30" s="102">
        <v>2</v>
      </c>
      <c r="AP30" s="102">
        <v>0</v>
      </c>
      <c r="AQ30" s="102">
        <v>3</v>
      </c>
      <c r="AR30" s="102">
        <v>0</v>
      </c>
      <c r="AS30" s="103">
        <v>7</v>
      </c>
      <c r="AT30" s="104">
        <v>13</v>
      </c>
      <c r="AU30" s="101">
        <v>10</v>
      </c>
      <c r="AV30" s="102">
        <v>5</v>
      </c>
      <c r="AW30" s="103">
        <v>15</v>
      </c>
      <c r="AX30" s="413">
        <v>0</v>
      </c>
      <c r="AY30" s="102">
        <v>3</v>
      </c>
      <c r="AZ30" s="102">
        <v>5</v>
      </c>
      <c r="BA30" s="102">
        <v>3</v>
      </c>
      <c r="BB30" s="102">
        <v>1</v>
      </c>
      <c r="BC30" s="102">
        <v>2</v>
      </c>
      <c r="BD30" s="103">
        <v>14</v>
      </c>
      <c r="BE30" s="104">
        <v>29</v>
      </c>
      <c r="BF30" s="101">
        <v>7</v>
      </c>
      <c r="BG30" s="102">
        <v>3</v>
      </c>
      <c r="BH30" s="103">
        <v>10</v>
      </c>
      <c r="BI30" s="413">
        <v>0</v>
      </c>
      <c r="BJ30" s="102">
        <v>6</v>
      </c>
      <c r="BK30" s="102">
        <v>3</v>
      </c>
      <c r="BL30" s="102">
        <v>6</v>
      </c>
      <c r="BM30" s="102">
        <v>4</v>
      </c>
      <c r="BN30" s="102">
        <v>2</v>
      </c>
      <c r="BO30" s="103">
        <v>21</v>
      </c>
      <c r="BP30" s="104">
        <v>31</v>
      </c>
      <c r="BQ30" s="101">
        <v>9</v>
      </c>
      <c r="BR30" s="102">
        <v>9</v>
      </c>
      <c r="BS30" s="103">
        <v>18</v>
      </c>
      <c r="BT30" s="413">
        <v>0</v>
      </c>
      <c r="BU30" s="102">
        <v>6</v>
      </c>
      <c r="BV30" s="102">
        <v>6</v>
      </c>
      <c r="BW30" s="102">
        <v>0</v>
      </c>
      <c r="BX30" s="102">
        <v>12</v>
      </c>
      <c r="BY30" s="102">
        <v>4</v>
      </c>
      <c r="BZ30" s="103">
        <v>28</v>
      </c>
      <c r="CA30" s="104">
        <v>46</v>
      </c>
      <c r="CB30" s="101">
        <v>0</v>
      </c>
      <c r="CC30" s="102">
        <v>0</v>
      </c>
      <c r="CD30" s="103">
        <v>0</v>
      </c>
      <c r="CE30" s="413">
        <v>0</v>
      </c>
      <c r="CF30" s="102">
        <v>0</v>
      </c>
      <c r="CG30" s="102">
        <v>0</v>
      </c>
      <c r="CH30" s="102">
        <v>0</v>
      </c>
      <c r="CI30" s="102">
        <v>0</v>
      </c>
      <c r="CJ30" s="102">
        <v>0</v>
      </c>
      <c r="CK30" s="103">
        <v>0</v>
      </c>
      <c r="CL30" s="104">
        <v>0</v>
      </c>
      <c r="CM30" s="101">
        <v>29</v>
      </c>
      <c r="CN30" s="102">
        <v>23</v>
      </c>
      <c r="CO30" s="103">
        <v>52</v>
      </c>
      <c r="CP30" s="413">
        <v>0</v>
      </c>
      <c r="CQ30" s="102">
        <v>18</v>
      </c>
      <c r="CR30" s="102">
        <v>16</v>
      </c>
      <c r="CS30" s="102">
        <v>10</v>
      </c>
      <c r="CT30" s="102">
        <v>20</v>
      </c>
      <c r="CU30" s="102">
        <v>9</v>
      </c>
      <c r="CV30" s="103">
        <v>73</v>
      </c>
      <c r="CW30" s="104">
        <v>125</v>
      </c>
      <c r="CX30" s="105">
        <v>4</v>
      </c>
      <c r="CY30" s="97">
        <v>4</v>
      </c>
      <c r="CZ30" s="98">
        <v>8</v>
      </c>
      <c r="DA30" s="413">
        <v>0</v>
      </c>
      <c r="DB30" s="97">
        <v>2</v>
      </c>
      <c r="DC30" s="97">
        <v>1</v>
      </c>
      <c r="DD30" s="97">
        <v>3</v>
      </c>
      <c r="DE30" s="97">
        <v>2</v>
      </c>
      <c r="DF30" s="97">
        <v>0</v>
      </c>
      <c r="DG30" s="99">
        <v>8</v>
      </c>
      <c r="DH30" s="100">
        <v>16</v>
      </c>
      <c r="DI30" s="101">
        <v>0</v>
      </c>
      <c r="DJ30" s="102">
        <v>0</v>
      </c>
      <c r="DK30" s="103">
        <v>0</v>
      </c>
      <c r="DL30" s="413">
        <v>0</v>
      </c>
      <c r="DM30" s="102">
        <v>0</v>
      </c>
      <c r="DN30" s="102">
        <v>0</v>
      </c>
      <c r="DO30" s="102">
        <v>0</v>
      </c>
      <c r="DP30" s="102">
        <v>0</v>
      </c>
      <c r="DQ30" s="102">
        <v>0</v>
      </c>
      <c r="DR30" s="103">
        <v>0</v>
      </c>
      <c r="DS30" s="104">
        <v>0</v>
      </c>
      <c r="DT30" s="101">
        <v>1</v>
      </c>
      <c r="DU30" s="102">
        <v>0</v>
      </c>
      <c r="DV30" s="103">
        <v>1</v>
      </c>
      <c r="DW30" s="413">
        <v>0</v>
      </c>
      <c r="DX30" s="102">
        <v>0</v>
      </c>
      <c r="DY30" s="102">
        <v>0</v>
      </c>
      <c r="DZ30" s="102">
        <v>0</v>
      </c>
      <c r="EA30" s="102">
        <v>0</v>
      </c>
      <c r="EB30" s="102">
        <v>0</v>
      </c>
      <c r="EC30" s="103">
        <v>0</v>
      </c>
      <c r="ED30" s="104">
        <v>1</v>
      </c>
      <c r="EE30" s="101">
        <v>0</v>
      </c>
      <c r="EF30" s="102">
        <v>0</v>
      </c>
      <c r="EG30" s="103">
        <v>0</v>
      </c>
      <c r="EH30" s="413">
        <v>0</v>
      </c>
      <c r="EI30" s="102">
        <v>0</v>
      </c>
      <c r="EJ30" s="102">
        <v>0</v>
      </c>
      <c r="EK30" s="102">
        <v>0</v>
      </c>
      <c r="EL30" s="102">
        <v>0</v>
      </c>
      <c r="EM30" s="102">
        <v>0</v>
      </c>
      <c r="EN30" s="103">
        <v>0</v>
      </c>
      <c r="EO30" s="104">
        <v>0</v>
      </c>
      <c r="EP30" s="101">
        <v>0</v>
      </c>
      <c r="EQ30" s="102">
        <v>1</v>
      </c>
      <c r="ER30" s="103">
        <v>1</v>
      </c>
      <c r="ES30" s="413">
        <v>0</v>
      </c>
      <c r="ET30" s="102">
        <v>0</v>
      </c>
      <c r="EU30" s="102">
        <v>0</v>
      </c>
      <c r="EV30" s="102">
        <v>0</v>
      </c>
      <c r="EW30" s="102">
        <v>0</v>
      </c>
      <c r="EX30" s="102">
        <v>0</v>
      </c>
      <c r="EY30" s="103">
        <v>0</v>
      </c>
      <c r="EZ30" s="104">
        <v>1</v>
      </c>
      <c r="FA30" s="101">
        <v>1</v>
      </c>
      <c r="FB30" s="102">
        <v>1</v>
      </c>
      <c r="FC30" s="103">
        <v>2</v>
      </c>
      <c r="FD30" s="413">
        <v>0</v>
      </c>
      <c r="FE30" s="102">
        <v>1</v>
      </c>
      <c r="FF30" s="102">
        <v>1</v>
      </c>
      <c r="FG30" s="102">
        <v>1</v>
      </c>
      <c r="FH30" s="102">
        <v>1</v>
      </c>
      <c r="FI30" s="102">
        <v>0</v>
      </c>
      <c r="FJ30" s="103">
        <v>4</v>
      </c>
      <c r="FK30" s="104">
        <v>6</v>
      </c>
      <c r="FL30" s="101">
        <v>2</v>
      </c>
      <c r="FM30" s="102">
        <v>2</v>
      </c>
      <c r="FN30" s="103">
        <v>4</v>
      </c>
      <c r="FO30" s="413">
        <v>0</v>
      </c>
      <c r="FP30" s="102">
        <v>1</v>
      </c>
      <c r="FQ30" s="102">
        <v>0</v>
      </c>
      <c r="FR30" s="102">
        <v>2</v>
      </c>
      <c r="FS30" s="102">
        <v>1</v>
      </c>
      <c r="FT30" s="102">
        <v>0</v>
      </c>
      <c r="FU30" s="103">
        <v>4</v>
      </c>
      <c r="FV30" s="104">
        <v>8</v>
      </c>
      <c r="FW30" s="101">
        <v>0</v>
      </c>
      <c r="FX30" s="102">
        <v>0</v>
      </c>
      <c r="FY30" s="103">
        <v>0</v>
      </c>
      <c r="FZ30" s="413">
        <v>0</v>
      </c>
      <c r="GA30" s="102">
        <v>0</v>
      </c>
      <c r="GB30" s="102">
        <v>0</v>
      </c>
      <c r="GC30" s="102">
        <v>0</v>
      </c>
      <c r="GD30" s="102">
        <v>0</v>
      </c>
      <c r="GE30" s="102">
        <v>0</v>
      </c>
      <c r="GF30" s="103">
        <v>0</v>
      </c>
      <c r="GG30" s="104">
        <v>0</v>
      </c>
      <c r="GH30" s="101">
        <v>4</v>
      </c>
      <c r="GI30" s="102">
        <v>4</v>
      </c>
      <c r="GJ30" s="103">
        <v>8</v>
      </c>
      <c r="GK30" s="413">
        <v>0</v>
      </c>
      <c r="GL30" s="102">
        <v>2</v>
      </c>
      <c r="GM30" s="102">
        <v>1</v>
      </c>
      <c r="GN30" s="102">
        <v>3</v>
      </c>
      <c r="GO30" s="102">
        <v>2</v>
      </c>
      <c r="GP30" s="102">
        <v>0</v>
      </c>
      <c r="GQ30" s="103">
        <v>8</v>
      </c>
      <c r="GR30" s="104">
        <v>16</v>
      </c>
      <c r="GS30" s="105">
        <v>33</v>
      </c>
      <c r="GT30" s="97">
        <v>27</v>
      </c>
      <c r="GU30" s="98">
        <v>60</v>
      </c>
      <c r="GV30" s="413">
        <v>0</v>
      </c>
      <c r="GW30" s="97">
        <v>20</v>
      </c>
      <c r="GX30" s="97">
        <v>17</v>
      </c>
      <c r="GY30" s="97">
        <v>13</v>
      </c>
      <c r="GZ30" s="97">
        <v>22</v>
      </c>
      <c r="HA30" s="97">
        <v>9</v>
      </c>
      <c r="HB30" s="99">
        <v>81</v>
      </c>
      <c r="HC30" s="100">
        <v>141</v>
      </c>
      <c r="HD30" s="101">
        <v>0</v>
      </c>
      <c r="HE30" s="102">
        <v>2</v>
      </c>
      <c r="HF30" s="103">
        <v>2</v>
      </c>
      <c r="HG30" s="413">
        <v>0</v>
      </c>
      <c r="HH30" s="102">
        <v>0</v>
      </c>
      <c r="HI30" s="102">
        <v>0</v>
      </c>
      <c r="HJ30" s="102">
        <v>0</v>
      </c>
      <c r="HK30" s="102">
        <v>0</v>
      </c>
      <c r="HL30" s="102">
        <v>0</v>
      </c>
      <c r="HM30" s="103">
        <v>0</v>
      </c>
      <c r="HN30" s="104">
        <v>2</v>
      </c>
      <c r="HO30" s="101">
        <v>2</v>
      </c>
      <c r="HP30" s="102">
        <v>0</v>
      </c>
      <c r="HQ30" s="103">
        <v>2</v>
      </c>
      <c r="HR30" s="413">
        <v>0</v>
      </c>
      <c r="HS30" s="102">
        <v>1</v>
      </c>
      <c r="HT30" s="102">
        <v>0</v>
      </c>
      <c r="HU30" s="102">
        <v>1</v>
      </c>
      <c r="HV30" s="102">
        <v>0</v>
      </c>
      <c r="HW30" s="102">
        <v>1</v>
      </c>
      <c r="HX30" s="103">
        <v>3</v>
      </c>
      <c r="HY30" s="104">
        <v>5</v>
      </c>
      <c r="HZ30" s="101">
        <v>2</v>
      </c>
      <c r="IA30" s="102">
        <v>4</v>
      </c>
      <c r="IB30" s="103">
        <v>6</v>
      </c>
      <c r="IC30" s="413">
        <v>0</v>
      </c>
      <c r="ID30" s="102">
        <v>2</v>
      </c>
      <c r="IE30" s="102">
        <v>2</v>
      </c>
      <c r="IF30" s="102">
        <v>0</v>
      </c>
      <c r="IG30" s="102">
        <v>3</v>
      </c>
      <c r="IH30" s="102">
        <v>0</v>
      </c>
      <c r="II30" s="103">
        <v>7</v>
      </c>
      <c r="IJ30" s="104">
        <v>13</v>
      </c>
      <c r="IK30" s="101">
        <v>10</v>
      </c>
      <c r="IL30" s="102">
        <v>6</v>
      </c>
      <c r="IM30" s="103">
        <v>16</v>
      </c>
      <c r="IN30" s="413">
        <v>0</v>
      </c>
      <c r="IO30" s="102">
        <v>3</v>
      </c>
      <c r="IP30" s="102">
        <v>5</v>
      </c>
      <c r="IQ30" s="102">
        <v>3</v>
      </c>
      <c r="IR30" s="102">
        <v>1</v>
      </c>
      <c r="IS30" s="102">
        <v>2</v>
      </c>
      <c r="IT30" s="103">
        <v>14</v>
      </c>
      <c r="IU30" s="104">
        <v>30</v>
      </c>
      <c r="IV30" s="101">
        <v>8</v>
      </c>
      <c r="IW30" s="102">
        <v>4</v>
      </c>
      <c r="IX30" s="103">
        <v>12</v>
      </c>
      <c r="IY30" s="413">
        <v>0</v>
      </c>
      <c r="IZ30" s="102">
        <v>7</v>
      </c>
      <c r="JA30" s="102">
        <v>4</v>
      </c>
      <c r="JB30" s="102">
        <v>7</v>
      </c>
      <c r="JC30" s="102">
        <v>5</v>
      </c>
      <c r="JD30" s="102">
        <v>2</v>
      </c>
      <c r="JE30" s="103">
        <v>25</v>
      </c>
      <c r="JF30" s="104">
        <v>37</v>
      </c>
      <c r="JG30" s="101">
        <v>11</v>
      </c>
      <c r="JH30" s="102">
        <v>11</v>
      </c>
      <c r="JI30" s="103">
        <v>22</v>
      </c>
      <c r="JJ30" s="413">
        <v>0</v>
      </c>
      <c r="JK30" s="102">
        <v>7</v>
      </c>
      <c r="JL30" s="102">
        <v>6</v>
      </c>
      <c r="JM30" s="102">
        <v>2</v>
      </c>
      <c r="JN30" s="102">
        <v>13</v>
      </c>
      <c r="JO30" s="102">
        <v>4</v>
      </c>
      <c r="JP30" s="103">
        <v>32</v>
      </c>
      <c r="JQ30" s="104">
        <v>54</v>
      </c>
      <c r="JR30" s="101">
        <v>0</v>
      </c>
      <c r="JS30" s="102">
        <v>0</v>
      </c>
      <c r="JT30" s="103">
        <v>0</v>
      </c>
      <c r="JU30" s="413">
        <v>0</v>
      </c>
      <c r="JV30" s="102">
        <v>0</v>
      </c>
      <c r="JW30" s="102">
        <v>0</v>
      </c>
      <c r="JX30" s="102">
        <v>0</v>
      </c>
      <c r="JY30" s="102">
        <v>0</v>
      </c>
      <c r="JZ30" s="102">
        <v>0</v>
      </c>
      <c r="KA30" s="103">
        <v>0</v>
      </c>
      <c r="KB30" s="104">
        <v>0</v>
      </c>
      <c r="KC30" s="101">
        <v>33</v>
      </c>
      <c r="KD30" s="102">
        <v>27</v>
      </c>
      <c r="KE30" s="103">
        <v>60</v>
      </c>
      <c r="KF30" s="413">
        <v>0</v>
      </c>
      <c r="KG30" s="102">
        <v>20</v>
      </c>
      <c r="KH30" s="102">
        <v>17</v>
      </c>
      <c r="KI30" s="102">
        <v>13</v>
      </c>
      <c r="KJ30" s="102">
        <v>22</v>
      </c>
      <c r="KK30" s="102">
        <v>9</v>
      </c>
      <c r="KL30" s="103">
        <v>81</v>
      </c>
      <c r="KM30" s="104">
        <v>141</v>
      </c>
    </row>
    <row r="31" spans="2:299" s="70" customFormat="1" ht="21" customHeight="1" x14ac:dyDescent="0.2">
      <c r="B31" s="106" t="s">
        <v>28</v>
      </c>
      <c r="C31" s="96">
        <v>1</v>
      </c>
      <c r="D31" s="97">
        <v>6</v>
      </c>
      <c r="E31" s="98">
        <v>7</v>
      </c>
      <c r="F31" s="413">
        <v>0</v>
      </c>
      <c r="G31" s="97">
        <v>15</v>
      </c>
      <c r="H31" s="97">
        <v>6</v>
      </c>
      <c r="I31" s="97">
        <v>3</v>
      </c>
      <c r="J31" s="97">
        <v>2</v>
      </c>
      <c r="K31" s="97">
        <v>2</v>
      </c>
      <c r="L31" s="99">
        <v>28</v>
      </c>
      <c r="M31" s="100">
        <v>35</v>
      </c>
      <c r="N31" s="101">
        <v>0</v>
      </c>
      <c r="O31" s="102">
        <v>0</v>
      </c>
      <c r="P31" s="103">
        <v>0</v>
      </c>
      <c r="Q31" s="413">
        <v>0</v>
      </c>
      <c r="R31" s="102">
        <v>0</v>
      </c>
      <c r="S31" s="102">
        <v>0</v>
      </c>
      <c r="T31" s="102">
        <v>0</v>
      </c>
      <c r="U31" s="102">
        <v>0</v>
      </c>
      <c r="V31" s="102">
        <v>0</v>
      </c>
      <c r="W31" s="103">
        <v>0</v>
      </c>
      <c r="X31" s="104">
        <v>0</v>
      </c>
      <c r="Y31" s="101">
        <v>0</v>
      </c>
      <c r="Z31" s="102">
        <v>0</v>
      </c>
      <c r="AA31" s="103">
        <v>0</v>
      </c>
      <c r="AB31" s="413">
        <v>0</v>
      </c>
      <c r="AC31" s="102">
        <v>0</v>
      </c>
      <c r="AD31" s="102">
        <v>0</v>
      </c>
      <c r="AE31" s="102">
        <v>0</v>
      </c>
      <c r="AF31" s="102">
        <v>0</v>
      </c>
      <c r="AG31" s="102">
        <v>0</v>
      </c>
      <c r="AH31" s="103">
        <v>0</v>
      </c>
      <c r="AI31" s="104">
        <v>0</v>
      </c>
      <c r="AJ31" s="101">
        <v>0</v>
      </c>
      <c r="AK31" s="102">
        <v>2</v>
      </c>
      <c r="AL31" s="103">
        <v>2</v>
      </c>
      <c r="AM31" s="413">
        <v>0</v>
      </c>
      <c r="AN31" s="102">
        <v>4</v>
      </c>
      <c r="AO31" s="102">
        <v>1</v>
      </c>
      <c r="AP31" s="102">
        <v>0</v>
      </c>
      <c r="AQ31" s="102">
        <v>0</v>
      </c>
      <c r="AR31" s="102">
        <v>1</v>
      </c>
      <c r="AS31" s="103">
        <v>6</v>
      </c>
      <c r="AT31" s="104">
        <v>8</v>
      </c>
      <c r="AU31" s="101">
        <v>0</v>
      </c>
      <c r="AV31" s="102">
        <v>2</v>
      </c>
      <c r="AW31" s="103">
        <v>2</v>
      </c>
      <c r="AX31" s="413">
        <v>0</v>
      </c>
      <c r="AY31" s="102">
        <v>4</v>
      </c>
      <c r="AZ31" s="102">
        <v>1</v>
      </c>
      <c r="BA31" s="102">
        <v>0</v>
      </c>
      <c r="BB31" s="102">
        <v>0</v>
      </c>
      <c r="BC31" s="102">
        <v>0</v>
      </c>
      <c r="BD31" s="103">
        <v>5</v>
      </c>
      <c r="BE31" s="104">
        <v>7</v>
      </c>
      <c r="BF31" s="101">
        <v>1</v>
      </c>
      <c r="BG31" s="102">
        <v>2</v>
      </c>
      <c r="BH31" s="103">
        <v>3</v>
      </c>
      <c r="BI31" s="413">
        <v>0</v>
      </c>
      <c r="BJ31" s="102">
        <v>4</v>
      </c>
      <c r="BK31" s="102">
        <v>3</v>
      </c>
      <c r="BL31" s="102">
        <v>0</v>
      </c>
      <c r="BM31" s="102">
        <v>0</v>
      </c>
      <c r="BN31" s="102">
        <v>0</v>
      </c>
      <c r="BO31" s="103">
        <v>7</v>
      </c>
      <c r="BP31" s="104">
        <v>10</v>
      </c>
      <c r="BQ31" s="101">
        <v>0</v>
      </c>
      <c r="BR31" s="102">
        <v>0</v>
      </c>
      <c r="BS31" s="103">
        <v>0</v>
      </c>
      <c r="BT31" s="413">
        <v>0</v>
      </c>
      <c r="BU31" s="102">
        <v>3</v>
      </c>
      <c r="BV31" s="102">
        <v>1</v>
      </c>
      <c r="BW31" s="102">
        <v>3</v>
      </c>
      <c r="BX31" s="102">
        <v>2</v>
      </c>
      <c r="BY31" s="102">
        <v>1</v>
      </c>
      <c r="BZ31" s="103">
        <v>10</v>
      </c>
      <c r="CA31" s="104">
        <v>10</v>
      </c>
      <c r="CB31" s="101">
        <v>0</v>
      </c>
      <c r="CC31" s="102">
        <v>0</v>
      </c>
      <c r="CD31" s="103">
        <v>0</v>
      </c>
      <c r="CE31" s="413">
        <v>0</v>
      </c>
      <c r="CF31" s="102">
        <v>0</v>
      </c>
      <c r="CG31" s="102">
        <v>0</v>
      </c>
      <c r="CH31" s="102">
        <v>0</v>
      </c>
      <c r="CI31" s="102">
        <v>0</v>
      </c>
      <c r="CJ31" s="102">
        <v>0</v>
      </c>
      <c r="CK31" s="103">
        <v>0</v>
      </c>
      <c r="CL31" s="104">
        <v>0</v>
      </c>
      <c r="CM31" s="101">
        <v>1</v>
      </c>
      <c r="CN31" s="102">
        <v>6</v>
      </c>
      <c r="CO31" s="103">
        <v>7</v>
      </c>
      <c r="CP31" s="413">
        <v>0</v>
      </c>
      <c r="CQ31" s="102">
        <v>15</v>
      </c>
      <c r="CR31" s="102">
        <v>6</v>
      </c>
      <c r="CS31" s="102">
        <v>3</v>
      </c>
      <c r="CT31" s="102">
        <v>2</v>
      </c>
      <c r="CU31" s="102">
        <v>2</v>
      </c>
      <c r="CV31" s="103">
        <v>28</v>
      </c>
      <c r="CW31" s="104">
        <v>35</v>
      </c>
      <c r="CX31" s="105">
        <v>0</v>
      </c>
      <c r="CY31" s="97">
        <v>0</v>
      </c>
      <c r="CZ31" s="98">
        <v>0</v>
      </c>
      <c r="DA31" s="413">
        <v>0</v>
      </c>
      <c r="DB31" s="97">
        <v>1</v>
      </c>
      <c r="DC31" s="97">
        <v>1</v>
      </c>
      <c r="DD31" s="97">
        <v>0</v>
      </c>
      <c r="DE31" s="97">
        <v>1</v>
      </c>
      <c r="DF31" s="97">
        <v>1</v>
      </c>
      <c r="DG31" s="99">
        <v>4</v>
      </c>
      <c r="DH31" s="100">
        <v>4</v>
      </c>
      <c r="DI31" s="101">
        <v>0</v>
      </c>
      <c r="DJ31" s="102">
        <v>0</v>
      </c>
      <c r="DK31" s="103">
        <v>0</v>
      </c>
      <c r="DL31" s="413">
        <v>0</v>
      </c>
      <c r="DM31" s="102">
        <v>0</v>
      </c>
      <c r="DN31" s="102">
        <v>0</v>
      </c>
      <c r="DO31" s="102">
        <v>0</v>
      </c>
      <c r="DP31" s="102">
        <v>0</v>
      </c>
      <c r="DQ31" s="102">
        <v>0</v>
      </c>
      <c r="DR31" s="103">
        <v>0</v>
      </c>
      <c r="DS31" s="104">
        <v>0</v>
      </c>
      <c r="DT31" s="101">
        <v>0</v>
      </c>
      <c r="DU31" s="102">
        <v>0</v>
      </c>
      <c r="DV31" s="103">
        <v>0</v>
      </c>
      <c r="DW31" s="413">
        <v>0</v>
      </c>
      <c r="DX31" s="102">
        <v>0</v>
      </c>
      <c r="DY31" s="102">
        <v>0</v>
      </c>
      <c r="DZ31" s="102">
        <v>0</v>
      </c>
      <c r="EA31" s="102">
        <v>0</v>
      </c>
      <c r="EB31" s="102">
        <v>0</v>
      </c>
      <c r="EC31" s="103">
        <v>0</v>
      </c>
      <c r="ED31" s="104">
        <v>0</v>
      </c>
      <c r="EE31" s="101">
        <v>0</v>
      </c>
      <c r="EF31" s="102">
        <v>0</v>
      </c>
      <c r="EG31" s="103">
        <v>0</v>
      </c>
      <c r="EH31" s="413">
        <v>0</v>
      </c>
      <c r="EI31" s="102">
        <v>0</v>
      </c>
      <c r="EJ31" s="102">
        <v>0</v>
      </c>
      <c r="EK31" s="102">
        <v>0</v>
      </c>
      <c r="EL31" s="102">
        <v>0</v>
      </c>
      <c r="EM31" s="102">
        <v>0</v>
      </c>
      <c r="EN31" s="103">
        <v>0</v>
      </c>
      <c r="EO31" s="104">
        <v>0</v>
      </c>
      <c r="EP31" s="101">
        <v>0</v>
      </c>
      <c r="EQ31" s="102">
        <v>0</v>
      </c>
      <c r="ER31" s="103">
        <v>0</v>
      </c>
      <c r="ES31" s="413">
        <v>0</v>
      </c>
      <c r="ET31" s="102">
        <v>0</v>
      </c>
      <c r="EU31" s="102">
        <v>0</v>
      </c>
      <c r="EV31" s="102">
        <v>0</v>
      </c>
      <c r="EW31" s="102">
        <v>0</v>
      </c>
      <c r="EX31" s="102">
        <v>0</v>
      </c>
      <c r="EY31" s="103">
        <v>0</v>
      </c>
      <c r="EZ31" s="104">
        <v>0</v>
      </c>
      <c r="FA31" s="101">
        <v>0</v>
      </c>
      <c r="FB31" s="102">
        <v>0</v>
      </c>
      <c r="FC31" s="103">
        <v>0</v>
      </c>
      <c r="FD31" s="413">
        <v>0</v>
      </c>
      <c r="FE31" s="102">
        <v>1</v>
      </c>
      <c r="FF31" s="102">
        <v>1</v>
      </c>
      <c r="FG31" s="102">
        <v>0</v>
      </c>
      <c r="FH31" s="102">
        <v>0</v>
      </c>
      <c r="FI31" s="102">
        <v>0</v>
      </c>
      <c r="FJ31" s="103">
        <v>2</v>
      </c>
      <c r="FK31" s="104">
        <v>2</v>
      </c>
      <c r="FL31" s="101">
        <v>0</v>
      </c>
      <c r="FM31" s="102">
        <v>0</v>
      </c>
      <c r="FN31" s="103">
        <v>0</v>
      </c>
      <c r="FO31" s="413">
        <v>0</v>
      </c>
      <c r="FP31" s="102">
        <v>0</v>
      </c>
      <c r="FQ31" s="102">
        <v>0</v>
      </c>
      <c r="FR31" s="102">
        <v>0</v>
      </c>
      <c r="FS31" s="102">
        <v>1</v>
      </c>
      <c r="FT31" s="102">
        <v>1</v>
      </c>
      <c r="FU31" s="103">
        <v>2</v>
      </c>
      <c r="FV31" s="104">
        <v>2</v>
      </c>
      <c r="FW31" s="101">
        <v>0</v>
      </c>
      <c r="FX31" s="102">
        <v>0</v>
      </c>
      <c r="FY31" s="103">
        <v>0</v>
      </c>
      <c r="FZ31" s="413">
        <v>0</v>
      </c>
      <c r="GA31" s="102">
        <v>0</v>
      </c>
      <c r="GB31" s="102">
        <v>0</v>
      </c>
      <c r="GC31" s="102">
        <v>0</v>
      </c>
      <c r="GD31" s="102">
        <v>0</v>
      </c>
      <c r="GE31" s="102">
        <v>0</v>
      </c>
      <c r="GF31" s="103">
        <v>0</v>
      </c>
      <c r="GG31" s="104">
        <v>0</v>
      </c>
      <c r="GH31" s="101">
        <v>0</v>
      </c>
      <c r="GI31" s="102">
        <v>0</v>
      </c>
      <c r="GJ31" s="103">
        <v>0</v>
      </c>
      <c r="GK31" s="413">
        <v>0</v>
      </c>
      <c r="GL31" s="102">
        <v>1</v>
      </c>
      <c r="GM31" s="102">
        <v>1</v>
      </c>
      <c r="GN31" s="102">
        <v>0</v>
      </c>
      <c r="GO31" s="102">
        <v>1</v>
      </c>
      <c r="GP31" s="102">
        <v>1</v>
      </c>
      <c r="GQ31" s="103">
        <v>4</v>
      </c>
      <c r="GR31" s="104">
        <v>4</v>
      </c>
      <c r="GS31" s="105">
        <v>1</v>
      </c>
      <c r="GT31" s="97">
        <v>6</v>
      </c>
      <c r="GU31" s="98">
        <v>7</v>
      </c>
      <c r="GV31" s="413">
        <v>0</v>
      </c>
      <c r="GW31" s="97">
        <v>16</v>
      </c>
      <c r="GX31" s="97">
        <v>7</v>
      </c>
      <c r="GY31" s="97">
        <v>3</v>
      </c>
      <c r="GZ31" s="97">
        <v>3</v>
      </c>
      <c r="HA31" s="97">
        <v>3</v>
      </c>
      <c r="HB31" s="99">
        <v>32</v>
      </c>
      <c r="HC31" s="100">
        <v>39</v>
      </c>
      <c r="HD31" s="101">
        <v>0</v>
      </c>
      <c r="HE31" s="102">
        <v>0</v>
      </c>
      <c r="HF31" s="103">
        <v>0</v>
      </c>
      <c r="HG31" s="413">
        <v>0</v>
      </c>
      <c r="HH31" s="102">
        <v>0</v>
      </c>
      <c r="HI31" s="102">
        <v>0</v>
      </c>
      <c r="HJ31" s="102">
        <v>0</v>
      </c>
      <c r="HK31" s="102">
        <v>0</v>
      </c>
      <c r="HL31" s="102">
        <v>0</v>
      </c>
      <c r="HM31" s="103">
        <v>0</v>
      </c>
      <c r="HN31" s="104">
        <v>0</v>
      </c>
      <c r="HO31" s="101">
        <v>0</v>
      </c>
      <c r="HP31" s="102">
        <v>0</v>
      </c>
      <c r="HQ31" s="103">
        <v>0</v>
      </c>
      <c r="HR31" s="413">
        <v>0</v>
      </c>
      <c r="HS31" s="102">
        <v>0</v>
      </c>
      <c r="HT31" s="102">
        <v>0</v>
      </c>
      <c r="HU31" s="102">
        <v>0</v>
      </c>
      <c r="HV31" s="102">
        <v>0</v>
      </c>
      <c r="HW31" s="102">
        <v>0</v>
      </c>
      <c r="HX31" s="103">
        <v>0</v>
      </c>
      <c r="HY31" s="104">
        <v>0</v>
      </c>
      <c r="HZ31" s="101">
        <v>0</v>
      </c>
      <c r="IA31" s="102">
        <v>2</v>
      </c>
      <c r="IB31" s="103">
        <v>2</v>
      </c>
      <c r="IC31" s="413">
        <v>0</v>
      </c>
      <c r="ID31" s="102">
        <v>4</v>
      </c>
      <c r="IE31" s="102">
        <v>1</v>
      </c>
      <c r="IF31" s="102">
        <v>0</v>
      </c>
      <c r="IG31" s="102">
        <v>0</v>
      </c>
      <c r="IH31" s="102">
        <v>1</v>
      </c>
      <c r="II31" s="103">
        <v>6</v>
      </c>
      <c r="IJ31" s="104">
        <v>8</v>
      </c>
      <c r="IK31" s="101">
        <v>0</v>
      </c>
      <c r="IL31" s="102">
        <v>2</v>
      </c>
      <c r="IM31" s="103">
        <v>2</v>
      </c>
      <c r="IN31" s="413">
        <v>0</v>
      </c>
      <c r="IO31" s="102">
        <v>4</v>
      </c>
      <c r="IP31" s="102">
        <v>1</v>
      </c>
      <c r="IQ31" s="102">
        <v>0</v>
      </c>
      <c r="IR31" s="102">
        <v>0</v>
      </c>
      <c r="IS31" s="102">
        <v>0</v>
      </c>
      <c r="IT31" s="103">
        <v>5</v>
      </c>
      <c r="IU31" s="104">
        <v>7</v>
      </c>
      <c r="IV31" s="101">
        <v>1</v>
      </c>
      <c r="IW31" s="102">
        <v>2</v>
      </c>
      <c r="IX31" s="103">
        <v>3</v>
      </c>
      <c r="IY31" s="413">
        <v>0</v>
      </c>
      <c r="IZ31" s="102">
        <v>5</v>
      </c>
      <c r="JA31" s="102">
        <v>4</v>
      </c>
      <c r="JB31" s="102">
        <v>0</v>
      </c>
      <c r="JC31" s="102">
        <v>0</v>
      </c>
      <c r="JD31" s="102">
        <v>0</v>
      </c>
      <c r="JE31" s="103">
        <v>9</v>
      </c>
      <c r="JF31" s="104">
        <v>12</v>
      </c>
      <c r="JG31" s="101">
        <v>0</v>
      </c>
      <c r="JH31" s="102">
        <v>0</v>
      </c>
      <c r="JI31" s="103">
        <v>0</v>
      </c>
      <c r="JJ31" s="413">
        <v>0</v>
      </c>
      <c r="JK31" s="102">
        <v>3</v>
      </c>
      <c r="JL31" s="102">
        <v>1</v>
      </c>
      <c r="JM31" s="102">
        <v>3</v>
      </c>
      <c r="JN31" s="102">
        <v>3</v>
      </c>
      <c r="JO31" s="102">
        <v>2</v>
      </c>
      <c r="JP31" s="103">
        <v>12</v>
      </c>
      <c r="JQ31" s="104">
        <v>12</v>
      </c>
      <c r="JR31" s="101">
        <v>0</v>
      </c>
      <c r="JS31" s="102">
        <v>0</v>
      </c>
      <c r="JT31" s="103">
        <v>0</v>
      </c>
      <c r="JU31" s="413">
        <v>0</v>
      </c>
      <c r="JV31" s="102">
        <v>0</v>
      </c>
      <c r="JW31" s="102">
        <v>0</v>
      </c>
      <c r="JX31" s="102">
        <v>0</v>
      </c>
      <c r="JY31" s="102">
        <v>0</v>
      </c>
      <c r="JZ31" s="102">
        <v>0</v>
      </c>
      <c r="KA31" s="103">
        <v>0</v>
      </c>
      <c r="KB31" s="104">
        <v>0</v>
      </c>
      <c r="KC31" s="101">
        <v>1</v>
      </c>
      <c r="KD31" s="102">
        <v>6</v>
      </c>
      <c r="KE31" s="103">
        <v>7</v>
      </c>
      <c r="KF31" s="413">
        <v>0</v>
      </c>
      <c r="KG31" s="102">
        <v>16</v>
      </c>
      <c r="KH31" s="102">
        <v>7</v>
      </c>
      <c r="KI31" s="102">
        <v>3</v>
      </c>
      <c r="KJ31" s="102">
        <v>3</v>
      </c>
      <c r="KK31" s="102">
        <v>3</v>
      </c>
      <c r="KL31" s="103">
        <v>32</v>
      </c>
      <c r="KM31" s="104">
        <v>39</v>
      </c>
    </row>
    <row r="32" spans="2:299" s="70" customFormat="1" ht="21" customHeight="1" x14ac:dyDescent="0.2">
      <c r="B32" s="106" t="s">
        <v>29</v>
      </c>
      <c r="C32" s="96">
        <v>2</v>
      </c>
      <c r="D32" s="97">
        <v>5</v>
      </c>
      <c r="E32" s="98">
        <v>7</v>
      </c>
      <c r="F32" s="413">
        <v>0</v>
      </c>
      <c r="G32" s="97">
        <v>6</v>
      </c>
      <c r="H32" s="97">
        <v>5</v>
      </c>
      <c r="I32" s="97">
        <v>7</v>
      </c>
      <c r="J32" s="97">
        <v>3</v>
      </c>
      <c r="K32" s="97">
        <v>2</v>
      </c>
      <c r="L32" s="99">
        <v>23</v>
      </c>
      <c r="M32" s="100">
        <v>30</v>
      </c>
      <c r="N32" s="101">
        <v>0</v>
      </c>
      <c r="O32" s="102">
        <v>1</v>
      </c>
      <c r="P32" s="103">
        <v>1</v>
      </c>
      <c r="Q32" s="413">
        <v>0</v>
      </c>
      <c r="R32" s="102">
        <v>1</v>
      </c>
      <c r="S32" s="102">
        <v>1</v>
      </c>
      <c r="T32" s="102">
        <v>0</v>
      </c>
      <c r="U32" s="102">
        <v>0</v>
      </c>
      <c r="V32" s="102">
        <v>0</v>
      </c>
      <c r="W32" s="103">
        <v>2</v>
      </c>
      <c r="X32" s="104">
        <v>3</v>
      </c>
      <c r="Y32" s="101">
        <v>0</v>
      </c>
      <c r="Z32" s="102">
        <v>0</v>
      </c>
      <c r="AA32" s="103">
        <v>0</v>
      </c>
      <c r="AB32" s="413">
        <v>0</v>
      </c>
      <c r="AC32" s="102">
        <v>0</v>
      </c>
      <c r="AD32" s="102">
        <v>1</v>
      </c>
      <c r="AE32" s="102">
        <v>1</v>
      </c>
      <c r="AF32" s="102">
        <v>0</v>
      </c>
      <c r="AG32" s="102">
        <v>0</v>
      </c>
      <c r="AH32" s="103">
        <v>2</v>
      </c>
      <c r="AI32" s="104">
        <v>2</v>
      </c>
      <c r="AJ32" s="101">
        <v>1</v>
      </c>
      <c r="AK32" s="102">
        <v>0</v>
      </c>
      <c r="AL32" s="103">
        <v>1</v>
      </c>
      <c r="AM32" s="413">
        <v>0</v>
      </c>
      <c r="AN32" s="102">
        <v>2</v>
      </c>
      <c r="AO32" s="102">
        <v>0</v>
      </c>
      <c r="AP32" s="102">
        <v>0</v>
      </c>
      <c r="AQ32" s="102">
        <v>0</v>
      </c>
      <c r="AR32" s="102">
        <v>1</v>
      </c>
      <c r="AS32" s="103">
        <v>3</v>
      </c>
      <c r="AT32" s="104">
        <v>4</v>
      </c>
      <c r="AU32" s="101">
        <v>0</v>
      </c>
      <c r="AV32" s="102">
        <v>3</v>
      </c>
      <c r="AW32" s="103">
        <v>3</v>
      </c>
      <c r="AX32" s="413">
        <v>0</v>
      </c>
      <c r="AY32" s="102">
        <v>2</v>
      </c>
      <c r="AZ32" s="102">
        <v>1</v>
      </c>
      <c r="BA32" s="102">
        <v>1</v>
      </c>
      <c r="BB32" s="102">
        <v>1</v>
      </c>
      <c r="BC32" s="102">
        <v>0</v>
      </c>
      <c r="BD32" s="103">
        <v>5</v>
      </c>
      <c r="BE32" s="104">
        <v>8</v>
      </c>
      <c r="BF32" s="101">
        <v>0</v>
      </c>
      <c r="BG32" s="102">
        <v>0</v>
      </c>
      <c r="BH32" s="103">
        <v>0</v>
      </c>
      <c r="BI32" s="413">
        <v>0</v>
      </c>
      <c r="BJ32" s="102">
        <v>0</v>
      </c>
      <c r="BK32" s="102">
        <v>1</v>
      </c>
      <c r="BL32" s="102">
        <v>3</v>
      </c>
      <c r="BM32" s="102">
        <v>1</v>
      </c>
      <c r="BN32" s="102">
        <v>0</v>
      </c>
      <c r="BO32" s="103">
        <v>5</v>
      </c>
      <c r="BP32" s="104">
        <v>5</v>
      </c>
      <c r="BQ32" s="101">
        <v>1</v>
      </c>
      <c r="BR32" s="102">
        <v>1</v>
      </c>
      <c r="BS32" s="103">
        <v>2</v>
      </c>
      <c r="BT32" s="413">
        <v>0</v>
      </c>
      <c r="BU32" s="102">
        <v>1</v>
      </c>
      <c r="BV32" s="102">
        <v>1</v>
      </c>
      <c r="BW32" s="102">
        <v>2</v>
      </c>
      <c r="BX32" s="102">
        <v>1</v>
      </c>
      <c r="BY32" s="102">
        <v>1</v>
      </c>
      <c r="BZ32" s="103">
        <v>6</v>
      </c>
      <c r="CA32" s="104">
        <v>8</v>
      </c>
      <c r="CB32" s="101">
        <v>0</v>
      </c>
      <c r="CC32" s="102">
        <v>0</v>
      </c>
      <c r="CD32" s="103">
        <v>0</v>
      </c>
      <c r="CE32" s="413">
        <v>0</v>
      </c>
      <c r="CF32" s="102">
        <v>0</v>
      </c>
      <c r="CG32" s="102">
        <v>0</v>
      </c>
      <c r="CH32" s="102">
        <v>0</v>
      </c>
      <c r="CI32" s="102">
        <v>0</v>
      </c>
      <c r="CJ32" s="102">
        <v>0</v>
      </c>
      <c r="CK32" s="103">
        <v>0</v>
      </c>
      <c r="CL32" s="104">
        <v>0</v>
      </c>
      <c r="CM32" s="101">
        <v>2</v>
      </c>
      <c r="CN32" s="102">
        <v>5</v>
      </c>
      <c r="CO32" s="103">
        <v>7</v>
      </c>
      <c r="CP32" s="413">
        <v>0</v>
      </c>
      <c r="CQ32" s="102">
        <v>6</v>
      </c>
      <c r="CR32" s="102">
        <v>5</v>
      </c>
      <c r="CS32" s="102">
        <v>7</v>
      </c>
      <c r="CT32" s="102">
        <v>3</v>
      </c>
      <c r="CU32" s="102">
        <v>2</v>
      </c>
      <c r="CV32" s="103">
        <v>23</v>
      </c>
      <c r="CW32" s="104">
        <v>30</v>
      </c>
      <c r="CX32" s="105">
        <v>0</v>
      </c>
      <c r="CY32" s="97">
        <v>2</v>
      </c>
      <c r="CZ32" s="98">
        <v>2</v>
      </c>
      <c r="DA32" s="413">
        <v>0</v>
      </c>
      <c r="DB32" s="97">
        <v>1</v>
      </c>
      <c r="DC32" s="97">
        <v>1</v>
      </c>
      <c r="DD32" s="97">
        <v>1</v>
      </c>
      <c r="DE32" s="97">
        <v>1</v>
      </c>
      <c r="DF32" s="97">
        <v>0</v>
      </c>
      <c r="DG32" s="99">
        <v>4</v>
      </c>
      <c r="DH32" s="100">
        <v>6</v>
      </c>
      <c r="DI32" s="101">
        <v>0</v>
      </c>
      <c r="DJ32" s="102">
        <v>0</v>
      </c>
      <c r="DK32" s="103">
        <v>0</v>
      </c>
      <c r="DL32" s="413">
        <v>0</v>
      </c>
      <c r="DM32" s="102">
        <v>0</v>
      </c>
      <c r="DN32" s="102">
        <v>0</v>
      </c>
      <c r="DO32" s="102">
        <v>0</v>
      </c>
      <c r="DP32" s="102">
        <v>0</v>
      </c>
      <c r="DQ32" s="102">
        <v>0</v>
      </c>
      <c r="DR32" s="103">
        <v>0</v>
      </c>
      <c r="DS32" s="104">
        <v>0</v>
      </c>
      <c r="DT32" s="101">
        <v>0</v>
      </c>
      <c r="DU32" s="102">
        <v>2</v>
      </c>
      <c r="DV32" s="103">
        <v>2</v>
      </c>
      <c r="DW32" s="413">
        <v>0</v>
      </c>
      <c r="DX32" s="102">
        <v>0</v>
      </c>
      <c r="DY32" s="102">
        <v>0</v>
      </c>
      <c r="DZ32" s="102">
        <v>1</v>
      </c>
      <c r="EA32" s="102">
        <v>0</v>
      </c>
      <c r="EB32" s="102">
        <v>0</v>
      </c>
      <c r="EC32" s="103">
        <v>1</v>
      </c>
      <c r="ED32" s="104">
        <v>3</v>
      </c>
      <c r="EE32" s="101">
        <v>0</v>
      </c>
      <c r="EF32" s="102">
        <v>0</v>
      </c>
      <c r="EG32" s="103">
        <v>0</v>
      </c>
      <c r="EH32" s="413">
        <v>0</v>
      </c>
      <c r="EI32" s="102">
        <v>0</v>
      </c>
      <c r="EJ32" s="102">
        <v>0</v>
      </c>
      <c r="EK32" s="102">
        <v>0</v>
      </c>
      <c r="EL32" s="102">
        <v>0</v>
      </c>
      <c r="EM32" s="102">
        <v>0</v>
      </c>
      <c r="EN32" s="103">
        <v>0</v>
      </c>
      <c r="EO32" s="104">
        <v>0</v>
      </c>
      <c r="EP32" s="101">
        <v>0</v>
      </c>
      <c r="EQ32" s="102">
        <v>0</v>
      </c>
      <c r="ER32" s="103">
        <v>0</v>
      </c>
      <c r="ES32" s="413">
        <v>0</v>
      </c>
      <c r="ET32" s="102">
        <v>0</v>
      </c>
      <c r="EU32" s="102">
        <v>1</v>
      </c>
      <c r="EV32" s="102">
        <v>0</v>
      </c>
      <c r="EW32" s="102">
        <v>0</v>
      </c>
      <c r="EX32" s="102">
        <v>0</v>
      </c>
      <c r="EY32" s="103">
        <v>1</v>
      </c>
      <c r="EZ32" s="104">
        <v>1</v>
      </c>
      <c r="FA32" s="101">
        <v>0</v>
      </c>
      <c r="FB32" s="102">
        <v>0</v>
      </c>
      <c r="FC32" s="103">
        <v>0</v>
      </c>
      <c r="FD32" s="413">
        <v>0</v>
      </c>
      <c r="FE32" s="102">
        <v>0</v>
      </c>
      <c r="FF32" s="102">
        <v>0</v>
      </c>
      <c r="FG32" s="102">
        <v>0</v>
      </c>
      <c r="FH32" s="102">
        <v>1</v>
      </c>
      <c r="FI32" s="102">
        <v>0</v>
      </c>
      <c r="FJ32" s="103">
        <v>1</v>
      </c>
      <c r="FK32" s="104">
        <v>1</v>
      </c>
      <c r="FL32" s="101">
        <v>0</v>
      </c>
      <c r="FM32" s="102">
        <v>0</v>
      </c>
      <c r="FN32" s="103">
        <v>0</v>
      </c>
      <c r="FO32" s="413">
        <v>0</v>
      </c>
      <c r="FP32" s="102">
        <v>1</v>
      </c>
      <c r="FQ32" s="102">
        <v>0</v>
      </c>
      <c r="FR32" s="102">
        <v>0</v>
      </c>
      <c r="FS32" s="102">
        <v>0</v>
      </c>
      <c r="FT32" s="102">
        <v>0</v>
      </c>
      <c r="FU32" s="103">
        <v>1</v>
      </c>
      <c r="FV32" s="104">
        <v>1</v>
      </c>
      <c r="FW32" s="101">
        <v>0</v>
      </c>
      <c r="FX32" s="102">
        <v>0</v>
      </c>
      <c r="FY32" s="103">
        <v>0</v>
      </c>
      <c r="FZ32" s="413">
        <v>0</v>
      </c>
      <c r="GA32" s="102">
        <v>0</v>
      </c>
      <c r="GB32" s="102">
        <v>0</v>
      </c>
      <c r="GC32" s="102">
        <v>0</v>
      </c>
      <c r="GD32" s="102">
        <v>0</v>
      </c>
      <c r="GE32" s="102">
        <v>0</v>
      </c>
      <c r="GF32" s="103">
        <v>0</v>
      </c>
      <c r="GG32" s="104">
        <v>0</v>
      </c>
      <c r="GH32" s="101">
        <v>0</v>
      </c>
      <c r="GI32" s="102">
        <v>2</v>
      </c>
      <c r="GJ32" s="103">
        <v>2</v>
      </c>
      <c r="GK32" s="413">
        <v>0</v>
      </c>
      <c r="GL32" s="102">
        <v>1</v>
      </c>
      <c r="GM32" s="102">
        <v>1</v>
      </c>
      <c r="GN32" s="102">
        <v>1</v>
      </c>
      <c r="GO32" s="102">
        <v>1</v>
      </c>
      <c r="GP32" s="102">
        <v>0</v>
      </c>
      <c r="GQ32" s="103">
        <v>4</v>
      </c>
      <c r="GR32" s="104">
        <v>6</v>
      </c>
      <c r="GS32" s="105">
        <v>2</v>
      </c>
      <c r="GT32" s="97">
        <v>7</v>
      </c>
      <c r="GU32" s="98">
        <v>9</v>
      </c>
      <c r="GV32" s="413">
        <v>0</v>
      </c>
      <c r="GW32" s="97">
        <v>7</v>
      </c>
      <c r="GX32" s="97">
        <v>6</v>
      </c>
      <c r="GY32" s="97">
        <v>8</v>
      </c>
      <c r="GZ32" s="97">
        <v>4</v>
      </c>
      <c r="HA32" s="97">
        <v>2</v>
      </c>
      <c r="HB32" s="99">
        <v>27</v>
      </c>
      <c r="HC32" s="100">
        <v>36</v>
      </c>
      <c r="HD32" s="101">
        <v>0</v>
      </c>
      <c r="HE32" s="102">
        <v>1</v>
      </c>
      <c r="HF32" s="103">
        <v>1</v>
      </c>
      <c r="HG32" s="413">
        <v>0</v>
      </c>
      <c r="HH32" s="102">
        <v>1</v>
      </c>
      <c r="HI32" s="102">
        <v>1</v>
      </c>
      <c r="HJ32" s="102">
        <v>0</v>
      </c>
      <c r="HK32" s="102">
        <v>0</v>
      </c>
      <c r="HL32" s="102">
        <v>0</v>
      </c>
      <c r="HM32" s="103">
        <v>2</v>
      </c>
      <c r="HN32" s="104">
        <v>3</v>
      </c>
      <c r="HO32" s="101">
        <v>0</v>
      </c>
      <c r="HP32" s="102">
        <v>2</v>
      </c>
      <c r="HQ32" s="103">
        <v>2</v>
      </c>
      <c r="HR32" s="413">
        <v>0</v>
      </c>
      <c r="HS32" s="102">
        <v>0</v>
      </c>
      <c r="HT32" s="102">
        <v>1</v>
      </c>
      <c r="HU32" s="102">
        <v>2</v>
      </c>
      <c r="HV32" s="102">
        <v>0</v>
      </c>
      <c r="HW32" s="102">
        <v>0</v>
      </c>
      <c r="HX32" s="103">
        <v>3</v>
      </c>
      <c r="HY32" s="104">
        <v>5</v>
      </c>
      <c r="HZ32" s="101">
        <v>1</v>
      </c>
      <c r="IA32" s="102">
        <v>0</v>
      </c>
      <c r="IB32" s="103">
        <v>1</v>
      </c>
      <c r="IC32" s="413">
        <v>0</v>
      </c>
      <c r="ID32" s="102">
        <v>2</v>
      </c>
      <c r="IE32" s="102">
        <v>0</v>
      </c>
      <c r="IF32" s="102">
        <v>0</v>
      </c>
      <c r="IG32" s="102">
        <v>0</v>
      </c>
      <c r="IH32" s="102">
        <v>1</v>
      </c>
      <c r="II32" s="103">
        <v>3</v>
      </c>
      <c r="IJ32" s="104">
        <v>4</v>
      </c>
      <c r="IK32" s="101">
        <v>0</v>
      </c>
      <c r="IL32" s="102">
        <v>3</v>
      </c>
      <c r="IM32" s="103">
        <v>3</v>
      </c>
      <c r="IN32" s="413">
        <v>0</v>
      </c>
      <c r="IO32" s="102">
        <v>2</v>
      </c>
      <c r="IP32" s="102">
        <v>2</v>
      </c>
      <c r="IQ32" s="102">
        <v>1</v>
      </c>
      <c r="IR32" s="102">
        <v>1</v>
      </c>
      <c r="IS32" s="102">
        <v>0</v>
      </c>
      <c r="IT32" s="103">
        <v>6</v>
      </c>
      <c r="IU32" s="104">
        <v>9</v>
      </c>
      <c r="IV32" s="101">
        <v>0</v>
      </c>
      <c r="IW32" s="102">
        <v>0</v>
      </c>
      <c r="IX32" s="103">
        <v>0</v>
      </c>
      <c r="IY32" s="413">
        <v>0</v>
      </c>
      <c r="IZ32" s="102">
        <v>0</v>
      </c>
      <c r="JA32" s="102">
        <v>1</v>
      </c>
      <c r="JB32" s="102">
        <v>3</v>
      </c>
      <c r="JC32" s="102">
        <v>2</v>
      </c>
      <c r="JD32" s="102">
        <v>0</v>
      </c>
      <c r="JE32" s="103">
        <v>6</v>
      </c>
      <c r="JF32" s="104">
        <v>6</v>
      </c>
      <c r="JG32" s="101">
        <v>1</v>
      </c>
      <c r="JH32" s="102">
        <v>1</v>
      </c>
      <c r="JI32" s="103">
        <v>2</v>
      </c>
      <c r="JJ32" s="413">
        <v>0</v>
      </c>
      <c r="JK32" s="102">
        <v>2</v>
      </c>
      <c r="JL32" s="102">
        <v>1</v>
      </c>
      <c r="JM32" s="102">
        <v>2</v>
      </c>
      <c r="JN32" s="102">
        <v>1</v>
      </c>
      <c r="JO32" s="102">
        <v>1</v>
      </c>
      <c r="JP32" s="103">
        <v>7</v>
      </c>
      <c r="JQ32" s="104">
        <v>9</v>
      </c>
      <c r="JR32" s="101">
        <v>0</v>
      </c>
      <c r="JS32" s="102">
        <v>0</v>
      </c>
      <c r="JT32" s="103">
        <v>0</v>
      </c>
      <c r="JU32" s="413">
        <v>0</v>
      </c>
      <c r="JV32" s="102">
        <v>0</v>
      </c>
      <c r="JW32" s="102">
        <v>0</v>
      </c>
      <c r="JX32" s="102">
        <v>0</v>
      </c>
      <c r="JY32" s="102">
        <v>0</v>
      </c>
      <c r="JZ32" s="102">
        <v>0</v>
      </c>
      <c r="KA32" s="103">
        <v>0</v>
      </c>
      <c r="KB32" s="104">
        <v>0</v>
      </c>
      <c r="KC32" s="101">
        <v>2</v>
      </c>
      <c r="KD32" s="102">
        <v>7</v>
      </c>
      <c r="KE32" s="103">
        <v>9</v>
      </c>
      <c r="KF32" s="413">
        <v>0</v>
      </c>
      <c r="KG32" s="102">
        <v>7</v>
      </c>
      <c r="KH32" s="102">
        <v>6</v>
      </c>
      <c r="KI32" s="102">
        <v>8</v>
      </c>
      <c r="KJ32" s="102">
        <v>4</v>
      </c>
      <c r="KK32" s="102">
        <v>2</v>
      </c>
      <c r="KL32" s="103">
        <v>27</v>
      </c>
      <c r="KM32" s="104">
        <v>36</v>
      </c>
    </row>
    <row r="33" spans="2:299" s="70" customFormat="1" ht="21" customHeight="1" x14ac:dyDescent="0.2">
      <c r="B33" s="106" t="s">
        <v>30</v>
      </c>
      <c r="C33" s="96">
        <v>4</v>
      </c>
      <c r="D33" s="97">
        <v>2</v>
      </c>
      <c r="E33" s="98">
        <v>6</v>
      </c>
      <c r="F33" s="413">
        <v>0</v>
      </c>
      <c r="G33" s="97">
        <v>5</v>
      </c>
      <c r="H33" s="97">
        <v>5</v>
      </c>
      <c r="I33" s="97">
        <v>6</v>
      </c>
      <c r="J33" s="97">
        <v>5</v>
      </c>
      <c r="K33" s="97">
        <v>2</v>
      </c>
      <c r="L33" s="99">
        <v>23</v>
      </c>
      <c r="M33" s="100">
        <v>29</v>
      </c>
      <c r="N33" s="101">
        <v>1</v>
      </c>
      <c r="O33" s="102">
        <v>0</v>
      </c>
      <c r="P33" s="103">
        <v>1</v>
      </c>
      <c r="Q33" s="413">
        <v>0</v>
      </c>
      <c r="R33" s="102">
        <v>0</v>
      </c>
      <c r="S33" s="102">
        <v>0</v>
      </c>
      <c r="T33" s="102">
        <v>0</v>
      </c>
      <c r="U33" s="102">
        <v>0</v>
      </c>
      <c r="V33" s="102">
        <v>0</v>
      </c>
      <c r="W33" s="103">
        <v>0</v>
      </c>
      <c r="X33" s="104">
        <v>1</v>
      </c>
      <c r="Y33" s="101">
        <v>0</v>
      </c>
      <c r="Z33" s="102">
        <v>0</v>
      </c>
      <c r="AA33" s="103">
        <v>0</v>
      </c>
      <c r="AB33" s="413">
        <v>0</v>
      </c>
      <c r="AC33" s="102">
        <v>0</v>
      </c>
      <c r="AD33" s="102">
        <v>0</v>
      </c>
      <c r="AE33" s="102">
        <v>0</v>
      </c>
      <c r="AF33" s="102">
        <v>1</v>
      </c>
      <c r="AG33" s="102">
        <v>0</v>
      </c>
      <c r="AH33" s="103">
        <v>1</v>
      </c>
      <c r="AI33" s="104">
        <v>1</v>
      </c>
      <c r="AJ33" s="101">
        <v>1</v>
      </c>
      <c r="AK33" s="102">
        <v>0</v>
      </c>
      <c r="AL33" s="103">
        <v>1</v>
      </c>
      <c r="AM33" s="413">
        <v>0</v>
      </c>
      <c r="AN33" s="102">
        <v>0</v>
      </c>
      <c r="AO33" s="102">
        <v>1</v>
      </c>
      <c r="AP33" s="102">
        <v>0</v>
      </c>
      <c r="AQ33" s="102">
        <v>0</v>
      </c>
      <c r="AR33" s="102">
        <v>0</v>
      </c>
      <c r="AS33" s="103">
        <v>1</v>
      </c>
      <c r="AT33" s="104">
        <v>2</v>
      </c>
      <c r="AU33" s="101">
        <v>0</v>
      </c>
      <c r="AV33" s="102">
        <v>1</v>
      </c>
      <c r="AW33" s="103">
        <v>1</v>
      </c>
      <c r="AX33" s="413">
        <v>0</v>
      </c>
      <c r="AY33" s="102">
        <v>3</v>
      </c>
      <c r="AZ33" s="102">
        <v>0</v>
      </c>
      <c r="BA33" s="102">
        <v>2</v>
      </c>
      <c r="BB33" s="102">
        <v>1</v>
      </c>
      <c r="BC33" s="102">
        <v>2</v>
      </c>
      <c r="BD33" s="103">
        <v>8</v>
      </c>
      <c r="BE33" s="104">
        <v>9</v>
      </c>
      <c r="BF33" s="101">
        <v>1</v>
      </c>
      <c r="BG33" s="102">
        <v>0</v>
      </c>
      <c r="BH33" s="103">
        <v>1</v>
      </c>
      <c r="BI33" s="413">
        <v>0</v>
      </c>
      <c r="BJ33" s="102">
        <v>1</v>
      </c>
      <c r="BK33" s="102">
        <v>1</v>
      </c>
      <c r="BL33" s="102">
        <v>0</v>
      </c>
      <c r="BM33" s="102">
        <v>0</v>
      </c>
      <c r="BN33" s="102">
        <v>0</v>
      </c>
      <c r="BO33" s="103">
        <v>2</v>
      </c>
      <c r="BP33" s="104">
        <v>3</v>
      </c>
      <c r="BQ33" s="101">
        <v>1</v>
      </c>
      <c r="BR33" s="102">
        <v>1</v>
      </c>
      <c r="BS33" s="103">
        <v>2</v>
      </c>
      <c r="BT33" s="413">
        <v>0</v>
      </c>
      <c r="BU33" s="102">
        <v>1</v>
      </c>
      <c r="BV33" s="102">
        <v>3</v>
      </c>
      <c r="BW33" s="102">
        <v>4</v>
      </c>
      <c r="BX33" s="102">
        <v>3</v>
      </c>
      <c r="BY33" s="102">
        <v>0</v>
      </c>
      <c r="BZ33" s="103">
        <v>11</v>
      </c>
      <c r="CA33" s="104">
        <v>13</v>
      </c>
      <c r="CB33" s="101">
        <v>0</v>
      </c>
      <c r="CC33" s="102">
        <v>0</v>
      </c>
      <c r="CD33" s="103">
        <v>0</v>
      </c>
      <c r="CE33" s="413">
        <v>0</v>
      </c>
      <c r="CF33" s="102">
        <v>0</v>
      </c>
      <c r="CG33" s="102">
        <v>0</v>
      </c>
      <c r="CH33" s="102">
        <v>0</v>
      </c>
      <c r="CI33" s="102">
        <v>0</v>
      </c>
      <c r="CJ33" s="102">
        <v>0</v>
      </c>
      <c r="CK33" s="103">
        <v>0</v>
      </c>
      <c r="CL33" s="104">
        <v>0</v>
      </c>
      <c r="CM33" s="101">
        <v>4</v>
      </c>
      <c r="CN33" s="102">
        <v>2</v>
      </c>
      <c r="CO33" s="103">
        <v>6</v>
      </c>
      <c r="CP33" s="413">
        <v>0</v>
      </c>
      <c r="CQ33" s="102">
        <v>5</v>
      </c>
      <c r="CR33" s="102">
        <v>5</v>
      </c>
      <c r="CS33" s="102">
        <v>6</v>
      </c>
      <c r="CT33" s="102">
        <v>5</v>
      </c>
      <c r="CU33" s="102">
        <v>2</v>
      </c>
      <c r="CV33" s="103">
        <v>23</v>
      </c>
      <c r="CW33" s="104">
        <v>29</v>
      </c>
      <c r="CX33" s="105">
        <v>0</v>
      </c>
      <c r="CY33" s="97">
        <v>0</v>
      </c>
      <c r="CZ33" s="98">
        <v>0</v>
      </c>
      <c r="DA33" s="413">
        <v>0</v>
      </c>
      <c r="DB33" s="97">
        <v>0</v>
      </c>
      <c r="DC33" s="97">
        <v>2</v>
      </c>
      <c r="DD33" s="97">
        <v>0</v>
      </c>
      <c r="DE33" s="97">
        <v>3</v>
      </c>
      <c r="DF33" s="97">
        <v>1</v>
      </c>
      <c r="DG33" s="99">
        <v>6</v>
      </c>
      <c r="DH33" s="100">
        <v>6</v>
      </c>
      <c r="DI33" s="101">
        <v>0</v>
      </c>
      <c r="DJ33" s="102">
        <v>0</v>
      </c>
      <c r="DK33" s="103">
        <v>0</v>
      </c>
      <c r="DL33" s="413">
        <v>0</v>
      </c>
      <c r="DM33" s="102">
        <v>0</v>
      </c>
      <c r="DN33" s="102">
        <v>0</v>
      </c>
      <c r="DO33" s="102">
        <v>0</v>
      </c>
      <c r="DP33" s="102">
        <v>0</v>
      </c>
      <c r="DQ33" s="102">
        <v>0</v>
      </c>
      <c r="DR33" s="103">
        <v>0</v>
      </c>
      <c r="DS33" s="104">
        <v>0</v>
      </c>
      <c r="DT33" s="101">
        <v>0</v>
      </c>
      <c r="DU33" s="102">
        <v>0</v>
      </c>
      <c r="DV33" s="103">
        <v>0</v>
      </c>
      <c r="DW33" s="413">
        <v>0</v>
      </c>
      <c r="DX33" s="102">
        <v>0</v>
      </c>
      <c r="DY33" s="102">
        <v>0</v>
      </c>
      <c r="DZ33" s="102">
        <v>0</v>
      </c>
      <c r="EA33" s="102">
        <v>0</v>
      </c>
      <c r="EB33" s="102">
        <v>0</v>
      </c>
      <c r="EC33" s="103">
        <v>0</v>
      </c>
      <c r="ED33" s="104">
        <v>0</v>
      </c>
      <c r="EE33" s="101">
        <v>0</v>
      </c>
      <c r="EF33" s="102">
        <v>0</v>
      </c>
      <c r="EG33" s="103">
        <v>0</v>
      </c>
      <c r="EH33" s="413">
        <v>0</v>
      </c>
      <c r="EI33" s="102">
        <v>0</v>
      </c>
      <c r="EJ33" s="102">
        <v>0</v>
      </c>
      <c r="EK33" s="102">
        <v>0</v>
      </c>
      <c r="EL33" s="102">
        <v>0</v>
      </c>
      <c r="EM33" s="102">
        <v>0</v>
      </c>
      <c r="EN33" s="103">
        <v>0</v>
      </c>
      <c r="EO33" s="104">
        <v>0</v>
      </c>
      <c r="EP33" s="101">
        <v>0</v>
      </c>
      <c r="EQ33" s="102">
        <v>0</v>
      </c>
      <c r="ER33" s="103">
        <v>0</v>
      </c>
      <c r="ES33" s="413">
        <v>0</v>
      </c>
      <c r="ET33" s="102">
        <v>0</v>
      </c>
      <c r="EU33" s="102">
        <v>1</v>
      </c>
      <c r="EV33" s="102">
        <v>0</v>
      </c>
      <c r="EW33" s="102">
        <v>0</v>
      </c>
      <c r="EX33" s="102">
        <v>0</v>
      </c>
      <c r="EY33" s="103">
        <v>1</v>
      </c>
      <c r="EZ33" s="104">
        <v>1</v>
      </c>
      <c r="FA33" s="101">
        <v>0</v>
      </c>
      <c r="FB33" s="102">
        <v>0</v>
      </c>
      <c r="FC33" s="103">
        <v>0</v>
      </c>
      <c r="FD33" s="413">
        <v>0</v>
      </c>
      <c r="FE33" s="102">
        <v>0</v>
      </c>
      <c r="FF33" s="102">
        <v>0</v>
      </c>
      <c r="FG33" s="102">
        <v>0</v>
      </c>
      <c r="FH33" s="102">
        <v>1</v>
      </c>
      <c r="FI33" s="102">
        <v>0</v>
      </c>
      <c r="FJ33" s="103">
        <v>1</v>
      </c>
      <c r="FK33" s="104">
        <v>1</v>
      </c>
      <c r="FL33" s="101">
        <v>0</v>
      </c>
      <c r="FM33" s="102">
        <v>0</v>
      </c>
      <c r="FN33" s="103">
        <v>0</v>
      </c>
      <c r="FO33" s="413">
        <v>0</v>
      </c>
      <c r="FP33" s="102">
        <v>0</v>
      </c>
      <c r="FQ33" s="102">
        <v>1</v>
      </c>
      <c r="FR33" s="102">
        <v>0</v>
      </c>
      <c r="FS33" s="102">
        <v>2</v>
      </c>
      <c r="FT33" s="102">
        <v>1</v>
      </c>
      <c r="FU33" s="103">
        <v>4</v>
      </c>
      <c r="FV33" s="104">
        <v>4</v>
      </c>
      <c r="FW33" s="101">
        <v>0</v>
      </c>
      <c r="FX33" s="102">
        <v>0</v>
      </c>
      <c r="FY33" s="103">
        <v>0</v>
      </c>
      <c r="FZ33" s="413">
        <v>0</v>
      </c>
      <c r="GA33" s="102">
        <v>0</v>
      </c>
      <c r="GB33" s="102">
        <v>0</v>
      </c>
      <c r="GC33" s="102">
        <v>0</v>
      </c>
      <c r="GD33" s="102">
        <v>0</v>
      </c>
      <c r="GE33" s="102">
        <v>0</v>
      </c>
      <c r="GF33" s="103">
        <v>0</v>
      </c>
      <c r="GG33" s="104">
        <v>0</v>
      </c>
      <c r="GH33" s="101">
        <v>0</v>
      </c>
      <c r="GI33" s="102">
        <v>0</v>
      </c>
      <c r="GJ33" s="103">
        <v>0</v>
      </c>
      <c r="GK33" s="413">
        <v>0</v>
      </c>
      <c r="GL33" s="102">
        <v>0</v>
      </c>
      <c r="GM33" s="102">
        <v>2</v>
      </c>
      <c r="GN33" s="102">
        <v>0</v>
      </c>
      <c r="GO33" s="102">
        <v>3</v>
      </c>
      <c r="GP33" s="102">
        <v>1</v>
      </c>
      <c r="GQ33" s="103">
        <v>6</v>
      </c>
      <c r="GR33" s="104">
        <v>6</v>
      </c>
      <c r="GS33" s="105">
        <v>4</v>
      </c>
      <c r="GT33" s="97">
        <v>2</v>
      </c>
      <c r="GU33" s="98">
        <v>6</v>
      </c>
      <c r="GV33" s="413">
        <v>0</v>
      </c>
      <c r="GW33" s="97">
        <v>5</v>
      </c>
      <c r="GX33" s="97">
        <v>7</v>
      </c>
      <c r="GY33" s="97">
        <v>6</v>
      </c>
      <c r="GZ33" s="97">
        <v>8</v>
      </c>
      <c r="HA33" s="97">
        <v>3</v>
      </c>
      <c r="HB33" s="99">
        <v>29</v>
      </c>
      <c r="HC33" s="100">
        <v>35</v>
      </c>
      <c r="HD33" s="101">
        <v>1</v>
      </c>
      <c r="HE33" s="102">
        <v>0</v>
      </c>
      <c r="HF33" s="103">
        <v>1</v>
      </c>
      <c r="HG33" s="413">
        <v>0</v>
      </c>
      <c r="HH33" s="102">
        <v>0</v>
      </c>
      <c r="HI33" s="102">
        <v>0</v>
      </c>
      <c r="HJ33" s="102">
        <v>0</v>
      </c>
      <c r="HK33" s="102">
        <v>0</v>
      </c>
      <c r="HL33" s="102">
        <v>0</v>
      </c>
      <c r="HM33" s="103">
        <v>0</v>
      </c>
      <c r="HN33" s="104">
        <v>1</v>
      </c>
      <c r="HO33" s="101">
        <v>0</v>
      </c>
      <c r="HP33" s="102">
        <v>0</v>
      </c>
      <c r="HQ33" s="103">
        <v>0</v>
      </c>
      <c r="HR33" s="413">
        <v>0</v>
      </c>
      <c r="HS33" s="102">
        <v>0</v>
      </c>
      <c r="HT33" s="102">
        <v>0</v>
      </c>
      <c r="HU33" s="102">
        <v>0</v>
      </c>
      <c r="HV33" s="102">
        <v>1</v>
      </c>
      <c r="HW33" s="102">
        <v>0</v>
      </c>
      <c r="HX33" s="103">
        <v>1</v>
      </c>
      <c r="HY33" s="104">
        <v>1</v>
      </c>
      <c r="HZ33" s="101">
        <v>1</v>
      </c>
      <c r="IA33" s="102">
        <v>0</v>
      </c>
      <c r="IB33" s="103">
        <v>1</v>
      </c>
      <c r="IC33" s="413">
        <v>0</v>
      </c>
      <c r="ID33" s="102">
        <v>0</v>
      </c>
      <c r="IE33" s="102">
        <v>1</v>
      </c>
      <c r="IF33" s="102">
        <v>0</v>
      </c>
      <c r="IG33" s="102">
        <v>0</v>
      </c>
      <c r="IH33" s="102">
        <v>0</v>
      </c>
      <c r="II33" s="103">
        <v>1</v>
      </c>
      <c r="IJ33" s="104">
        <v>2</v>
      </c>
      <c r="IK33" s="101">
        <v>0</v>
      </c>
      <c r="IL33" s="102">
        <v>1</v>
      </c>
      <c r="IM33" s="103">
        <v>1</v>
      </c>
      <c r="IN33" s="413">
        <v>0</v>
      </c>
      <c r="IO33" s="102">
        <v>3</v>
      </c>
      <c r="IP33" s="102">
        <v>1</v>
      </c>
      <c r="IQ33" s="102">
        <v>2</v>
      </c>
      <c r="IR33" s="102">
        <v>1</v>
      </c>
      <c r="IS33" s="102">
        <v>2</v>
      </c>
      <c r="IT33" s="103">
        <v>9</v>
      </c>
      <c r="IU33" s="104">
        <v>10</v>
      </c>
      <c r="IV33" s="101">
        <v>1</v>
      </c>
      <c r="IW33" s="102">
        <v>0</v>
      </c>
      <c r="IX33" s="103">
        <v>1</v>
      </c>
      <c r="IY33" s="413">
        <v>0</v>
      </c>
      <c r="IZ33" s="102">
        <v>1</v>
      </c>
      <c r="JA33" s="102">
        <v>1</v>
      </c>
      <c r="JB33" s="102">
        <v>0</v>
      </c>
      <c r="JC33" s="102">
        <v>1</v>
      </c>
      <c r="JD33" s="102">
        <v>0</v>
      </c>
      <c r="JE33" s="103">
        <v>3</v>
      </c>
      <c r="JF33" s="104">
        <v>4</v>
      </c>
      <c r="JG33" s="101">
        <v>1</v>
      </c>
      <c r="JH33" s="102">
        <v>1</v>
      </c>
      <c r="JI33" s="103">
        <v>2</v>
      </c>
      <c r="JJ33" s="413">
        <v>0</v>
      </c>
      <c r="JK33" s="102">
        <v>1</v>
      </c>
      <c r="JL33" s="102">
        <v>4</v>
      </c>
      <c r="JM33" s="102">
        <v>4</v>
      </c>
      <c r="JN33" s="102">
        <v>5</v>
      </c>
      <c r="JO33" s="102">
        <v>1</v>
      </c>
      <c r="JP33" s="103">
        <v>15</v>
      </c>
      <c r="JQ33" s="104">
        <v>17</v>
      </c>
      <c r="JR33" s="101">
        <v>0</v>
      </c>
      <c r="JS33" s="102">
        <v>0</v>
      </c>
      <c r="JT33" s="103">
        <v>0</v>
      </c>
      <c r="JU33" s="413">
        <v>0</v>
      </c>
      <c r="JV33" s="102">
        <v>0</v>
      </c>
      <c r="JW33" s="102">
        <v>0</v>
      </c>
      <c r="JX33" s="102">
        <v>0</v>
      </c>
      <c r="JY33" s="102">
        <v>0</v>
      </c>
      <c r="JZ33" s="102">
        <v>0</v>
      </c>
      <c r="KA33" s="103">
        <v>0</v>
      </c>
      <c r="KB33" s="104">
        <v>0</v>
      </c>
      <c r="KC33" s="101">
        <v>4</v>
      </c>
      <c r="KD33" s="102">
        <v>2</v>
      </c>
      <c r="KE33" s="103">
        <v>6</v>
      </c>
      <c r="KF33" s="413">
        <v>0</v>
      </c>
      <c r="KG33" s="102">
        <v>5</v>
      </c>
      <c r="KH33" s="102">
        <v>7</v>
      </c>
      <c r="KI33" s="102">
        <v>6</v>
      </c>
      <c r="KJ33" s="102">
        <v>8</v>
      </c>
      <c r="KK33" s="102">
        <v>3</v>
      </c>
      <c r="KL33" s="103">
        <v>29</v>
      </c>
      <c r="KM33" s="104">
        <v>35</v>
      </c>
    </row>
    <row r="34" spans="2:299" s="70" customFormat="1" ht="21" customHeight="1" x14ac:dyDescent="0.2">
      <c r="B34" s="106" t="s">
        <v>31</v>
      </c>
      <c r="C34" s="96">
        <v>5</v>
      </c>
      <c r="D34" s="97">
        <v>8</v>
      </c>
      <c r="E34" s="98">
        <v>13</v>
      </c>
      <c r="F34" s="413">
        <v>0</v>
      </c>
      <c r="G34" s="97">
        <v>7</v>
      </c>
      <c r="H34" s="97">
        <v>7</v>
      </c>
      <c r="I34" s="97">
        <v>4</v>
      </c>
      <c r="J34" s="97">
        <v>3</v>
      </c>
      <c r="K34" s="97">
        <v>2</v>
      </c>
      <c r="L34" s="99">
        <v>23</v>
      </c>
      <c r="M34" s="100">
        <v>36</v>
      </c>
      <c r="N34" s="101">
        <v>0</v>
      </c>
      <c r="O34" s="102">
        <v>0</v>
      </c>
      <c r="P34" s="103">
        <v>0</v>
      </c>
      <c r="Q34" s="413">
        <v>0</v>
      </c>
      <c r="R34" s="102">
        <v>0</v>
      </c>
      <c r="S34" s="102">
        <v>0</v>
      </c>
      <c r="T34" s="102">
        <v>0</v>
      </c>
      <c r="U34" s="102">
        <v>0</v>
      </c>
      <c r="V34" s="102">
        <v>0</v>
      </c>
      <c r="W34" s="103">
        <v>0</v>
      </c>
      <c r="X34" s="104">
        <v>0</v>
      </c>
      <c r="Y34" s="101">
        <v>1</v>
      </c>
      <c r="Z34" s="102">
        <v>0</v>
      </c>
      <c r="AA34" s="103">
        <v>1</v>
      </c>
      <c r="AB34" s="413">
        <v>0</v>
      </c>
      <c r="AC34" s="102">
        <v>1</v>
      </c>
      <c r="AD34" s="102">
        <v>0</v>
      </c>
      <c r="AE34" s="102">
        <v>0</v>
      </c>
      <c r="AF34" s="102">
        <v>1</v>
      </c>
      <c r="AG34" s="102">
        <v>0</v>
      </c>
      <c r="AH34" s="103">
        <v>2</v>
      </c>
      <c r="AI34" s="104">
        <v>3</v>
      </c>
      <c r="AJ34" s="101">
        <v>1</v>
      </c>
      <c r="AK34" s="102">
        <v>1</v>
      </c>
      <c r="AL34" s="103">
        <v>2</v>
      </c>
      <c r="AM34" s="413">
        <v>0</v>
      </c>
      <c r="AN34" s="102">
        <v>0</v>
      </c>
      <c r="AO34" s="102">
        <v>0</v>
      </c>
      <c r="AP34" s="102">
        <v>0</v>
      </c>
      <c r="AQ34" s="102">
        <v>1</v>
      </c>
      <c r="AR34" s="102">
        <v>0</v>
      </c>
      <c r="AS34" s="103">
        <v>1</v>
      </c>
      <c r="AT34" s="104">
        <v>3</v>
      </c>
      <c r="AU34" s="101">
        <v>1</v>
      </c>
      <c r="AV34" s="102">
        <v>1</v>
      </c>
      <c r="AW34" s="103">
        <v>2</v>
      </c>
      <c r="AX34" s="413">
        <v>0</v>
      </c>
      <c r="AY34" s="102">
        <v>2</v>
      </c>
      <c r="AZ34" s="102">
        <v>1</v>
      </c>
      <c r="BA34" s="102">
        <v>0</v>
      </c>
      <c r="BB34" s="102">
        <v>0</v>
      </c>
      <c r="BC34" s="102">
        <v>1</v>
      </c>
      <c r="BD34" s="103">
        <v>4</v>
      </c>
      <c r="BE34" s="104">
        <v>6</v>
      </c>
      <c r="BF34" s="101">
        <v>1</v>
      </c>
      <c r="BG34" s="102">
        <v>4</v>
      </c>
      <c r="BH34" s="103">
        <v>5</v>
      </c>
      <c r="BI34" s="413">
        <v>0</v>
      </c>
      <c r="BJ34" s="102">
        <v>2</v>
      </c>
      <c r="BK34" s="102">
        <v>3</v>
      </c>
      <c r="BL34" s="102">
        <v>1</v>
      </c>
      <c r="BM34" s="102">
        <v>0</v>
      </c>
      <c r="BN34" s="102">
        <v>1</v>
      </c>
      <c r="BO34" s="103">
        <v>7</v>
      </c>
      <c r="BP34" s="104">
        <v>12</v>
      </c>
      <c r="BQ34" s="101">
        <v>1</v>
      </c>
      <c r="BR34" s="102">
        <v>2</v>
      </c>
      <c r="BS34" s="103">
        <v>3</v>
      </c>
      <c r="BT34" s="413">
        <v>0</v>
      </c>
      <c r="BU34" s="102">
        <v>2</v>
      </c>
      <c r="BV34" s="102">
        <v>3</v>
      </c>
      <c r="BW34" s="102">
        <v>3</v>
      </c>
      <c r="BX34" s="102">
        <v>1</v>
      </c>
      <c r="BY34" s="102">
        <v>0</v>
      </c>
      <c r="BZ34" s="103">
        <v>9</v>
      </c>
      <c r="CA34" s="104">
        <v>12</v>
      </c>
      <c r="CB34" s="101">
        <v>0</v>
      </c>
      <c r="CC34" s="102">
        <v>0</v>
      </c>
      <c r="CD34" s="103">
        <v>0</v>
      </c>
      <c r="CE34" s="413">
        <v>0</v>
      </c>
      <c r="CF34" s="102">
        <v>0</v>
      </c>
      <c r="CG34" s="102">
        <v>0</v>
      </c>
      <c r="CH34" s="102">
        <v>0</v>
      </c>
      <c r="CI34" s="102">
        <v>0</v>
      </c>
      <c r="CJ34" s="102">
        <v>0</v>
      </c>
      <c r="CK34" s="103">
        <v>0</v>
      </c>
      <c r="CL34" s="104">
        <v>0</v>
      </c>
      <c r="CM34" s="101">
        <v>5</v>
      </c>
      <c r="CN34" s="102">
        <v>8</v>
      </c>
      <c r="CO34" s="103">
        <v>13</v>
      </c>
      <c r="CP34" s="413">
        <v>0</v>
      </c>
      <c r="CQ34" s="102">
        <v>7</v>
      </c>
      <c r="CR34" s="102">
        <v>7</v>
      </c>
      <c r="CS34" s="102">
        <v>4</v>
      </c>
      <c r="CT34" s="102">
        <v>3</v>
      </c>
      <c r="CU34" s="102">
        <v>2</v>
      </c>
      <c r="CV34" s="103">
        <v>23</v>
      </c>
      <c r="CW34" s="104">
        <v>36</v>
      </c>
      <c r="CX34" s="105">
        <v>2</v>
      </c>
      <c r="CY34" s="97">
        <v>0</v>
      </c>
      <c r="CZ34" s="98">
        <v>2</v>
      </c>
      <c r="DA34" s="413">
        <v>0</v>
      </c>
      <c r="DB34" s="97">
        <v>2</v>
      </c>
      <c r="DC34" s="97">
        <v>2</v>
      </c>
      <c r="DD34" s="97">
        <v>0</v>
      </c>
      <c r="DE34" s="97">
        <v>0</v>
      </c>
      <c r="DF34" s="97">
        <v>2</v>
      </c>
      <c r="DG34" s="99">
        <v>6</v>
      </c>
      <c r="DH34" s="100">
        <v>8</v>
      </c>
      <c r="DI34" s="101">
        <v>0</v>
      </c>
      <c r="DJ34" s="102">
        <v>0</v>
      </c>
      <c r="DK34" s="103">
        <v>0</v>
      </c>
      <c r="DL34" s="413">
        <v>0</v>
      </c>
      <c r="DM34" s="102">
        <v>0</v>
      </c>
      <c r="DN34" s="102">
        <v>0</v>
      </c>
      <c r="DO34" s="102">
        <v>0</v>
      </c>
      <c r="DP34" s="102">
        <v>0</v>
      </c>
      <c r="DQ34" s="102">
        <v>0</v>
      </c>
      <c r="DR34" s="103">
        <v>0</v>
      </c>
      <c r="DS34" s="104">
        <v>0</v>
      </c>
      <c r="DT34" s="101">
        <v>0</v>
      </c>
      <c r="DU34" s="102">
        <v>0</v>
      </c>
      <c r="DV34" s="103">
        <v>0</v>
      </c>
      <c r="DW34" s="413">
        <v>0</v>
      </c>
      <c r="DX34" s="102">
        <v>0</v>
      </c>
      <c r="DY34" s="102">
        <v>0</v>
      </c>
      <c r="DZ34" s="102">
        <v>0</v>
      </c>
      <c r="EA34" s="102">
        <v>0</v>
      </c>
      <c r="EB34" s="102">
        <v>0</v>
      </c>
      <c r="EC34" s="103">
        <v>0</v>
      </c>
      <c r="ED34" s="104">
        <v>0</v>
      </c>
      <c r="EE34" s="101">
        <v>0</v>
      </c>
      <c r="EF34" s="102">
        <v>0</v>
      </c>
      <c r="EG34" s="103">
        <v>0</v>
      </c>
      <c r="EH34" s="413">
        <v>0</v>
      </c>
      <c r="EI34" s="102">
        <v>0</v>
      </c>
      <c r="EJ34" s="102">
        <v>0</v>
      </c>
      <c r="EK34" s="102">
        <v>0</v>
      </c>
      <c r="EL34" s="102">
        <v>0</v>
      </c>
      <c r="EM34" s="102">
        <v>0</v>
      </c>
      <c r="EN34" s="103">
        <v>0</v>
      </c>
      <c r="EO34" s="104">
        <v>0</v>
      </c>
      <c r="EP34" s="101">
        <v>1</v>
      </c>
      <c r="EQ34" s="102">
        <v>0</v>
      </c>
      <c r="ER34" s="103">
        <v>1</v>
      </c>
      <c r="ES34" s="413">
        <v>0</v>
      </c>
      <c r="ET34" s="102">
        <v>0</v>
      </c>
      <c r="EU34" s="102">
        <v>1</v>
      </c>
      <c r="EV34" s="102">
        <v>0</v>
      </c>
      <c r="EW34" s="102">
        <v>0</v>
      </c>
      <c r="EX34" s="102">
        <v>0</v>
      </c>
      <c r="EY34" s="103">
        <v>1</v>
      </c>
      <c r="EZ34" s="104">
        <v>2</v>
      </c>
      <c r="FA34" s="101">
        <v>0</v>
      </c>
      <c r="FB34" s="102">
        <v>0</v>
      </c>
      <c r="FC34" s="103">
        <v>0</v>
      </c>
      <c r="FD34" s="413">
        <v>0</v>
      </c>
      <c r="FE34" s="102">
        <v>0</v>
      </c>
      <c r="FF34" s="102">
        <v>0</v>
      </c>
      <c r="FG34" s="102">
        <v>0</v>
      </c>
      <c r="FH34" s="102">
        <v>0</v>
      </c>
      <c r="FI34" s="102">
        <v>0</v>
      </c>
      <c r="FJ34" s="103">
        <v>0</v>
      </c>
      <c r="FK34" s="104">
        <v>0</v>
      </c>
      <c r="FL34" s="101">
        <v>1</v>
      </c>
      <c r="FM34" s="102">
        <v>0</v>
      </c>
      <c r="FN34" s="103">
        <v>1</v>
      </c>
      <c r="FO34" s="413">
        <v>0</v>
      </c>
      <c r="FP34" s="102">
        <v>2</v>
      </c>
      <c r="FQ34" s="102">
        <v>1</v>
      </c>
      <c r="FR34" s="102">
        <v>0</v>
      </c>
      <c r="FS34" s="102">
        <v>0</v>
      </c>
      <c r="FT34" s="102">
        <v>2</v>
      </c>
      <c r="FU34" s="103">
        <v>5</v>
      </c>
      <c r="FV34" s="104">
        <v>6</v>
      </c>
      <c r="FW34" s="101">
        <v>0</v>
      </c>
      <c r="FX34" s="102">
        <v>0</v>
      </c>
      <c r="FY34" s="103">
        <v>0</v>
      </c>
      <c r="FZ34" s="413">
        <v>0</v>
      </c>
      <c r="GA34" s="102">
        <v>0</v>
      </c>
      <c r="GB34" s="102">
        <v>0</v>
      </c>
      <c r="GC34" s="102">
        <v>0</v>
      </c>
      <c r="GD34" s="102">
        <v>0</v>
      </c>
      <c r="GE34" s="102">
        <v>0</v>
      </c>
      <c r="GF34" s="103">
        <v>0</v>
      </c>
      <c r="GG34" s="104">
        <v>0</v>
      </c>
      <c r="GH34" s="101">
        <v>2</v>
      </c>
      <c r="GI34" s="102">
        <v>0</v>
      </c>
      <c r="GJ34" s="103">
        <v>2</v>
      </c>
      <c r="GK34" s="413">
        <v>0</v>
      </c>
      <c r="GL34" s="102">
        <v>2</v>
      </c>
      <c r="GM34" s="102">
        <v>2</v>
      </c>
      <c r="GN34" s="102">
        <v>0</v>
      </c>
      <c r="GO34" s="102">
        <v>0</v>
      </c>
      <c r="GP34" s="102">
        <v>2</v>
      </c>
      <c r="GQ34" s="103">
        <v>6</v>
      </c>
      <c r="GR34" s="104">
        <v>8</v>
      </c>
      <c r="GS34" s="105">
        <v>7</v>
      </c>
      <c r="GT34" s="97">
        <v>8</v>
      </c>
      <c r="GU34" s="98">
        <v>15</v>
      </c>
      <c r="GV34" s="413">
        <v>0</v>
      </c>
      <c r="GW34" s="97">
        <v>9</v>
      </c>
      <c r="GX34" s="97">
        <v>9</v>
      </c>
      <c r="GY34" s="97">
        <v>4</v>
      </c>
      <c r="GZ34" s="97">
        <v>3</v>
      </c>
      <c r="HA34" s="97">
        <v>4</v>
      </c>
      <c r="HB34" s="99">
        <v>29</v>
      </c>
      <c r="HC34" s="100">
        <v>44</v>
      </c>
      <c r="HD34" s="101">
        <v>0</v>
      </c>
      <c r="HE34" s="102">
        <v>0</v>
      </c>
      <c r="HF34" s="103">
        <v>0</v>
      </c>
      <c r="HG34" s="413">
        <v>0</v>
      </c>
      <c r="HH34" s="102">
        <v>0</v>
      </c>
      <c r="HI34" s="102">
        <v>0</v>
      </c>
      <c r="HJ34" s="102">
        <v>0</v>
      </c>
      <c r="HK34" s="102">
        <v>0</v>
      </c>
      <c r="HL34" s="102">
        <v>0</v>
      </c>
      <c r="HM34" s="103">
        <v>0</v>
      </c>
      <c r="HN34" s="104">
        <v>0</v>
      </c>
      <c r="HO34" s="101">
        <v>1</v>
      </c>
      <c r="HP34" s="102">
        <v>0</v>
      </c>
      <c r="HQ34" s="103">
        <v>1</v>
      </c>
      <c r="HR34" s="413">
        <v>0</v>
      </c>
      <c r="HS34" s="102">
        <v>1</v>
      </c>
      <c r="HT34" s="102">
        <v>0</v>
      </c>
      <c r="HU34" s="102">
        <v>0</v>
      </c>
      <c r="HV34" s="102">
        <v>1</v>
      </c>
      <c r="HW34" s="102">
        <v>0</v>
      </c>
      <c r="HX34" s="103">
        <v>2</v>
      </c>
      <c r="HY34" s="104">
        <v>3</v>
      </c>
      <c r="HZ34" s="101">
        <v>1</v>
      </c>
      <c r="IA34" s="102">
        <v>1</v>
      </c>
      <c r="IB34" s="103">
        <v>2</v>
      </c>
      <c r="IC34" s="413">
        <v>0</v>
      </c>
      <c r="ID34" s="102">
        <v>0</v>
      </c>
      <c r="IE34" s="102">
        <v>0</v>
      </c>
      <c r="IF34" s="102">
        <v>0</v>
      </c>
      <c r="IG34" s="102">
        <v>1</v>
      </c>
      <c r="IH34" s="102">
        <v>0</v>
      </c>
      <c r="II34" s="103">
        <v>1</v>
      </c>
      <c r="IJ34" s="104">
        <v>3</v>
      </c>
      <c r="IK34" s="101">
        <v>2</v>
      </c>
      <c r="IL34" s="102">
        <v>1</v>
      </c>
      <c r="IM34" s="103">
        <v>3</v>
      </c>
      <c r="IN34" s="413">
        <v>0</v>
      </c>
      <c r="IO34" s="102">
        <v>2</v>
      </c>
      <c r="IP34" s="102">
        <v>2</v>
      </c>
      <c r="IQ34" s="102">
        <v>0</v>
      </c>
      <c r="IR34" s="102">
        <v>0</v>
      </c>
      <c r="IS34" s="102">
        <v>1</v>
      </c>
      <c r="IT34" s="103">
        <v>5</v>
      </c>
      <c r="IU34" s="104">
        <v>8</v>
      </c>
      <c r="IV34" s="101">
        <v>1</v>
      </c>
      <c r="IW34" s="102">
        <v>4</v>
      </c>
      <c r="IX34" s="103">
        <v>5</v>
      </c>
      <c r="IY34" s="413">
        <v>0</v>
      </c>
      <c r="IZ34" s="102">
        <v>2</v>
      </c>
      <c r="JA34" s="102">
        <v>3</v>
      </c>
      <c r="JB34" s="102">
        <v>1</v>
      </c>
      <c r="JC34" s="102">
        <v>0</v>
      </c>
      <c r="JD34" s="102">
        <v>1</v>
      </c>
      <c r="JE34" s="103">
        <v>7</v>
      </c>
      <c r="JF34" s="104">
        <v>12</v>
      </c>
      <c r="JG34" s="101">
        <v>2</v>
      </c>
      <c r="JH34" s="102">
        <v>2</v>
      </c>
      <c r="JI34" s="103">
        <v>4</v>
      </c>
      <c r="JJ34" s="413">
        <v>0</v>
      </c>
      <c r="JK34" s="102">
        <v>4</v>
      </c>
      <c r="JL34" s="102">
        <v>4</v>
      </c>
      <c r="JM34" s="102">
        <v>3</v>
      </c>
      <c r="JN34" s="102">
        <v>1</v>
      </c>
      <c r="JO34" s="102">
        <v>2</v>
      </c>
      <c r="JP34" s="103">
        <v>14</v>
      </c>
      <c r="JQ34" s="104">
        <v>18</v>
      </c>
      <c r="JR34" s="101">
        <v>0</v>
      </c>
      <c r="JS34" s="102">
        <v>0</v>
      </c>
      <c r="JT34" s="103">
        <v>0</v>
      </c>
      <c r="JU34" s="413">
        <v>0</v>
      </c>
      <c r="JV34" s="102">
        <v>0</v>
      </c>
      <c r="JW34" s="102">
        <v>0</v>
      </c>
      <c r="JX34" s="102">
        <v>0</v>
      </c>
      <c r="JY34" s="102">
        <v>0</v>
      </c>
      <c r="JZ34" s="102">
        <v>0</v>
      </c>
      <c r="KA34" s="103">
        <v>0</v>
      </c>
      <c r="KB34" s="104">
        <v>0</v>
      </c>
      <c r="KC34" s="101">
        <v>7</v>
      </c>
      <c r="KD34" s="102">
        <v>8</v>
      </c>
      <c r="KE34" s="103">
        <v>15</v>
      </c>
      <c r="KF34" s="413">
        <v>0</v>
      </c>
      <c r="KG34" s="102">
        <v>9</v>
      </c>
      <c r="KH34" s="102">
        <v>9</v>
      </c>
      <c r="KI34" s="102">
        <v>4</v>
      </c>
      <c r="KJ34" s="102">
        <v>3</v>
      </c>
      <c r="KK34" s="102">
        <v>4</v>
      </c>
      <c r="KL34" s="103">
        <v>29</v>
      </c>
      <c r="KM34" s="104">
        <v>44</v>
      </c>
    </row>
    <row r="35" spans="2:299" s="70" customFormat="1" ht="21" customHeight="1" x14ac:dyDescent="0.2">
      <c r="B35" s="106" t="s">
        <v>32</v>
      </c>
      <c r="C35" s="96">
        <v>7</v>
      </c>
      <c r="D35" s="97">
        <v>4</v>
      </c>
      <c r="E35" s="98">
        <v>11</v>
      </c>
      <c r="F35" s="413">
        <v>0</v>
      </c>
      <c r="G35" s="97">
        <v>15</v>
      </c>
      <c r="H35" s="97">
        <v>15</v>
      </c>
      <c r="I35" s="97">
        <v>4</v>
      </c>
      <c r="J35" s="97">
        <v>3</v>
      </c>
      <c r="K35" s="97">
        <v>0</v>
      </c>
      <c r="L35" s="99">
        <v>37</v>
      </c>
      <c r="M35" s="100">
        <v>48</v>
      </c>
      <c r="N35" s="101">
        <v>0</v>
      </c>
      <c r="O35" s="102">
        <v>0</v>
      </c>
      <c r="P35" s="103">
        <v>0</v>
      </c>
      <c r="Q35" s="413">
        <v>0</v>
      </c>
      <c r="R35" s="102">
        <v>0</v>
      </c>
      <c r="S35" s="102">
        <v>0</v>
      </c>
      <c r="T35" s="102">
        <v>0</v>
      </c>
      <c r="U35" s="102">
        <v>0</v>
      </c>
      <c r="V35" s="102">
        <v>0</v>
      </c>
      <c r="W35" s="103">
        <v>0</v>
      </c>
      <c r="X35" s="104">
        <v>0</v>
      </c>
      <c r="Y35" s="101">
        <v>1</v>
      </c>
      <c r="Z35" s="102">
        <v>0</v>
      </c>
      <c r="AA35" s="103">
        <v>1</v>
      </c>
      <c r="AB35" s="413">
        <v>0</v>
      </c>
      <c r="AC35" s="102">
        <v>0</v>
      </c>
      <c r="AD35" s="102">
        <v>0</v>
      </c>
      <c r="AE35" s="102">
        <v>0</v>
      </c>
      <c r="AF35" s="102">
        <v>0</v>
      </c>
      <c r="AG35" s="102">
        <v>0</v>
      </c>
      <c r="AH35" s="103">
        <v>0</v>
      </c>
      <c r="AI35" s="104">
        <v>1</v>
      </c>
      <c r="AJ35" s="101">
        <v>0</v>
      </c>
      <c r="AK35" s="102">
        <v>0</v>
      </c>
      <c r="AL35" s="103">
        <v>0</v>
      </c>
      <c r="AM35" s="413">
        <v>0</v>
      </c>
      <c r="AN35" s="102">
        <v>0</v>
      </c>
      <c r="AO35" s="102">
        <v>2</v>
      </c>
      <c r="AP35" s="102">
        <v>0</v>
      </c>
      <c r="AQ35" s="102">
        <v>0</v>
      </c>
      <c r="AR35" s="102">
        <v>0</v>
      </c>
      <c r="AS35" s="103">
        <v>2</v>
      </c>
      <c r="AT35" s="104">
        <v>2</v>
      </c>
      <c r="AU35" s="101">
        <v>2</v>
      </c>
      <c r="AV35" s="102">
        <v>0</v>
      </c>
      <c r="AW35" s="103">
        <v>2</v>
      </c>
      <c r="AX35" s="413">
        <v>0</v>
      </c>
      <c r="AY35" s="102">
        <v>5</v>
      </c>
      <c r="AZ35" s="102">
        <v>4</v>
      </c>
      <c r="BA35" s="102">
        <v>1</v>
      </c>
      <c r="BB35" s="102">
        <v>0</v>
      </c>
      <c r="BC35" s="102">
        <v>0</v>
      </c>
      <c r="BD35" s="103">
        <v>10</v>
      </c>
      <c r="BE35" s="104">
        <v>12</v>
      </c>
      <c r="BF35" s="101">
        <v>1</v>
      </c>
      <c r="BG35" s="102">
        <v>3</v>
      </c>
      <c r="BH35" s="103">
        <v>4</v>
      </c>
      <c r="BI35" s="413">
        <v>0</v>
      </c>
      <c r="BJ35" s="102">
        <v>5</v>
      </c>
      <c r="BK35" s="102">
        <v>4</v>
      </c>
      <c r="BL35" s="102">
        <v>2</v>
      </c>
      <c r="BM35" s="102">
        <v>2</v>
      </c>
      <c r="BN35" s="102">
        <v>0</v>
      </c>
      <c r="BO35" s="103">
        <v>13</v>
      </c>
      <c r="BP35" s="104">
        <v>17</v>
      </c>
      <c r="BQ35" s="101">
        <v>3</v>
      </c>
      <c r="BR35" s="102">
        <v>1</v>
      </c>
      <c r="BS35" s="103">
        <v>4</v>
      </c>
      <c r="BT35" s="413">
        <v>0</v>
      </c>
      <c r="BU35" s="102">
        <v>5</v>
      </c>
      <c r="BV35" s="102">
        <v>5</v>
      </c>
      <c r="BW35" s="102">
        <v>1</v>
      </c>
      <c r="BX35" s="102">
        <v>1</v>
      </c>
      <c r="BY35" s="102">
        <v>0</v>
      </c>
      <c r="BZ35" s="103">
        <v>12</v>
      </c>
      <c r="CA35" s="104">
        <v>16</v>
      </c>
      <c r="CB35" s="101">
        <v>0</v>
      </c>
      <c r="CC35" s="102">
        <v>0</v>
      </c>
      <c r="CD35" s="103">
        <v>0</v>
      </c>
      <c r="CE35" s="413">
        <v>0</v>
      </c>
      <c r="CF35" s="102">
        <v>0</v>
      </c>
      <c r="CG35" s="102">
        <v>0</v>
      </c>
      <c r="CH35" s="102">
        <v>0</v>
      </c>
      <c r="CI35" s="102">
        <v>0</v>
      </c>
      <c r="CJ35" s="102">
        <v>0</v>
      </c>
      <c r="CK35" s="103">
        <v>0</v>
      </c>
      <c r="CL35" s="104">
        <v>0</v>
      </c>
      <c r="CM35" s="101">
        <v>7</v>
      </c>
      <c r="CN35" s="102">
        <v>4</v>
      </c>
      <c r="CO35" s="103">
        <v>11</v>
      </c>
      <c r="CP35" s="413">
        <v>0</v>
      </c>
      <c r="CQ35" s="102">
        <v>15</v>
      </c>
      <c r="CR35" s="102">
        <v>15</v>
      </c>
      <c r="CS35" s="102">
        <v>4</v>
      </c>
      <c r="CT35" s="102">
        <v>3</v>
      </c>
      <c r="CU35" s="102">
        <v>0</v>
      </c>
      <c r="CV35" s="103">
        <v>37</v>
      </c>
      <c r="CW35" s="104">
        <v>48</v>
      </c>
      <c r="CX35" s="105">
        <v>0</v>
      </c>
      <c r="CY35" s="97">
        <v>0</v>
      </c>
      <c r="CZ35" s="98">
        <v>0</v>
      </c>
      <c r="DA35" s="413">
        <v>0</v>
      </c>
      <c r="DB35" s="97">
        <v>0</v>
      </c>
      <c r="DC35" s="97">
        <v>2</v>
      </c>
      <c r="DD35" s="97">
        <v>0</v>
      </c>
      <c r="DE35" s="97">
        <v>2</v>
      </c>
      <c r="DF35" s="97">
        <v>2</v>
      </c>
      <c r="DG35" s="99">
        <v>6</v>
      </c>
      <c r="DH35" s="100">
        <v>6</v>
      </c>
      <c r="DI35" s="101">
        <v>0</v>
      </c>
      <c r="DJ35" s="102">
        <v>0</v>
      </c>
      <c r="DK35" s="103">
        <v>0</v>
      </c>
      <c r="DL35" s="413">
        <v>0</v>
      </c>
      <c r="DM35" s="102">
        <v>0</v>
      </c>
      <c r="DN35" s="102">
        <v>0</v>
      </c>
      <c r="DO35" s="102">
        <v>0</v>
      </c>
      <c r="DP35" s="102">
        <v>0</v>
      </c>
      <c r="DQ35" s="102">
        <v>0</v>
      </c>
      <c r="DR35" s="103">
        <v>0</v>
      </c>
      <c r="DS35" s="104">
        <v>0</v>
      </c>
      <c r="DT35" s="101">
        <v>0</v>
      </c>
      <c r="DU35" s="102">
        <v>0</v>
      </c>
      <c r="DV35" s="103">
        <v>0</v>
      </c>
      <c r="DW35" s="413">
        <v>0</v>
      </c>
      <c r="DX35" s="102">
        <v>0</v>
      </c>
      <c r="DY35" s="102">
        <v>0</v>
      </c>
      <c r="DZ35" s="102">
        <v>0</v>
      </c>
      <c r="EA35" s="102">
        <v>0</v>
      </c>
      <c r="EB35" s="102">
        <v>0</v>
      </c>
      <c r="EC35" s="103">
        <v>0</v>
      </c>
      <c r="ED35" s="104">
        <v>0</v>
      </c>
      <c r="EE35" s="101">
        <v>0</v>
      </c>
      <c r="EF35" s="102">
        <v>0</v>
      </c>
      <c r="EG35" s="103">
        <v>0</v>
      </c>
      <c r="EH35" s="413">
        <v>0</v>
      </c>
      <c r="EI35" s="102">
        <v>0</v>
      </c>
      <c r="EJ35" s="102">
        <v>0</v>
      </c>
      <c r="EK35" s="102">
        <v>0</v>
      </c>
      <c r="EL35" s="102">
        <v>0</v>
      </c>
      <c r="EM35" s="102">
        <v>0</v>
      </c>
      <c r="EN35" s="103">
        <v>0</v>
      </c>
      <c r="EO35" s="104">
        <v>0</v>
      </c>
      <c r="EP35" s="101">
        <v>0</v>
      </c>
      <c r="EQ35" s="102">
        <v>0</v>
      </c>
      <c r="ER35" s="103">
        <v>0</v>
      </c>
      <c r="ES35" s="413">
        <v>0</v>
      </c>
      <c r="ET35" s="102">
        <v>0</v>
      </c>
      <c r="EU35" s="102">
        <v>1</v>
      </c>
      <c r="EV35" s="102">
        <v>0</v>
      </c>
      <c r="EW35" s="102">
        <v>0</v>
      </c>
      <c r="EX35" s="102">
        <v>0</v>
      </c>
      <c r="EY35" s="103">
        <v>1</v>
      </c>
      <c r="EZ35" s="104">
        <v>1</v>
      </c>
      <c r="FA35" s="101">
        <v>0</v>
      </c>
      <c r="FB35" s="102">
        <v>0</v>
      </c>
      <c r="FC35" s="103">
        <v>0</v>
      </c>
      <c r="FD35" s="413">
        <v>0</v>
      </c>
      <c r="FE35" s="102">
        <v>0</v>
      </c>
      <c r="FF35" s="102">
        <v>0</v>
      </c>
      <c r="FG35" s="102">
        <v>0</v>
      </c>
      <c r="FH35" s="102">
        <v>1</v>
      </c>
      <c r="FI35" s="102">
        <v>1</v>
      </c>
      <c r="FJ35" s="103">
        <v>2</v>
      </c>
      <c r="FK35" s="104">
        <v>2</v>
      </c>
      <c r="FL35" s="101">
        <v>0</v>
      </c>
      <c r="FM35" s="102">
        <v>0</v>
      </c>
      <c r="FN35" s="103">
        <v>0</v>
      </c>
      <c r="FO35" s="413">
        <v>0</v>
      </c>
      <c r="FP35" s="102">
        <v>0</v>
      </c>
      <c r="FQ35" s="102">
        <v>1</v>
      </c>
      <c r="FR35" s="102">
        <v>0</v>
      </c>
      <c r="FS35" s="102">
        <v>1</v>
      </c>
      <c r="FT35" s="102">
        <v>1</v>
      </c>
      <c r="FU35" s="103">
        <v>3</v>
      </c>
      <c r="FV35" s="104">
        <v>3</v>
      </c>
      <c r="FW35" s="101">
        <v>0</v>
      </c>
      <c r="FX35" s="102">
        <v>0</v>
      </c>
      <c r="FY35" s="103">
        <v>0</v>
      </c>
      <c r="FZ35" s="413">
        <v>0</v>
      </c>
      <c r="GA35" s="102">
        <v>0</v>
      </c>
      <c r="GB35" s="102">
        <v>0</v>
      </c>
      <c r="GC35" s="102">
        <v>0</v>
      </c>
      <c r="GD35" s="102">
        <v>0</v>
      </c>
      <c r="GE35" s="102">
        <v>0</v>
      </c>
      <c r="GF35" s="103">
        <v>0</v>
      </c>
      <c r="GG35" s="104">
        <v>0</v>
      </c>
      <c r="GH35" s="101">
        <v>0</v>
      </c>
      <c r="GI35" s="102">
        <v>0</v>
      </c>
      <c r="GJ35" s="103">
        <v>0</v>
      </c>
      <c r="GK35" s="413">
        <v>0</v>
      </c>
      <c r="GL35" s="102">
        <v>0</v>
      </c>
      <c r="GM35" s="102">
        <v>2</v>
      </c>
      <c r="GN35" s="102">
        <v>0</v>
      </c>
      <c r="GO35" s="102">
        <v>2</v>
      </c>
      <c r="GP35" s="102">
        <v>2</v>
      </c>
      <c r="GQ35" s="103">
        <v>6</v>
      </c>
      <c r="GR35" s="104">
        <v>6</v>
      </c>
      <c r="GS35" s="105">
        <v>7</v>
      </c>
      <c r="GT35" s="97">
        <v>4</v>
      </c>
      <c r="GU35" s="98">
        <v>11</v>
      </c>
      <c r="GV35" s="413">
        <v>0</v>
      </c>
      <c r="GW35" s="97">
        <v>15</v>
      </c>
      <c r="GX35" s="97">
        <v>17</v>
      </c>
      <c r="GY35" s="97">
        <v>4</v>
      </c>
      <c r="GZ35" s="97">
        <v>5</v>
      </c>
      <c r="HA35" s="97">
        <v>2</v>
      </c>
      <c r="HB35" s="99">
        <v>43</v>
      </c>
      <c r="HC35" s="100">
        <v>54</v>
      </c>
      <c r="HD35" s="101">
        <v>0</v>
      </c>
      <c r="HE35" s="102">
        <v>0</v>
      </c>
      <c r="HF35" s="103">
        <v>0</v>
      </c>
      <c r="HG35" s="413">
        <v>0</v>
      </c>
      <c r="HH35" s="102">
        <v>0</v>
      </c>
      <c r="HI35" s="102">
        <v>0</v>
      </c>
      <c r="HJ35" s="102">
        <v>0</v>
      </c>
      <c r="HK35" s="102">
        <v>0</v>
      </c>
      <c r="HL35" s="102">
        <v>0</v>
      </c>
      <c r="HM35" s="103">
        <v>0</v>
      </c>
      <c r="HN35" s="104">
        <v>0</v>
      </c>
      <c r="HO35" s="101">
        <v>1</v>
      </c>
      <c r="HP35" s="102">
        <v>0</v>
      </c>
      <c r="HQ35" s="103">
        <v>1</v>
      </c>
      <c r="HR35" s="413">
        <v>0</v>
      </c>
      <c r="HS35" s="102">
        <v>0</v>
      </c>
      <c r="HT35" s="102">
        <v>0</v>
      </c>
      <c r="HU35" s="102">
        <v>0</v>
      </c>
      <c r="HV35" s="102">
        <v>0</v>
      </c>
      <c r="HW35" s="102">
        <v>0</v>
      </c>
      <c r="HX35" s="103">
        <v>0</v>
      </c>
      <c r="HY35" s="104">
        <v>1</v>
      </c>
      <c r="HZ35" s="101">
        <v>0</v>
      </c>
      <c r="IA35" s="102">
        <v>0</v>
      </c>
      <c r="IB35" s="103">
        <v>0</v>
      </c>
      <c r="IC35" s="413">
        <v>0</v>
      </c>
      <c r="ID35" s="102">
        <v>0</v>
      </c>
      <c r="IE35" s="102">
        <v>2</v>
      </c>
      <c r="IF35" s="102">
        <v>0</v>
      </c>
      <c r="IG35" s="102">
        <v>0</v>
      </c>
      <c r="IH35" s="102">
        <v>0</v>
      </c>
      <c r="II35" s="103">
        <v>2</v>
      </c>
      <c r="IJ35" s="104">
        <v>2</v>
      </c>
      <c r="IK35" s="101">
        <v>2</v>
      </c>
      <c r="IL35" s="102">
        <v>0</v>
      </c>
      <c r="IM35" s="103">
        <v>2</v>
      </c>
      <c r="IN35" s="413">
        <v>0</v>
      </c>
      <c r="IO35" s="102">
        <v>5</v>
      </c>
      <c r="IP35" s="102">
        <v>5</v>
      </c>
      <c r="IQ35" s="102">
        <v>1</v>
      </c>
      <c r="IR35" s="102">
        <v>0</v>
      </c>
      <c r="IS35" s="102">
        <v>0</v>
      </c>
      <c r="IT35" s="103">
        <v>11</v>
      </c>
      <c r="IU35" s="104">
        <v>13</v>
      </c>
      <c r="IV35" s="101">
        <v>1</v>
      </c>
      <c r="IW35" s="102">
        <v>3</v>
      </c>
      <c r="IX35" s="103">
        <v>4</v>
      </c>
      <c r="IY35" s="413">
        <v>0</v>
      </c>
      <c r="IZ35" s="102">
        <v>5</v>
      </c>
      <c r="JA35" s="102">
        <v>4</v>
      </c>
      <c r="JB35" s="102">
        <v>2</v>
      </c>
      <c r="JC35" s="102">
        <v>3</v>
      </c>
      <c r="JD35" s="102">
        <v>1</v>
      </c>
      <c r="JE35" s="103">
        <v>15</v>
      </c>
      <c r="JF35" s="104">
        <v>19</v>
      </c>
      <c r="JG35" s="101">
        <v>3</v>
      </c>
      <c r="JH35" s="102">
        <v>1</v>
      </c>
      <c r="JI35" s="103">
        <v>4</v>
      </c>
      <c r="JJ35" s="413">
        <v>0</v>
      </c>
      <c r="JK35" s="102">
        <v>5</v>
      </c>
      <c r="JL35" s="102">
        <v>6</v>
      </c>
      <c r="JM35" s="102">
        <v>1</v>
      </c>
      <c r="JN35" s="102">
        <v>2</v>
      </c>
      <c r="JO35" s="102">
        <v>1</v>
      </c>
      <c r="JP35" s="103">
        <v>15</v>
      </c>
      <c r="JQ35" s="104">
        <v>19</v>
      </c>
      <c r="JR35" s="101">
        <v>0</v>
      </c>
      <c r="JS35" s="102">
        <v>0</v>
      </c>
      <c r="JT35" s="103">
        <v>0</v>
      </c>
      <c r="JU35" s="413">
        <v>0</v>
      </c>
      <c r="JV35" s="102">
        <v>0</v>
      </c>
      <c r="JW35" s="102">
        <v>0</v>
      </c>
      <c r="JX35" s="102">
        <v>0</v>
      </c>
      <c r="JY35" s="102">
        <v>0</v>
      </c>
      <c r="JZ35" s="102">
        <v>0</v>
      </c>
      <c r="KA35" s="103">
        <v>0</v>
      </c>
      <c r="KB35" s="104">
        <v>0</v>
      </c>
      <c r="KC35" s="101">
        <v>7</v>
      </c>
      <c r="KD35" s="102">
        <v>4</v>
      </c>
      <c r="KE35" s="103">
        <v>11</v>
      </c>
      <c r="KF35" s="413">
        <v>0</v>
      </c>
      <c r="KG35" s="102">
        <v>15</v>
      </c>
      <c r="KH35" s="102">
        <v>17</v>
      </c>
      <c r="KI35" s="102">
        <v>4</v>
      </c>
      <c r="KJ35" s="102">
        <v>5</v>
      </c>
      <c r="KK35" s="102">
        <v>2</v>
      </c>
      <c r="KL35" s="103">
        <v>43</v>
      </c>
      <c r="KM35" s="104">
        <v>54</v>
      </c>
    </row>
    <row r="36" spans="2:299" s="70" customFormat="1" ht="21" customHeight="1" x14ac:dyDescent="0.2">
      <c r="B36" s="106" t="s">
        <v>33</v>
      </c>
      <c r="C36" s="96">
        <v>4</v>
      </c>
      <c r="D36" s="97">
        <v>1</v>
      </c>
      <c r="E36" s="98">
        <v>5</v>
      </c>
      <c r="F36" s="413">
        <v>0</v>
      </c>
      <c r="G36" s="97">
        <v>6</v>
      </c>
      <c r="H36" s="97">
        <v>1</v>
      </c>
      <c r="I36" s="97">
        <v>5</v>
      </c>
      <c r="J36" s="97">
        <v>1</v>
      </c>
      <c r="K36" s="97">
        <v>1</v>
      </c>
      <c r="L36" s="99">
        <v>14</v>
      </c>
      <c r="M36" s="100">
        <v>19</v>
      </c>
      <c r="N36" s="101">
        <v>0</v>
      </c>
      <c r="O36" s="102">
        <v>0</v>
      </c>
      <c r="P36" s="103">
        <v>0</v>
      </c>
      <c r="Q36" s="413">
        <v>0</v>
      </c>
      <c r="R36" s="102">
        <v>0</v>
      </c>
      <c r="S36" s="102">
        <v>0</v>
      </c>
      <c r="T36" s="102">
        <v>0</v>
      </c>
      <c r="U36" s="102">
        <v>0</v>
      </c>
      <c r="V36" s="102">
        <v>0</v>
      </c>
      <c r="W36" s="103">
        <v>0</v>
      </c>
      <c r="X36" s="104">
        <v>0</v>
      </c>
      <c r="Y36" s="101">
        <v>0</v>
      </c>
      <c r="Z36" s="102">
        <v>0</v>
      </c>
      <c r="AA36" s="103">
        <v>0</v>
      </c>
      <c r="AB36" s="413">
        <v>0</v>
      </c>
      <c r="AC36" s="102">
        <v>0</v>
      </c>
      <c r="AD36" s="102">
        <v>0</v>
      </c>
      <c r="AE36" s="102">
        <v>0</v>
      </c>
      <c r="AF36" s="102">
        <v>0</v>
      </c>
      <c r="AG36" s="102">
        <v>0</v>
      </c>
      <c r="AH36" s="103">
        <v>0</v>
      </c>
      <c r="AI36" s="104">
        <v>0</v>
      </c>
      <c r="AJ36" s="101">
        <v>0</v>
      </c>
      <c r="AK36" s="102">
        <v>0</v>
      </c>
      <c r="AL36" s="103">
        <v>0</v>
      </c>
      <c r="AM36" s="413">
        <v>0</v>
      </c>
      <c r="AN36" s="102">
        <v>1</v>
      </c>
      <c r="AO36" s="102">
        <v>1</v>
      </c>
      <c r="AP36" s="102">
        <v>0</v>
      </c>
      <c r="AQ36" s="102">
        <v>0</v>
      </c>
      <c r="AR36" s="102">
        <v>0</v>
      </c>
      <c r="AS36" s="103">
        <v>2</v>
      </c>
      <c r="AT36" s="104">
        <v>2</v>
      </c>
      <c r="AU36" s="101">
        <v>2</v>
      </c>
      <c r="AV36" s="102">
        <v>0</v>
      </c>
      <c r="AW36" s="103">
        <v>2</v>
      </c>
      <c r="AX36" s="413">
        <v>0</v>
      </c>
      <c r="AY36" s="102">
        <v>0</v>
      </c>
      <c r="AZ36" s="102">
        <v>0</v>
      </c>
      <c r="BA36" s="102">
        <v>1</v>
      </c>
      <c r="BB36" s="102">
        <v>0</v>
      </c>
      <c r="BC36" s="102">
        <v>0</v>
      </c>
      <c r="BD36" s="103">
        <v>1</v>
      </c>
      <c r="BE36" s="104">
        <v>3</v>
      </c>
      <c r="BF36" s="101">
        <v>1</v>
      </c>
      <c r="BG36" s="102">
        <v>1</v>
      </c>
      <c r="BH36" s="103">
        <v>2</v>
      </c>
      <c r="BI36" s="413">
        <v>0</v>
      </c>
      <c r="BJ36" s="102">
        <v>3</v>
      </c>
      <c r="BK36" s="102">
        <v>0</v>
      </c>
      <c r="BL36" s="102">
        <v>1</v>
      </c>
      <c r="BM36" s="102">
        <v>0</v>
      </c>
      <c r="BN36" s="102">
        <v>0</v>
      </c>
      <c r="BO36" s="103">
        <v>4</v>
      </c>
      <c r="BP36" s="104">
        <v>6</v>
      </c>
      <c r="BQ36" s="101">
        <v>1</v>
      </c>
      <c r="BR36" s="102">
        <v>0</v>
      </c>
      <c r="BS36" s="103">
        <v>1</v>
      </c>
      <c r="BT36" s="413">
        <v>0</v>
      </c>
      <c r="BU36" s="102">
        <v>2</v>
      </c>
      <c r="BV36" s="102">
        <v>0</v>
      </c>
      <c r="BW36" s="102">
        <v>3</v>
      </c>
      <c r="BX36" s="102">
        <v>1</v>
      </c>
      <c r="BY36" s="102">
        <v>1</v>
      </c>
      <c r="BZ36" s="103">
        <v>7</v>
      </c>
      <c r="CA36" s="104">
        <v>8</v>
      </c>
      <c r="CB36" s="101">
        <v>0</v>
      </c>
      <c r="CC36" s="102">
        <v>0</v>
      </c>
      <c r="CD36" s="103">
        <v>0</v>
      </c>
      <c r="CE36" s="413">
        <v>0</v>
      </c>
      <c r="CF36" s="102">
        <v>0</v>
      </c>
      <c r="CG36" s="102">
        <v>0</v>
      </c>
      <c r="CH36" s="102">
        <v>0</v>
      </c>
      <c r="CI36" s="102">
        <v>0</v>
      </c>
      <c r="CJ36" s="102">
        <v>0</v>
      </c>
      <c r="CK36" s="103">
        <v>0</v>
      </c>
      <c r="CL36" s="104">
        <v>0</v>
      </c>
      <c r="CM36" s="101">
        <v>4</v>
      </c>
      <c r="CN36" s="102">
        <v>1</v>
      </c>
      <c r="CO36" s="103">
        <v>5</v>
      </c>
      <c r="CP36" s="413">
        <v>0</v>
      </c>
      <c r="CQ36" s="102">
        <v>6</v>
      </c>
      <c r="CR36" s="102">
        <v>1</v>
      </c>
      <c r="CS36" s="102">
        <v>5</v>
      </c>
      <c r="CT36" s="102">
        <v>1</v>
      </c>
      <c r="CU36" s="102">
        <v>1</v>
      </c>
      <c r="CV36" s="103">
        <v>14</v>
      </c>
      <c r="CW36" s="104">
        <v>19</v>
      </c>
      <c r="CX36" s="105">
        <v>0</v>
      </c>
      <c r="CY36" s="97">
        <v>2</v>
      </c>
      <c r="CZ36" s="98">
        <v>2</v>
      </c>
      <c r="DA36" s="413">
        <v>0</v>
      </c>
      <c r="DB36" s="97">
        <v>0</v>
      </c>
      <c r="DC36" s="97">
        <v>0</v>
      </c>
      <c r="DD36" s="97">
        <v>0</v>
      </c>
      <c r="DE36" s="97">
        <v>0</v>
      </c>
      <c r="DF36" s="97">
        <v>1</v>
      </c>
      <c r="DG36" s="99">
        <v>1</v>
      </c>
      <c r="DH36" s="100">
        <v>3</v>
      </c>
      <c r="DI36" s="101">
        <v>0</v>
      </c>
      <c r="DJ36" s="102">
        <v>0</v>
      </c>
      <c r="DK36" s="103">
        <v>0</v>
      </c>
      <c r="DL36" s="413">
        <v>0</v>
      </c>
      <c r="DM36" s="102">
        <v>0</v>
      </c>
      <c r="DN36" s="102">
        <v>0</v>
      </c>
      <c r="DO36" s="102">
        <v>0</v>
      </c>
      <c r="DP36" s="102">
        <v>0</v>
      </c>
      <c r="DQ36" s="102">
        <v>0</v>
      </c>
      <c r="DR36" s="103">
        <v>0</v>
      </c>
      <c r="DS36" s="104">
        <v>0</v>
      </c>
      <c r="DT36" s="101">
        <v>0</v>
      </c>
      <c r="DU36" s="102">
        <v>0</v>
      </c>
      <c r="DV36" s="103">
        <v>0</v>
      </c>
      <c r="DW36" s="413">
        <v>0</v>
      </c>
      <c r="DX36" s="102">
        <v>0</v>
      </c>
      <c r="DY36" s="102">
        <v>0</v>
      </c>
      <c r="DZ36" s="102">
        <v>0</v>
      </c>
      <c r="EA36" s="102">
        <v>0</v>
      </c>
      <c r="EB36" s="102">
        <v>0</v>
      </c>
      <c r="EC36" s="103">
        <v>0</v>
      </c>
      <c r="ED36" s="104">
        <v>0</v>
      </c>
      <c r="EE36" s="101">
        <v>0</v>
      </c>
      <c r="EF36" s="102">
        <v>0</v>
      </c>
      <c r="EG36" s="103">
        <v>0</v>
      </c>
      <c r="EH36" s="413">
        <v>0</v>
      </c>
      <c r="EI36" s="102">
        <v>0</v>
      </c>
      <c r="EJ36" s="102">
        <v>0</v>
      </c>
      <c r="EK36" s="102">
        <v>0</v>
      </c>
      <c r="EL36" s="102">
        <v>0</v>
      </c>
      <c r="EM36" s="102">
        <v>0</v>
      </c>
      <c r="EN36" s="103">
        <v>0</v>
      </c>
      <c r="EO36" s="104">
        <v>0</v>
      </c>
      <c r="EP36" s="101">
        <v>0</v>
      </c>
      <c r="EQ36" s="102">
        <v>1</v>
      </c>
      <c r="ER36" s="103">
        <v>1</v>
      </c>
      <c r="ES36" s="413">
        <v>0</v>
      </c>
      <c r="ET36" s="102">
        <v>0</v>
      </c>
      <c r="EU36" s="102">
        <v>0</v>
      </c>
      <c r="EV36" s="102">
        <v>0</v>
      </c>
      <c r="EW36" s="102">
        <v>0</v>
      </c>
      <c r="EX36" s="102">
        <v>0</v>
      </c>
      <c r="EY36" s="103">
        <v>0</v>
      </c>
      <c r="EZ36" s="104">
        <v>1</v>
      </c>
      <c r="FA36" s="101">
        <v>0</v>
      </c>
      <c r="FB36" s="102">
        <v>0</v>
      </c>
      <c r="FC36" s="103">
        <v>0</v>
      </c>
      <c r="FD36" s="413">
        <v>0</v>
      </c>
      <c r="FE36" s="102">
        <v>0</v>
      </c>
      <c r="FF36" s="102">
        <v>0</v>
      </c>
      <c r="FG36" s="102">
        <v>0</v>
      </c>
      <c r="FH36" s="102">
        <v>0</v>
      </c>
      <c r="FI36" s="102">
        <v>0</v>
      </c>
      <c r="FJ36" s="103">
        <v>0</v>
      </c>
      <c r="FK36" s="104">
        <v>0</v>
      </c>
      <c r="FL36" s="101">
        <v>0</v>
      </c>
      <c r="FM36" s="102">
        <v>1</v>
      </c>
      <c r="FN36" s="103">
        <v>1</v>
      </c>
      <c r="FO36" s="413">
        <v>0</v>
      </c>
      <c r="FP36" s="102">
        <v>0</v>
      </c>
      <c r="FQ36" s="102">
        <v>0</v>
      </c>
      <c r="FR36" s="102">
        <v>0</v>
      </c>
      <c r="FS36" s="102">
        <v>0</v>
      </c>
      <c r="FT36" s="102">
        <v>1</v>
      </c>
      <c r="FU36" s="103">
        <v>1</v>
      </c>
      <c r="FV36" s="104">
        <v>2</v>
      </c>
      <c r="FW36" s="101">
        <v>0</v>
      </c>
      <c r="FX36" s="102">
        <v>0</v>
      </c>
      <c r="FY36" s="103">
        <v>0</v>
      </c>
      <c r="FZ36" s="413">
        <v>0</v>
      </c>
      <c r="GA36" s="102">
        <v>0</v>
      </c>
      <c r="GB36" s="102">
        <v>0</v>
      </c>
      <c r="GC36" s="102">
        <v>0</v>
      </c>
      <c r="GD36" s="102">
        <v>0</v>
      </c>
      <c r="GE36" s="102">
        <v>0</v>
      </c>
      <c r="GF36" s="103">
        <v>0</v>
      </c>
      <c r="GG36" s="104">
        <v>0</v>
      </c>
      <c r="GH36" s="101">
        <v>0</v>
      </c>
      <c r="GI36" s="102">
        <v>2</v>
      </c>
      <c r="GJ36" s="103">
        <v>2</v>
      </c>
      <c r="GK36" s="413">
        <v>0</v>
      </c>
      <c r="GL36" s="102">
        <v>0</v>
      </c>
      <c r="GM36" s="102">
        <v>0</v>
      </c>
      <c r="GN36" s="102">
        <v>0</v>
      </c>
      <c r="GO36" s="102">
        <v>0</v>
      </c>
      <c r="GP36" s="102">
        <v>1</v>
      </c>
      <c r="GQ36" s="103">
        <v>1</v>
      </c>
      <c r="GR36" s="104">
        <v>3</v>
      </c>
      <c r="GS36" s="105">
        <v>4</v>
      </c>
      <c r="GT36" s="97">
        <v>3</v>
      </c>
      <c r="GU36" s="98">
        <v>7</v>
      </c>
      <c r="GV36" s="413">
        <v>0</v>
      </c>
      <c r="GW36" s="97">
        <v>6</v>
      </c>
      <c r="GX36" s="97">
        <v>1</v>
      </c>
      <c r="GY36" s="97">
        <v>5</v>
      </c>
      <c r="GZ36" s="97">
        <v>1</v>
      </c>
      <c r="HA36" s="97">
        <v>2</v>
      </c>
      <c r="HB36" s="99">
        <v>15</v>
      </c>
      <c r="HC36" s="100">
        <v>22</v>
      </c>
      <c r="HD36" s="101">
        <v>0</v>
      </c>
      <c r="HE36" s="102">
        <v>0</v>
      </c>
      <c r="HF36" s="103">
        <v>0</v>
      </c>
      <c r="HG36" s="413">
        <v>0</v>
      </c>
      <c r="HH36" s="102">
        <v>0</v>
      </c>
      <c r="HI36" s="102">
        <v>0</v>
      </c>
      <c r="HJ36" s="102">
        <v>0</v>
      </c>
      <c r="HK36" s="102">
        <v>0</v>
      </c>
      <c r="HL36" s="102">
        <v>0</v>
      </c>
      <c r="HM36" s="103">
        <v>0</v>
      </c>
      <c r="HN36" s="104">
        <v>0</v>
      </c>
      <c r="HO36" s="101">
        <v>0</v>
      </c>
      <c r="HP36" s="102">
        <v>0</v>
      </c>
      <c r="HQ36" s="103">
        <v>0</v>
      </c>
      <c r="HR36" s="413">
        <v>0</v>
      </c>
      <c r="HS36" s="102">
        <v>0</v>
      </c>
      <c r="HT36" s="102">
        <v>0</v>
      </c>
      <c r="HU36" s="102">
        <v>0</v>
      </c>
      <c r="HV36" s="102">
        <v>0</v>
      </c>
      <c r="HW36" s="102">
        <v>0</v>
      </c>
      <c r="HX36" s="103">
        <v>0</v>
      </c>
      <c r="HY36" s="104">
        <v>0</v>
      </c>
      <c r="HZ36" s="101">
        <v>0</v>
      </c>
      <c r="IA36" s="102">
        <v>0</v>
      </c>
      <c r="IB36" s="103">
        <v>0</v>
      </c>
      <c r="IC36" s="413">
        <v>0</v>
      </c>
      <c r="ID36" s="102">
        <v>1</v>
      </c>
      <c r="IE36" s="102">
        <v>1</v>
      </c>
      <c r="IF36" s="102">
        <v>0</v>
      </c>
      <c r="IG36" s="102">
        <v>0</v>
      </c>
      <c r="IH36" s="102">
        <v>0</v>
      </c>
      <c r="II36" s="103">
        <v>2</v>
      </c>
      <c r="IJ36" s="104">
        <v>2</v>
      </c>
      <c r="IK36" s="101">
        <v>2</v>
      </c>
      <c r="IL36" s="102">
        <v>1</v>
      </c>
      <c r="IM36" s="103">
        <v>3</v>
      </c>
      <c r="IN36" s="413">
        <v>0</v>
      </c>
      <c r="IO36" s="102">
        <v>0</v>
      </c>
      <c r="IP36" s="102">
        <v>0</v>
      </c>
      <c r="IQ36" s="102">
        <v>1</v>
      </c>
      <c r="IR36" s="102">
        <v>0</v>
      </c>
      <c r="IS36" s="102">
        <v>0</v>
      </c>
      <c r="IT36" s="103">
        <v>1</v>
      </c>
      <c r="IU36" s="104">
        <v>4</v>
      </c>
      <c r="IV36" s="101">
        <v>1</v>
      </c>
      <c r="IW36" s="102">
        <v>1</v>
      </c>
      <c r="IX36" s="103">
        <v>2</v>
      </c>
      <c r="IY36" s="413">
        <v>0</v>
      </c>
      <c r="IZ36" s="102">
        <v>3</v>
      </c>
      <c r="JA36" s="102">
        <v>0</v>
      </c>
      <c r="JB36" s="102">
        <v>1</v>
      </c>
      <c r="JC36" s="102">
        <v>0</v>
      </c>
      <c r="JD36" s="102">
        <v>0</v>
      </c>
      <c r="JE36" s="103">
        <v>4</v>
      </c>
      <c r="JF36" s="104">
        <v>6</v>
      </c>
      <c r="JG36" s="101">
        <v>1</v>
      </c>
      <c r="JH36" s="102">
        <v>1</v>
      </c>
      <c r="JI36" s="103">
        <v>2</v>
      </c>
      <c r="JJ36" s="413">
        <v>0</v>
      </c>
      <c r="JK36" s="102">
        <v>2</v>
      </c>
      <c r="JL36" s="102">
        <v>0</v>
      </c>
      <c r="JM36" s="102">
        <v>3</v>
      </c>
      <c r="JN36" s="102">
        <v>1</v>
      </c>
      <c r="JO36" s="102">
        <v>2</v>
      </c>
      <c r="JP36" s="103">
        <v>8</v>
      </c>
      <c r="JQ36" s="104">
        <v>10</v>
      </c>
      <c r="JR36" s="101">
        <v>0</v>
      </c>
      <c r="JS36" s="102">
        <v>0</v>
      </c>
      <c r="JT36" s="103">
        <v>0</v>
      </c>
      <c r="JU36" s="413">
        <v>0</v>
      </c>
      <c r="JV36" s="102">
        <v>0</v>
      </c>
      <c r="JW36" s="102">
        <v>0</v>
      </c>
      <c r="JX36" s="102">
        <v>0</v>
      </c>
      <c r="JY36" s="102">
        <v>0</v>
      </c>
      <c r="JZ36" s="102">
        <v>0</v>
      </c>
      <c r="KA36" s="103">
        <v>0</v>
      </c>
      <c r="KB36" s="104">
        <v>0</v>
      </c>
      <c r="KC36" s="101">
        <v>4</v>
      </c>
      <c r="KD36" s="102">
        <v>3</v>
      </c>
      <c r="KE36" s="103">
        <v>7</v>
      </c>
      <c r="KF36" s="413">
        <v>0</v>
      </c>
      <c r="KG36" s="102">
        <v>6</v>
      </c>
      <c r="KH36" s="102">
        <v>1</v>
      </c>
      <c r="KI36" s="102">
        <v>5</v>
      </c>
      <c r="KJ36" s="102">
        <v>1</v>
      </c>
      <c r="KK36" s="102">
        <v>2</v>
      </c>
      <c r="KL36" s="103">
        <v>15</v>
      </c>
      <c r="KM36" s="104">
        <v>22</v>
      </c>
    </row>
    <row r="37" spans="2:299" s="70" customFormat="1" ht="21" customHeight="1" x14ac:dyDescent="0.2">
      <c r="B37" s="106" t="s">
        <v>34</v>
      </c>
      <c r="C37" s="96">
        <v>2</v>
      </c>
      <c r="D37" s="97">
        <v>3</v>
      </c>
      <c r="E37" s="98">
        <v>5</v>
      </c>
      <c r="F37" s="413">
        <v>0</v>
      </c>
      <c r="G37" s="97">
        <v>5</v>
      </c>
      <c r="H37" s="97">
        <v>7</v>
      </c>
      <c r="I37" s="97">
        <v>3</v>
      </c>
      <c r="J37" s="97">
        <v>2</v>
      </c>
      <c r="K37" s="97">
        <v>1</v>
      </c>
      <c r="L37" s="99">
        <v>18</v>
      </c>
      <c r="M37" s="100">
        <v>23</v>
      </c>
      <c r="N37" s="101">
        <v>0</v>
      </c>
      <c r="O37" s="102">
        <v>0</v>
      </c>
      <c r="P37" s="103">
        <v>0</v>
      </c>
      <c r="Q37" s="413">
        <v>0</v>
      </c>
      <c r="R37" s="102">
        <v>0</v>
      </c>
      <c r="S37" s="102">
        <v>0</v>
      </c>
      <c r="T37" s="102">
        <v>0</v>
      </c>
      <c r="U37" s="102">
        <v>0</v>
      </c>
      <c r="V37" s="102">
        <v>0</v>
      </c>
      <c r="W37" s="103">
        <v>0</v>
      </c>
      <c r="X37" s="104">
        <v>0</v>
      </c>
      <c r="Y37" s="101">
        <v>0</v>
      </c>
      <c r="Z37" s="102">
        <v>0</v>
      </c>
      <c r="AA37" s="103">
        <v>0</v>
      </c>
      <c r="AB37" s="413">
        <v>0</v>
      </c>
      <c r="AC37" s="102">
        <v>0</v>
      </c>
      <c r="AD37" s="102">
        <v>0</v>
      </c>
      <c r="AE37" s="102">
        <v>0</v>
      </c>
      <c r="AF37" s="102">
        <v>0</v>
      </c>
      <c r="AG37" s="102">
        <v>0</v>
      </c>
      <c r="AH37" s="103">
        <v>0</v>
      </c>
      <c r="AI37" s="104">
        <v>0</v>
      </c>
      <c r="AJ37" s="101">
        <v>0</v>
      </c>
      <c r="AK37" s="102">
        <v>0</v>
      </c>
      <c r="AL37" s="103">
        <v>0</v>
      </c>
      <c r="AM37" s="413">
        <v>0</v>
      </c>
      <c r="AN37" s="102">
        <v>0</v>
      </c>
      <c r="AO37" s="102">
        <v>0</v>
      </c>
      <c r="AP37" s="102">
        <v>0</v>
      </c>
      <c r="AQ37" s="102">
        <v>0</v>
      </c>
      <c r="AR37" s="102">
        <v>0</v>
      </c>
      <c r="AS37" s="103">
        <v>0</v>
      </c>
      <c r="AT37" s="104">
        <v>0</v>
      </c>
      <c r="AU37" s="101">
        <v>0</v>
      </c>
      <c r="AV37" s="102">
        <v>0</v>
      </c>
      <c r="AW37" s="103">
        <v>0</v>
      </c>
      <c r="AX37" s="413">
        <v>0</v>
      </c>
      <c r="AY37" s="102">
        <v>0</v>
      </c>
      <c r="AZ37" s="102">
        <v>4</v>
      </c>
      <c r="BA37" s="102">
        <v>0</v>
      </c>
      <c r="BB37" s="102">
        <v>0</v>
      </c>
      <c r="BC37" s="102">
        <v>0</v>
      </c>
      <c r="BD37" s="103">
        <v>4</v>
      </c>
      <c r="BE37" s="104">
        <v>4</v>
      </c>
      <c r="BF37" s="101">
        <v>2</v>
      </c>
      <c r="BG37" s="102">
        <v>2</v>
      </c>
      <c r="BH37" s="103">
        <v>4</v>
      </c>
      <c r="BI37" s="413">
        <v>0</v>
      </c>
      <c r="BJ37" s="102">
        <v>3</v>
      </c>
      <c r="BK37" s="102">
        <v>0</v>
      </c>
      <c r="BL37" s="102">
        <v>2</v>
      </c>
      <c r="BM37" s="102">
        <v>0</v>
      </c>
      <c r="BN37" s="102">
        <v>0</v>
      </c>
      <c r="BO37" s="103">
        <v>5</v>
      </c>
      <c r="BP37" s="104">
        <v>9</v>
      </c>
      <c r="BQ37" s="101">
        <v>0</v>
      </c>
      <c r="BR37" s="102">
        <v>1</v>
      </c>
      <c r="BS37" s="103">
        <v>1</v>
      </c>
      <c r="BT37" s="413">
        <v>0</v>
      </c>
      <c r="BU37" s="102">
        <v>2</v>
      </c>
      <c r="BV37" s="102">
        <v>3</v>
      </c>
      <c r="BW37" s="102">
        <v>1</v>
      </c>
      <c r="BX37" s="102">
        <v>2</v>
      </c>
      <c r="BY37" s="102">
        <v>1</v>
      </c>
      <c r="BZ37" s="103">
        <v>9</v>
      </c>
      <c r="CA37" s="104">
        <v>10</v>
      </c>
      <c r="CB37" s="101">
        <v>0</v>
      </c>
      <c r="CC37" s="102">
        <v>0</v>
      </c>
      <c r="CD37" s="103">
        <v>0</v>
      </c>
      <c r="CE37" s="413">
        <v>0</v>
      </c>
      <c r="CF37" s="102">
        <v>0</v>
      </c>
      <c r="CG37" s="102">
        <v>0</v>
      </c>
      <c r="CH37" s="102">
        <v>0</v>
      </c>
      <c r="CI37" s="102">
        <v>0</v>
      </c>
      <c r="CJ37" s="102">
        <v>0</v>
      </c>
      <c r="CK37" s="103">
        <v>0</v>
      </c>
      <c r="CL37" s="104">
        <v>0</v>
      </c>
      <c r="CM37" s="101">
        <v>2</v>
      </c>
      <c r="CN37" s="102">
        <v>3</v>
      </c>
      <c r="CO37" s="103">
        <v>5</v>
      </c>
      <c r="CP37" s="413">
        <v>0</v>
      </c>
      <c r="CQ37" s="102">
        <v>5</v>
      </c>
      <c r="CR37" s="102">
        <v>7</v>
      </c>
      <c r="CS37" s="102">
        <v>3</v>
      </c>
      <c r="CT37" s="102">
        <v>2</v>
      </c>
      <c r="CU37" s="102">
        <v>1</v>
      </c>
      <c r="CV37" s="103">
        <v>18</v>
      </c>
      <c r="CW37" s="104">
        <v>23</v>
      </c>
      <c r="CX37" s="105">
        <v>0</v>
      </c>
      <c r="CY37" s="97">
        <v>0</v>
      </c>
      <c r="CZ37" s="98">
        <v>0</v>
      </c>
      <c r="DA37" s="413">
        <v>0</v>
      </c>
      <c r="DB37" s="97">
        <v>1</v>
      </c>
      <c r="DC37" s="97">
        <v>0</v>
      </c>
      <c r="DD37" s="97">
        <v>0</v>
      </c>
      <c r="DE37" s="97">
        <v>1</v>
      </c>
      <c r="DF37" s="97">
        <v>0</v>
      </c>
      <c r="DG37" s="99">
        <v>2</v>
      </c>
      <c r="DH37" s="100">
        <v>2</v>
      </c>
      <c r="DI37" s="101">
        <v>0</v>
      </c>
      <c r="DJ37" s="102">
        <v>0</v>
      </c>
      <c r="DK37" s="103">
        <v>0</v>
      </c>
      <c r="DL37" s="413">
        <v>0</v>
      </c>
      <c r="DM37" s="102">
        <v>0</v>
      </c>
      <c r="DN37" s="102">
        <v>0</v>
      </c>
      <c r="DO37" s="102">
        <v>0</v>
      </c>
      <c r="DP37" s="102">
        <v>0</v>
      </c>
      <c r="DQ37" s="102">
        <v>0</v>
      </c>
      <c r="DR37" s="103">
        <v>0</v>
      </c>
      <c r="DS37" s="104">
        <v>0</v>
      </c>
      <c r="DT37" s="101">
        <v>0</v>
      </c>
      <c r="DU37" s="102">
        <v>0</v>
      </c>
      <c r="DV37" s="103">
        <v>0</v>
      </c>
      <c r="DW37" s="413">
        <v>0</v>
      </c>
      <c r="DX37" s="102">
        <v>0</v>
      </c>
      <c r="DY37" s="102">
        <v>0</v>
      </c>
      <c r="DZ37" s="102">
        <v>0</v>
      </c>
      <c r="EA37" s="102">
        <v>0</v>
      </c>
      <c r="EB37" s="102">
        <v>0</v>
      </c>
      <c r="EC37" s="103">
        <v>0</v>
      </c>
      <c r="ED37" s="104">
        <v>0</v>
      </c>
      <c r="EE37" s="101">
        <v>0</v>
      </c>
      <c r="EF37" s="102">
        <v>0</v>
      </c>
      <c r="EG37" s="103">
        <v>0</v>
      </c>
      <c r="EH37" s="413">
        <v>0</v>
      </c>
      <c r="EI37" s="102">
        <v>0</v>
      </c>
      <c r="EJ37" s="102">
        <v>0</v>
      </c>
      <c r="EK37" s="102">
        <v>0</v>
      </c>
      <c r="EL37" s="102">
        <v>0</v>
      </c>
      <c r="EM37" s="102">
        <v>0</v>
      </c>
      <c r="EN37" s="103">
        <v>0</v>
      </c>
      <c r="EO37" s="104">
        <v>0</v>
      </c>
      <c r="EP37" s="101">
        <v>0</v>
      </c>
      <c r="EQ37" s="102">
        <v>0</v>
      </c>
      <c r="ER37" s="103">
        <v>0</v>
      </c>
      <c r="ES37" s="413">
        <v>0</v>
      </c>
      <c r="ET37" s="102">
        <v>0</v>
      </c>
      <c r="EU37" s="102">
        <v>0</v>
      </c>
      <c r="EV37" s="102">
        <v>0</v>
      </c>
      <c r="EW37" s="102">
        <v>0</v>
      </c>
      <c r="EX37" s="102">
        <v>0</v>
      </c>
      <c r="EY37" s="103">
        <v>0</v>
      </c>
      <c r="EZ37" s="104">
        <v>0</v>
      </c>
      <c r="FA37" s="101">
        <v>0</v>
      </c>
      <c r="FB37" s="102">
        <v>0</v>
      </c>
      <c r="FC37" s="103">
        <v>0</v>
      </c>
      <c r="FD37" s="413">
        <v>0</v>
      </c>
      <c r="FE37" s="102">
        <v>0</v>
      </c>
      <c r="FF37" s="102">
        <v>0</v>
      </c>
      <c r="FG37" s="102">
        <v>0</v>
      </c>
      <c r="FH37" s="102">
        <v>0</v>
      </c>
      <c r="FI37" s="102">
        <v>0</v>
      </c>
      <c r="FJ37" s="103">
        <v>0</v>
      </c>
      <c r="FK37" s="104">
        <v>0</v>
      </c>
      <c r="FL37" s="101">
        <v>0</v>
      </c>
      <c r="FM37" s="102">
        <v>0</v>
      </c>
      <c r="FN37" s="103">
        <v>0</v>
      </c>
      <c r="FO37" s="413">
        <v>0</v>
      </c>
      <c r="FP37" s="102">
        <v>1</v>
      </c>
      <c r="FQ37" s="102">
        <v>0</v>
      </c>
      <c r="FR37" s="102">
        <v>0</v>
      </c>
      <c r="FS37" s="102">
        <v>1</v>
      </c>
      <c r="FT37" s="102">
        <v>0</v>
      </c>
      <c r="FU37" s="103">
        <v>2</v>
      </c>
      <c r="FV37" s="104">
        <v>2</v>
      </c>
      <c r="FW37" s="101">
        <v>0</v>
      </c>
      <c r="FX37" s="102">
        <v>0</v>
      </c>
      <c r="FY37" s="103">
        <v>0</v>
      </c>
      <c r="FZ37" s="413">
        <v>0</v>
      </c>
      <c r="GA37" s="102">
        <v>0</v>
      </c>
      <c r="GB37" s="102">
        <v>0</v>
      </c>
      <c r="GC37" s="102">
        <v>0</v>
      </c>
      <c r="GD37" s="102">
        <v>0</v>
      </c>
      <c r="GE37" s="102">
        <v>0</v>
      </c>
      <c r="GF37" s="103">
        <v>0</v>
      </c>
      <c r="GG37" s="104">
        <v>0</v>
      </c>
      <c r="GH37" s="101">
        <v>0</v>
      </c>
      <c r="GI37" s="102">
        <v>0</v>
      </c>
      <c r="GJ37" s="103">
        <v>0</v>
      </c>
      <c r="GK37" s="413">
        <v>0</v>
      </c>
      <c r="GL37" s="102">
        <v>1</v>
      </c>
      <c r="GM37" s="102">
        <v>0</v>
      </c>
      <c r="GN37" s="102">
        <v>0</v>
      </c>
      <c r="GO37" s="102">
        <v>1</v>
      </c>
      <c r="GP37" s="102">
        <v>0</v>
      </c>
      <c r="GQ37" s="103">
        <v>2</v>
      </c>
      <c r="GR37" s="104">
        <v>2</v>
      </c>
      <c r="GS37" s="105">
        <v>2</v>
      </c>
      <c r="GT37" s="97">
        <v>3</v>
      </c>
      <c r="GU37" s="98">
        <v>5</v>
      </c>
      <c r="GV37" s="413">
        <v>0</v>
      </c>
      <c r="GW37" s="97">
        <v>6</v>
      </c>
      <c r="GX37" s="97">
        <v>7</v>
      </c>
      <c r="GY37" s="97">
        <v>3</v>
      </c>
      <c r="GZ37" s="97">
        <v>3</v>
      </c>
      <c r="HA37" s="97">
        <v>1</v>
      </c>
      <c r="HB37" s="99">
        <v>20</v>
      </c>
      <c r="HC37" s="100">
        <v>25</v>
      </c>
      <c r="HD37" s="101">
        <v>0</v>
      </c>
      <c r="HE37" s="102">
        <v>0</v>
      </c>
      <c r="HF37" s="103">
        <v>0</v>
      </c>
      <c r="HG37" s="413">
        <v>0</v>
      </c>
      <c r="HH37" s="102">
        <v>0</v>
      </c>
      <c r="HI37" s="102">
        <v>0</v>
      </c>
      <c r="HJ37" s="102">
        <v>0</v>
      </c>
      <c r="HK37" s="102">
        <v>0</v>
      </c>
      <c r="HL37" s="102">
        <v>0</v>
      </c>
      <c r="HM37" s="103">
        <v>0</v>
      </c>
      <c r="HN37" s="104">
        <v>0</v>
      </c>
      <c r="HO37" s="101">
        <v>0</v>
      </c>
      <c r="HP37" s="102">
        <v>0</v>
      </c>
      <c r="HQ37" s="103">
        <v>0</v>
      </c>
      <c r="HR37" s="413">
        <v>0</v>
      </c>
      <c r="HS37" s="102">
        <v>0</v>
      </c>
      <c r="HT37" s="102">
        <v>0</v>
      </c>
      <c r="HU37" s="102">
        <v>0</v>
      </c>
      <c r="HV37" s="102">
        <v>0</v>
      </c>
      <c r="HW37" s="102">
        <v>0</v>
      </c>
      <c r="HX37" s="103">
        <v>0</v>
      </c>
      <c r="HY37" s="104">
        <v>0</v>
      </c>
      <c r="HZ37" s="101">
        <v>0</v>
      </c>
      <c r="IA37" s="102">
        <v>0</v>
      </c>
      <c r="IB37" s="103">
        <v>0</v>
      </c>
      <c r="IC37" s="413">
        <v>0</v>
      </c>
      <c r="ID37" s="102">
        <v>0</v>
      </c>
      <c r="IE37" s="102">
        <v>0</v>
      </c>
      <c r="IF37" s="102">
        <v>0</v>
      </c>
      <c r="IG37" s="102">
        <v>0</v>
      </c>
      <c r="IH37" s="102">
        <v>0</v>
      </c>
      <c r="II37" s="103">
        <v>0</v>
      </c>
      <c r="IJ37" s="104">
        <v>0</v>
      </c>
      <c r="IK37" s="101">
        <v>0</v>
      </c>
      <c r="IL37" s="102">
        <v>0</v>
      </c>
      <c r="IM37" s="103">
        <v>0</v>
      </c>
      <c r="IN37" s="413">
        <v>0</v>
      </c>
      <c r="IO37" s="102">
        <v>0</v>
      </c>
      <c r="IP37" s="102">
        <v>4</v>
      </c>
      <c r="IQ37" s="102">
        <v>0</v>
      </c>
      <c r="IR37" s="102">
        <v>0</v>
      </c>
      <c r="IS37" s="102">
        <v>0</v>
      </c>
      <c r="IT37" s="103">
        <v>4</v>
      </c>
      <c r="IU37" s="104">
        <v>4</v>
      </c>
      <c r="IV37" s="101">
        <v>2</v>
      </c>
      <c r="IW37" s="102">
        <v>2</v>
      </c>
      <c r="IX37" s="103">
        <v>4</v>
      </c>
      <c r="IY37" s="413">
        <v>0</v>
      </c>
      <c r="IZ37" s="102">
        <v>3</v>
      </c>
      <c r="JA37" s="102">
        <v>0</v>
      </c>
      <c r="JB37" s="102">
        <v>2</v>
      </c>
      <c r="JC37" s="102">
        <v>0</v>
      </c>
      <c r="JD37" s="102">
        <v>0</v>
      </c>
      <c r="JE37" s="103">
        <v>5</v>
      </c>
      <c r="JF37" s="104">
        <v>9</v>
      </c>
      <c r="JG37" s="101">
        <v>0</v>
      </c>
      <c r="JH37" s="102">
        <v>1</v>
      </c>
      <c r="JI37" s="103">
        <v>1</v>
      </c>
      <c r="JJ37" s="413">
        <v>0</v>
      </c>
      <c r="JK37" s="102">
        <v>3</v>
      </c>
      <c r="JL37" s="102">
        <v>3</v>
      </c>
      <c r="JM37" s="102">
        <v>1</v>
      </c>
      <c r="JN37" s="102">
        <v>3</v>
      </c>
      <c r="JO37" s="102">
        <v>1</v>
      </c>
      <c r="JP37" s="103">
        <v>11</v>
      </c>
      <c r="JQ37" s="104">
        <v>12</v>
      </c>
      <c r="JR37" s="101">
        <v>0</v>
      </c>
      <c r="JS37" s="102">
        <v>0</v>
      </c>
      <c r="JT37" s="103">
        <v>0</v>
      </c>
      <c r="JU37" s="413">
        <v>0</v>
      </c>
      <c r="JV37" s="102">
        <v>0</v>
      </c>
      <c r="JW37" s="102">
        <v>0</v>
      </c>
      <c r="JX37" s="102">
        <v>0</v>
      </c>
      <c r="JY37" s="102">
        <v>0</v>
      </c>
      <c r="JZ37" s="102">
        <v>0</v>
      </c>
      <c r="KA37" s="103">
        <v>0</v>
      </c>
      <c r="KB37" s="104">
        <v>0</v>
      </c>
      <c r="KC37" s="101">
        <v>2</v>
      </c>
      <c r="KD37" s="102">
        <v>3</v>
      </c>
      <c r="KE37" s="103">
        <v>5</v>
      </c>
      <c r="KF37" s="413">
        <v>0</v>
      </c>
      <c r="KG37" s="102">
        <v>6</v>
      </c>
      <c r="KH37" s="102">
        <v>7</v>
      </c>
      <c r="KI37" s="102">
        <v>3</v>
      </c>
      <c r="KJ37" s="102">
        <v>3</v>
      </c>
      <c r="KK37" s="102">
        <v>1</v>
      </c>
      <c r="KL37" s="103">
        <v>20</v>
      </c>
      <c r="KM37" s="104">
        <v>25</v>
      </c>
    </row>
    <row r="38" spans="2:299" s="70" customFormat="1" ht="21" customHeight="1" x14ac:dyDescent="0.2">
      <c r="B38" s="106" t="s">
        <v>35</v>
      </c>
      <c r="C38" s="96">
        <v>10</v>
      </c>
      <c r="D38" s="97">
        <v>5</v>
      </c>
      <c r="E38" s="98">
        <v>15</v>
      </c>
      <c r="F38" s="413">
        <v>0</v>
      </c>
      <c r="G38" s="97">
        <v>16</v>
      </c>
      <c r="H38" s="97">
        <v>12</v>
      </c>
      <c r="I38" s="97">
        <v>3</v>
      </c>
      <c r="J38" s="97">
        <v>3</v>
      </c>
      <c r="K38" s="97">
        <v>6</v>
      </c>
      <c r="L38" s="99">
        <v>40</v>
      </c>
      <c r="M38" s="100">
        <v>55</v>
      </c>
      <c r="N38" s="101">
        <v>0</v>
      </c>
      <c r="O38" s="102">
        <v>0</v>
      </c>
      <c r="P38" s="103">
        <v>0</v>
      </c>
      <c r="Q38" s="413">
        <v>0</v>
      </c>
      <c r="R38" s="102">
        <v>1</v>
      </c>
      <c r="S38" s="102">
        <v>2</v>
      </c>
      <c r="T38" s="102">
        <v>0</v>
      </c>
      <c r="U38" s="102">
        <v>0</v>
      </c>
      <c r="V38" s="102">
        <v>0</v>
      </c>
      <c r="W38" s="103">
        <v>3</v>
      </c>
      <c r="X38" s="104">
        <v>3</v>
      </c>
      <c r="Y38" s="101">
        <v>0</v>
      </c>
      <c r="Z38" s="102">
        <v>0</v>
      </c>
      <c r="AA38" s="103">
        <v>0</v>
      </c>
      <c r="AB38" s="413">
        <v>0</v>
      </c>
      <c r="AC38" s="102">
        <v>0</v>
      </c>
      <c r="AD38" s="102">
        <v>1</v>
      </c>
      <c r="AE38" s="102">
        <v>1</v>
      </c>
      <c r="AF38" s="102">
        <v>0</v>
      </c>
      <c r="AG38" s="102">
        <v>0</v>
      </c>
      <c r="AH38" s="103">
        <v>2</v>
      </c>
      <c r="AI38" s="104">
        <v>2</v>
      </c>
      <c r="AJ38" s="101">
        <v>2</v>
      </c>
      <c r="AK38" s="102">
        <v>2</v>
      </c>
      <c r="AL38" s="103">
        <v>4</v>
      </c>
      <c r="AM38" s="413">
        <v>0</v>
      </c>
      <c r="AN38" s="102">
        <v>0</v>
      </c>
      <c r="AO38" s="102">
        <v>0</v>
      </c>
      <c r="AP38" s="102">
        <v>0</v>
      </c>
      <c r="AQ38" s="102">
        <v>0</v>
      </c>
      <c r="AR38" s="102">
        <v>1</v>
      </c>
      <c r="AS38" s="103">
        <v>1</v>
      </c>
      <c r="AT38" s="104">
        <v>5</v>
      </c>
      <c r="AU38" s="101">
        <v>2</v>
      </c>
      <c r="AV38" s="102">
        <v>1</v>
      </c>
      <c r="AW38" s="103">
        <v>3</v>
      </c>
      <c r="AX38" s="413">
        <v>0</v>
      </c>
      <c r="AY38" s="102">
        <v>6</v>
      </c>
      <c r="AZ38" s="102">
        <v>0</v>
      </c>
      <c r="BA38" s="102">
        <v>1</v>
      </c>
      <c r="BB38" s="102">
        <v>1</v>
      </c>
      <c r="BC38" s="102">
        <v>0</v>
      </c>
      <c r="BD38" s="103">
        <v>8</v>
      </c>
      <c r="BE38" s="104">
        <v>11</v>
      </c>
      <c r="BF38" s="101">
        <v>5</v>
      </c>
      <c r="BG38" s="102">
        <v>1</v>
      </c>
      <c r="BH38" s="103">
        <v>6</v>
      </c>
      <c r="BI38" s="413">
        <v>0</v>
      </c>
      <c r="BJ38" s="102">
        <v>3</v>
      </c>
      <c r="BK38" s="102">
        <v>1</v>
      </c>
      <c r="BL38" s="102">
        <v>1</v>
      </c>
      <c r="BM38" s="102">
        <v>0</v>
      </c>
      <c r="BN38" s="102">
        <v>0</v>
      </c>
      <c r="BO38" s="103">
        <v>5</v>
      </c>
      <c r="BP38" s="104">
        <v>11</v>
      </c>
      <c r="BQ38" s="101">
        <v>1</v>
      </c>
      <c r="BR38" s="102">
        <v>1</v>
      </c>
      <c r="BS38" s="103">
        <v>2</v>
      </c>
      <c r="BT38" s="413">
        <v>0</v>
      </c>
      <c r="BU38" s="102">
        <v>6</v>
      </c>
      <c r="BV38" s="102">
        <v>8</v>
      </c>
      <c r="BW38" s="102">
        <v>0</v>
      </c>
      <c r="BX38" s="102">
        <v>2</v>
      </c>
      <c r="BY38" s="102">
        <v>5</v>
      </c>
      <c r="BZ38" s="103">
        <v>21</v>
      </c>
      <c r="CA38" s="104">
        <v>23</v>
      </c>
      <c r="CB38" s="101">
        <v>0</v>
      </c>
      <c r="CC38" s="102">
        <v>0</v>
      </c>
      <c r="CD38" s="103">
        <v>0</v>
      </c>
      <c r="CE38" s="413">
        <v>0</v>
      </c>
      <c r="CF38" s="102">
        <v>0</v>
      </c>
      <c r="CG38" s="102">
        <v>0</v>
      </c>
      <c r="CH38" s="102">
        <v>0</v>
      </c>
      <c r="CI38" s="102">
        <v>0</v>
      </c>
      <c r="CJ38" s="102">
        <v>0</v>
      </c>
      <c r="CK38" s="103">
        <v>0</v>
      </c>
      <c r="CL38" s="104">
        <v>0</v>
      </c>
      <c r="CM38" s="101">
        <v>10</v>
      </c>
      <c r="CN38" s="102">
        <v>5</v>
      </c>
      <c r="CO38" s="103">
        <v>15</v>
      </c>
      <c r="CP38" s="413">
        <v>0</v>
      </c>
      <c r="CQ38" s="102">
        <v>16</v>
      </c>
      <c r="CR38" s="102">
        <v>12</v>
      </c>
      <c r="CS38" s="102">
        <v>3</v>
      </c>
      <c r="CT38" s="102">
        <v>3</v>
      </c>
      <c r="CU38" s="102">
        <v>6</v>
      </c>
      <c r="CV38" s="103">
        <v>40</v>
      </c>
      <c r="CW38" s="104">
        <v>55</v>
      </c>
      <c r="CX38" s="105">
        <v>2</v>
      </c>
      <c r="CY38" s="97">
        <v>0</v>
      </c>
      <c r="CZ38" s="98">
        <v>2</v>
      </c>
      <c r="DA38" s="413">
        <v>0</v>
      </c>
      <c r="DB38" s="97">
        <v>3</v>
      </c>
      <c r="DC38" s="97">
        <v>3</v>
      </c>
      <c r="DD38" s="97">
        <v>1</v>
      </c>
      <c r="DE38" s="97">
        <v>2</v>
      </c>
      <c r="DF38" s="97">
        <v>2</v>
      </c>
      <c r="DG38" s="99">
        <v>11</v>
      </c>
      <c r="DH38" s="100">
        <v>13</v>
      </c>
      <c r="DI38" s="101">
        <v>0</v>
      </c>
      <c r="DJ38" s="102">
        <v>0</v>
      </c>
      <c r="DK38" s="103">
        <v>0</v>
      </c>
      <c r="DL38" s="413">
        <v>0</v>
      </c>
      <c r="DM38" s="102">
        <v>0</v>
      </c>
      <c r="DN38" s="102">
        <v>0</v>
      </c>
      <c r="DO38" s="102">
        <v>0</v>
      </c>
      <c r="DP38" s="102">
        <v>0</v>
      </c>
      <c r="DQ38" s="102">
        <v>0</v>
      </c>
      <c r="DR38" s="103">
        <v>0</v>
      </c>
      <c r="DS38" s="104">
        <v>0</v>
      </c>
      <c r="DT38" s="101">
        <v>0</v>
      </c>
      <c r="DU38" s="102">
        <v>0</v>
      </c>
      <c r="DV38" s="103">
        <v>0</v>
      </c>
      <c r="DW38" s="413">
        <v>0</v>
      </c>
      <c r="DX38" s="102">
        <v>0</v>
      </c>
      <c r="DY38" s="102">
        <v>0</v>
      </c>
      <c r="DZ38" s="102">
        <v>0</v>
      </c>
      <c r="EA38" s="102">
        <v>0</v>
      </c>
      <c r="EB38" s="102">
        <v>1</v>
      </c>
      <c r="EC38" s="103">
        <v>1</v>
      </c>
      <c r="ED38" s="104">
        <v>1</v>
      </c>
      <c r="EE38" s="101">
        <v>0</v>
      </c>
      <c r="EF38" s="102">
        <v>0</v>
      </c>
      <c r="EG38" s="103">
        <v>0</v>
      </c>
      <c r="EH38" s="413">
        <v>0</v>
      </c>
      <c r="EI38" s="102">
        <v>0</v>
      </c>
      <c r="EJ38" s="102">
        <v>0</v>
      </c>
      <c r="EK38" s="102">
        <v>0</v>
      </c>
      <c r="EL38" s="102">
        <v>0</v>
      </c>
      <c r="EM38" s="102">
        <v>0</v>
      </c>
      <c r="EN38" s="103">
        <v>0</v>
      </c>
      <c r="EO38" s="104">
        <v>0</v>
      </c>
      <c r="EP38" s="101">
        <v>1</v>
      </c>
      <c r="EQ38" s="102">
        <v>0</v>
      </c>
      <c r="ER38" s="103">
        <v>1</v>
      </c>
      <c r="ES38" s="413">
        <v>0</v>
      </c>
      <c r="ET38" s="102">
        <v>1</v>
      </c>
      <c r="EU38" s="102">
        <v>0</v>
      </c>
      <c r="EV38" s="102">
        <v>0</v>
      </c>
      <c r="EW38" s="102">
        <v>0</v>
      </c>
      <c r="EX38" s="102">
        <v>0</v>
      </c>
      <c r="EY38" s="103">
        <v>1</v>
      </c>
      <c r="EZ38" s="104">
        <v>2</v>
      </c>
      <c r="FA38" s="101">
        <v>1</v>
      </c>
      <c r="FB38" s="102">
        <v>0</v>
      </c>
      <c r="FC38" s="103">
        <v>1</v>
      </c>
      <c r="FD38" s="413">
        <v>0</v>
      </c>
      <c r="FE38" s="102">
        <v>0</v>
      </c>
      <c r="FF38" s="102">
        <v>1</v>
      </c>
      <c r="FG38" s="102">
        <v>0</v>
      </c>
      <c r="FH38" s="102">
        <v>0</v>
      </c>
      <c r="FI38" s="102">
        <v>1</v>
      </c>
      <c r="FJ38" s="103">
        <v>2</v>
      </c>
      <c r="FK38" s="104">
        <v>3</v>
      </c>
      <c r="FL38" s="101">
        <v>0</v>
      </c>
      <c r="FM38" s="102">
        <v>0</v>
      </c>
      <c r="FN38" s="103">
        <v>0</v>
      </c>
      <c r="FO38" s="413">
        <v>0</v>
      </c>
      <c r="FP38" s="102">
        <v>2</v>
      </c>
      <c r="FQ38" s="102">
        <v>2</v>
      </c>
      <c r="FR38" s="102">
        <v>1</v>
      </c>
      <c r="FS38" s="102">
        <v>2</v>
      </c>
      <c r="FT38" s="102">
        <v>0</v>
      </c>
      <c r="FU38" s="103">
        <v>7</v>
      </c>
      <c r="FV38" s="104">
        <v>7</v>
      </c>
      <c r="FW38" s="101">
        <v>0</v>
      </c>
      <c r="FX38" s="102">
        <v>0</v>
      </c>
      <c r="FY38" s="103">
        <v>0</v>
      </c>
      <c r="FZ38" s="413">
        <v>0</v>
      </c>
      <c r="GA38" s="102">
        <v>0</v>
      </c>
      <c r="GB38" s="102">
        <v>0</v>
      </c>
      <c r="GC38" s="102">
        <v>0</v>
      </c>
      <c r="GD38" s="102">
        <v>0</v>
      </c>
      <c r="GE38" s="102">
        <v>0</v>
      </c>
      <c r="GF38" s="103">
        <v>0</v>
      </c>
      <c r="GG38" s="104">
        <v>0</v>
      </c>
      <c r="GH38" s="101">
        <v>2</v>
      </c>
      <c r="GI38" s="102">
        <v>0</v>
      </c>
      <c r="GJ38" s="103">
        <v>2</v>
      </c>
      <c r="GK38" s="413">
        <v>0</v>
      </c>
      <c r="GL38" s="102">
        <v>3</v>
      </c>
      <c r="GM38" s="102">
        <v>3</v>
      </c>
      <c r="GN38" s="102">
        <v>1</v>
      </c>
      <c r="GO38" s="102">
        <v>2</v>
      </c>
      <c r="GP38" s="102">
        <v>2</v>
      </c>
      <c r="GQ38" s="103">
        <v>11</v>
      </c>
      <c r="GR38" s="104">
        <v>13</v>
      </c>
      <c r="GS38" s="105">
        <v>12</v>
      </c>
      <c r="GT38" s="97">
        <v>5</v>
      </c>
      <c r="GU38" s="98">
        <v>17</v>
      </c>
      <c r="GV38" s="413">
        <v>0</v>
      </c>
      <c r="GW38" s="97">
        <v>19</v>
      </c>
      <c r="GX38" s="97">
        <v>15</v>
      </c>
      <c r="GY38" s="97">
        <v>4</v>
      </c>
      <c r="GZ38" s="97">
        <v>5</v>
      </c>
      <c r="HA38" s="97">
        <v>8</v>
      </c>
      <c r="HB38" s="99">
        <v>51</v>
      </c>
      <c r="HC38" s="100">
        <v>68</v>
      </c>
      <c r="HD38" s="101">
        <v>0</v>
      </c>
      <c r="HE38" s="102">
        <v>0</v>
      </c>
      <c r="HF38" s="103">
        <v>0</v>
      </c>
      <c r="HG38" s="413">
        <v>0</v>
      </c>
      <c r="HH38" s="102">
        <v>1</v>
      </c>
      <c r="HI38" s="102">
        <v>2</v>
      </c>
      <c r="HJ38" s="102">
        <v>0</v>
      </c>
      <c r="HK38" s="102">
        <v>0</v>
      </c>
      <c r="HL38" s="102">
        <v>0</v>
      </c>
      <c r="HM38" s="103">
        <v>3</v>
      </c>
      <c r="HN38" s="104">
        <v>3</v>
      </c>
      <c r="HO38" s="101">
        <v>0</v>
      </c>
      <c r="HP38" s="102">
        <v>0</v>
      </c>
      <c r="HQ38" s="103">
        <v>0</v>
      </c>
      <c r="HR38" s="413">
        <v>0</v>
      </c>
      <c r="HS38" s="102">
        <v>0</v>
      </c>
      <c r="HT38" s="102">
        <v>1</v>
      </c>
      <c r="HU38" s="102">
        <v>1</v>
      </c>
      <c r="HV38" s="102">
        <v>0</v>
      </c>
      <c r="HW38" s="102">
        <v>1</v>
      </c>
      <c r="HX38" s="103">
        <v>3</v>
      </c>
      <c r="HY38" s="104">
        <v>3</v>
      </c>
      <c r="HZ38" s="101">
        <v>2</v>
      </c>
      <c r="IA38" s="102">
        <v>2</v>
      </c>
      <c r="IB38" s="103">
        <v>4</v>
      </c>
      <c r="IC38" s="413">
        <v>0</v>
      </c>
      <c r="ID38" s="102">
        <v>0</v>
      </c>
      <c r="IE38" s="102">
        <v>0</v>
      </c>
      <c r="IF38" s="102">
        <v>0</v>
      </c>
      <c r="IG38" s="102">
        <v>0</v>
      </c>
      <c r="IH38" s="102">
        <v>1</v>
      </c>
      <c r="II38" s="103">
        <v>1</v>
      </c>
      <c r="IJ38" s="104">
        <v>5</v>
      </c>
      <c r="IK38" s="101">
        <v>3</v>
      </c>
      <c r="IL38" s="102">
        <v>1</v>
      </c>
      <c r="IM38" s="103">
        <v>4</v>
      </c>
      <c r="IN38" s="413">
        <v>0</v>
      </c>
      <c r="IO38" s="102">
        <v>7</v>
      </c>
      <c r="IP38" s="102">
        <v>0</v>
      </c>
      <c r="IQ38" s="102">
        <v>1</v>
      </c>
      <c r="IR38" s="102">
        <v>1</v>
      </c>
      <c r="IS38" s="102">
        <v>0</v>
      </c>
      <c r="IT38" s="103">
        <v>9</v>
      </c>
      <c r="IU38" s="104">
        <v>13</v>
      </c>
      <c r="IV38" s="101">
        <v>6</v>
      </c>
      <c r="IW38" s="102">
        <v>1</v>
      </c>
      <c r="IX38" s="103">
        <v>7</v>
      </c>
      <c r="IY38" s="413">
        <v>0</v>
      </c>
      <c r="IZ38" s="102">
        <v>3</v>
      </c>
      <c r="JA38" s="102">
        <v>2</v>
      </c>
      <c r="JB38" s="102">
        <v>1</v>
      </c>
      <c r="JC38" s="102">
        <v>0</v>
      </c>
      <c r="JD38" s="102">
        <v>1</v>
      </c>
      <c r="JE38" s="103">
        <v>7</v>
      </c>
      <c r="JF38" s="104">
        <v>14</v>
      </c>
      <c r="JG38" s="101">
        <v>1</v>
      </c>
      <c r="JH38" s="102">
        <v>1</v>
      </c>
      <c r="JI38" s="103">
        <v>2</v>
      </c>
      <c r="JJ38" s="413">
        <v>0</v>
      </c>
      <c r="JK38" s="102">
        <v>8</v>
      </c>
      <c r="JL38" s="102">
        <v>10</v>
      </c>
      <c r="JM38" s="102">
        <v>1</v>
      </c>
      <c r="JN38" s="102">
        <v>4</v>
      </c>
      <c r="JO38" s="102">
        <v>5</v>
      </c>
      <c r="JP38" s="103">
        <v>28</v>
      </c>
      <c r="JQ38" s="104">
        <v>30</v>
      </c>
      <c r="JR38" s="101">
        <v>0</v>
      </c>
      <c r="JS38" s="102">
        <v>0</v>
      </c>
      <c r="JT38" s="103">
        <v>0</v>
      </c>
      <c r="JU38" s="413">
        <v>0</v>
      </c>
      <c r="JV38" s="102">
        <v>0</v>
      </c>
      <c r="JW38" s="102">
        <v>0</v>
      </c>
      <c r="JX38" s="102">
        <v>0</v>
      </c>
      <c r="JY38" s="102">
        <v>0</v>
      </c>
      <c r="JZ38" s="102">
        <v>0</v>
      </c>
      <c r="KA38" s="103">
        <v>0</v>
      </c>
      <c r="KB38" s="104">
        <v>0</v>
      </c>
      <c r="KC38" s="101">
        <v>12</v>
      </c>
      <c r="KD38" s="102">
        <v>5</v>
      </c>
      <c r="KE38" s="103">
        <v>17</v>
      </c>
      <c r="KF38" s="413">
        <v>0</v>
      </c>
      <c r="KG38" s="102">
        <v>19</v>
      </c>
      <c r="KH38" s="102">
        <v>15</v>
      </c>
      <c r="KI38" s="102">
        <v>4</v>
      </c>
      <c r="KJ38" s="102">
        <v>5</v>
      </c>
      <c r="KK38" s="102">
        <v>8</v>
      </c>
      <c r="KL38" s="103">
        <v>51</v>
      </c>
      <c r="KM38" s="104">
        <v>68</v>
      </c>
    </row>
    <row r="39" spans="2:299" s="70" customFormat="1" ht="21" customHeight="1" x14ac:dyDescent="0.2">
      <c r="B39" s="106" t="s">
        <v>36</v>
      </c>
      <c r="C39" s="96">
        <v>3</v>
      </c>
      <c r="D39" s="97">
        <v>4</v>
      </c>
      <c r="E39" s="98">
        <v>7</v>
      </c>
      <c r="F39" s="413">
        <v>0</v>
      </c>
      <c r="G39" s="97">
        <v>16</v>
      </c>
      <c r="H39" s="97">
        <v>6</v>
      </c>
      <c r="I39" s="97">
        <v>6</v>
      </c>
      <c r="J39" s="97">
        <v>4</v>
      </c>
      <c r="K39" s="97">
        <v>3</v>
      </c>
      <c r="L39" s="99">
        <v>35</v>
      </c>
      <c r="M39" s="100">
        <v>42</v>
      </c>
      <c r="N39" s="101">
        <v>0</v>
      </c>
      <c r="O39" s="102">
        <v>0</v>
      </c>
      <c r="P39" s="103">
        <v>0</v>
      </c>
      <c r="Q39" s="413">
        <v>0</v>
      </c>
      <c r="R39" s="102">
        <v>0</v>
      </c>
      <c r="S39" s="102">
        <v>1</v>
      </c>
      <c r="T39" s="102">
        <v>0</v>
      </c>
      <c r="U39" s="102">
        <v>0</v>
      </c>
      <c r="V39" s="102">
        <v>1</v>
      </c>
      <c r="W39" s="103">
        <v>2</v>
      </c>
      <c r="X39" s="104">
        <v>2</v>
      </c>
      <c r="Y39" s="101">
        <v>1</v>
      </c>
      <c r="Z39" s="102">
        <v>0</v>
      </c>
      <c r="AA39" s="103">
        <v>1</v>
      </c>
      <c r="AB39" s="413">
        <v>0</v>
      </c>
      <c r="AC39" s="102">
        <v>2</v>
      </c>
      <c r="AD39" s="102">
        <v>1</v>
      </c>
      <c r="AE39" s="102">
        <v>0</v>
      </c>
      <c r="AF39" s="102">
        <v>0</v>
      </c>
      <c r="AG39" s="102">
        <v>1</v>
      </c>
      <c r="AH39" s="103">
        <v>4</v>
      </c>
      <c r="AI39" s="104">
        <v>5</v>
      </c>
      <c r="AJ39" s="101">
        <v>0</v>
      </c>
      <c r="AK39" s="102">
        <v>0</v>
      </c>
      <c r="AL39" s="103">
        <v>0</v>
      </c>
      <c r="AM39" s="413">
        <v>0</v>
      </c>
      <c r="AN39" s="102">
        <v>0</v>
      </c>
      <c r="AO39" s="102">
        <v>0</v>
      </c>
      <c r="AP39" s="102">
        <v>1</v>
      </c>
      <c r="AQ39" s="102">
        <v>2</v>
      </c>
      <c r="AR39" s="102">
        <v>0</v>
      </c>
      <c r="AS39" s="103">
        <v>3</v>
      </c>
      <c r="AT39" s="104">
        <v>3</v>
      </c>
      <c r="AU39" s="101">
        <v>0</v>
      </c>
      <c r="AV39" s="102">
        <v>1</v>
      </c>
      <c r="AW39" s="103">
        <v>1</v>
      </c>
      <c r="AX39" s="413">
        <v>0</v>
      </c>
      <c r="AY39" s="102">
        <v>2</v>
      </c>
      <c r="AZ39" s="102">
        <v>2</v>
      </c>
      <c r="BA39" s="102">
        <v>0</v>
      </c>
      <c r="BB39" s="102">
        <v>0</v>
      </c>
      <c r="BC39" s="102">
        <v>1</v>
      </c>
      <c r="BD39" s="103">
        <v>5</v>
      </c>
      <c r="BE39" s="104">
        <v>6</v>
      </c>
      <c r="BF39" s="101">
        <v>1</v>
      </c>
      <c r="BG39" s="102">
        <v>0</v>
      </c>
      <c r="BH39" s="103">
        <v>1</v>
      </c>
      <c r="BI39" s="413">
        <v>0</v>
      </c>
      <c r="BJ39" s="102">
        <v>8</v>
      </c>
      <c r="BK39" s="102">
        <v>2</v>
      </c>
      <c r="BL39" s="102">
        <v>2</v>
      </c>
      <c r="BM39" s="102">
        <v>1</v>
      </c>
      <c r="BN39" s="102">
        <v>0</v>
      </c>
      <c r="BO39" s="103">
        <v>13</v>
      </c>
      <c r="BP39" s="104">
        <v>14</v>
      </c>
      <c r="BQ39" s="101">
        <v>1</v>
      </c>
      <c r="BR39" s="102">
        <v>3</v>
      </c>
      <c r="BS39" s="103">
        <v>4</v>
      </c>
      <c r="BT39" s="413">
        <v>0</v>
      </c>
      <c r="BU39" s="102">
        <v>4</v>
      </c>
      <c r="BV39" s="102">
        <v>0</v>
      </c>
      <c r="BW39" s="102">
        <v>3</v>
      </c>
      <c r="BX39" s="102">
        <v>1</v>
      </c>
      <c r="BY39" s="102">
        <v>0</v>
      </c>
      <c r="BZ39" s="103">
        <v>8</v>
      </c>
      <c r="CA39" s="104">
        <v>12</v>
      </c>
      <c r="CB39" s="101">
        <v>0</v>
      </c>
      <c r="CC39" s="102">
        <v>0</v>
      </c>
      <c r="CD39" s="103">
        <v>0</v>
      </c>
      <c r="CE39" s="413">
        <v>0</v>
      </c>
      <c r="CF39" s="102">
        <v>0</v>
      </c>
      <c r="CG39" s="102">
        <v>0</v>
      </c>
      <c r="CH39" s="102">
        <v>0</v>
      </c>
      <c r="CI39" s="102">
        <v>0</v>
      </c>
      <c r="CJ39" s="102">
        <v>0</v>
      </c>
      <c r="CK39" s="103">
        <v>0</v>
      </c>
      <c r="CL39" s="104">
        <v>0</v>
      </c>
      <c r="CM39" s="101">
        <v>3</v>
      </c>
      <c r="CN39" s="102">
        <v>4</v>
      </c>
      <c r="CO39" s="103">
        <v>7</v>
      </c>
      <c r="CP39" s="413">
        <v>0</v>
      </c>
      <c r="CQ39" s="102">
        <v>16</v>
      </c>
      <c r="CR39" s="102">
        <v>6</v>
      </c>
      <c r="CS39" s="102">
        <v>6</v>
      </c>
      <c r="CT39" s="102">
        <v>4</v>
      </c>
      <c r="CU39" s="102">
        <v>3</v>
      </c>
      <c r="CV39" s="103">
        <v>35</v>
      </c>
      <c r="CW39" s="104">
        <v>42</v>
      </c>
      <c r="CX39" s="105">
        <v>2</v>
      </c>
      <c r="CY39" s="97">
        <v>3</v>
      </c>
      <c r="CZ39" s="98">
        <v>5</v>
      </c>
      <c r="DA39" s="413">
        <v>0</v>
      </c>
      <c r="DB39" s="97">
        <v>3</v>
      </c>
      <c r="DC39" s="97">
        <v>3</v>
      </c>
      <c r="DD39" s="97">
        <v>1</v>
      </c>
      <c r="DE39" s="97">
        <v>1</v>
      </c>
      <c r="DF39" s="97">
        <v>0</v>
      </c>
      <c r="DG39" s="99">
        <v>8</v>
      </c>
      <c r="DH39" s="100">
        <v>13</v>
      </c>
      <c r="DI39" s="101">
        <v>0</v>
      </c>
      <c r="DJ39" s="102">
        <v>0</v>
      </c>
      <c r="DK39" s="103">
        <v>0</v>
      </c>
      <c r="DL39" s="413">
        <v>0</v>
      </c>
      <c r="DM39" s="102">
        <v>0</v>
      </c>
      <c r="DN39" s="102">
        <v>1</v>
      </c>
      <c r="DO39" s="102">
        <v>0</v>
      </c>
      <c r="DP39" s="102">
        <v>0</v>
      </c>
      <c r="DQ39" s="102">
        <v>0</v>
      </c>
      <c r="DR39" s="103">
        <v>1</v>
      </c>
      <c r="DS39" s="104">
        <v>1</v>
      </c>
      <c r="DT39" s="101">
        <v>0</v>
      </c>
      <c r="DU39" s="102">
        <v>0</v>
      </c>
      <c r="DV39" s="103">
        <v>0</v>
      </c>
      <c r="DW39" s="413">
        <v>0</v>
      </c>
      <c r="DX39" s="102">
        <v>0</v>
      </c>
      <c r="DY39" s="102">
        <v>1</v>
      </c>
      <c r="DZ39" s="102">
        <v>0</v>
      </c>
      <c r="EA39" s="102">
        <v>0</v>
      </c>
      <c r="EB39" s="102">
        <v>0</v>
      </c>
      <c r="EC39" s="103">
        <v>1</v>
      </c>
      <c r="ED39" s="104">
        <v>1</v>
      </c>
      <c r="EE39" s="101">
        <v>1</v>
      </c>
      <c r="EF39" s="102">
        <v>0</v>
      </c>
      <c r="EG39" s="103">
        <v>1</v>
      </c>
      <c r="EH39" s="413">
        <v>0</v>
      </c>
      <c r="EI39" s="102">
        <v>0</v>
      </c>
      <c r="EJ39" s="102">
        <v>0</v>
      </c>
      <c r="EK39" s="102">
        <v>0</v>
      </c>
      <c r="EL39" s="102">
        <v>0</v>
      </c>
      <c r="EM39" s="102">
        <v>0</v>
      </c>
      <c r="EN39" s="103">
        <v>0</v>
      </c>
      <c r="EO39" s="104">
        <v>1</v>
      </c>
      <c r="EP39" s="101">
        <v>0</v>
      </c>
      <c r="EQ39" s="102">
        <v>0</v>
      </c>
      <c r="ER39" s="103">
        <v>0</v>
      </c>
      <c r="ES39" s="413">
        <v>0</v>
      </c>
      <c r="ET39" s="102">
        <v>1</v>
      </c>
      <c r="EU39" s="102">
        <v>0</v>
      </c>
      <c r="EV39" s="102">
        <v>0</v>
      </c>
      <c r="EW39" s="102">
        <v>0</v>
      </c>
      <c r="EX39" s="102">
        <v>0</v>
      </c>
      <c r="EY39" s="103">
        <v>1</v>
      </c>
      <c r="EZ39" s="104">
        <v>1</v>
      </c>
      <c r="FA39" s="101">
        <v>0</v>
      </c>
      <c r="FB39" s="102">
        <v>2</v>
      </c>
      <c r="FC39" s="103">
        <v>2</v>
      </c>
      <c r="FD39" s="413">
        <v>0</v>
      </c>
      <c r="FE39" s="102">
        <v>0</v>
      </c>
      <c r="FF39" s="102">
        <v>1</v>
      </c>
      <c r="FG39" s="102">
        <v>0</v>
      </c>
      <c r="FH39" s="102">
        <v>1</v>
      </c>
      <c r="FI39" s="102">
        <v>0</v>
      </c>
      <c r="FJ39" s="103">
        <v>2</v>
      </c>
      <c r="FK39" s="104">
        <v>4</v>
      </c>
      <c r="FL39" s="101">
        <v>1</v>
      </c>
      <c r="FM39" s="102">
        <v>1</v>
      </c>
      <c r="FN39" s="103">
        <v>2</v>
      </c>
      <c r="FO39" s="413">
        <v>0</v>
      </c>
      <c r="FP39" s="102">
        <v>2</v>
      </c>
      <c r="FQ39" s="102">
        <v>0</v>
      </c>
      <c r="FR39" s="102">
        <v>1</v>
      </c>
      <c r="FS39" s="102">
        <v>0</v>
      </c>
      <c r="FT39" s="102">
        <v>0</v>
      </c>
      <c r="FU39" s="103">
        <v>3</v>
      </c>
      <c r="FV39" s="104">
        <v>5</v>
      </c>
      <c r="FW39" s="101">
        <v>0</v>
      </c>
      <c r="FX39" s="102">
        <v>0</v>
      </c>
      <c r="FY39" s="103">
        <v>0</v>
      </c>
      <c r="FZ39" s="413">
        <v>0</v>
      </c>
      <c r="GA39" s="102">
        <v>0</v>
      </c>
      <c r="GB39" s="102">
        <v>0</v>
      </c>
      <c r="GC39" s="102">
        <v>0</v>
      </c>
      <c r="GD39" s="102">
        <v>0</v>
      </c>
      <c r="GE39" s="102">
        <v>0</v>
      </c>
      <c r="GF39" s="103">
        <v>0</v>
      </c>
      <c r="GG39" s="104">
        <v>0</v>
      </c>
      <c r="GH39" s="101">
        <v>2</v>
      </c>
      <c r="GI39" s="102">
        <v>3</v>
      </c>
      <c r="GJ39" s="103">
        <v>5</v>
      </c>
      <c r="GK39" s="413">
        <v>0</v>
      </c>
      <c r="GL39" s="102">
        <v>3</v>
      </c>
      <c r="GM39" s="102">
        <v>3</v>
      </c>
      <c r="GN39" s="102">
        <v>1</v>
      </c>
      <c r="GO39" s="102">
        <v>1</v>
      </c>
      <c r="GP39" s="102">
        <v>0</v>
      </c>
      <c r="GQ39" s="103">
        <v>8</v>
      </c>
      <c r="GR39" s="104">
        <v>13</v>
      </c>
      <c r="GS39" s="105">
        <v>5</v>
      </c>
      <c r="GT39" s="97">
        <v>7</v>
      </c>
      <c r="GU39" s="98">
        <v>12</v>
      </c>
      <c r="GV39" s="413">
        <v>0</v>
      </c>
      <c r="GW39" s="97">
        <v>19</v>
      </c>
      <c r="GX39" s="97">
        <v>9</v>
      </c>
      <c r="GY39" s="97">
        <v>7</v>
      </c>
      <c r="GZ39" s="97">
        <v>5</v>
      </c>
      <c r="HA39" s="97">
        <v>3</v>
      </c>
      <c r="HB39" s="99">
        <v>43</v>
      </c>
      <c r="HC39" s="100">
        <v>55</v>
      </c>
      <c r="HD39" s="101">
        <v>0</v>
      </c>
      <c r="HE39" s="102">
        <v>0</v>
      </c>
      <c r="HF39" s="103">
        <v>0</v>
      </c>
      <c r="HG39" s="413">
        <v>0</v>
      </c>
      <c r="HH39" s="102">
        <v>0</v>
      </c>
      <c r="HI39" s="102">
        <v>2</v>
      </c>
      <c r="HJ39" s="102">
        <v>0</v>
      </c>
      <c r="HK39" s="102">
        <v>0</v>
      </c>
      <c r="HL39" s="102">
        <v>1</v>
      </c>
      <c r="HM39" s="103">
        <v>3</v>
      </c>
      <c r="HN39" s="104">
        <v>3</v>
      </c>
      <c r="HO39" s="101">
        <v>1</v>
      </c>
      <c r="HP39" s="102">
        <v>0</v>
      </c>
      <c r="HQ39" s="103">
        <v>1</v>
      </c>
      <c r="HR39" s="413">
        <v>0</v>
      </c>
      <c r="HS39" s="102">
        <v>2</v>
      </c>
      <c r="HT39" s="102">
        <v>2</v>
      </c>
      <c r="HU39" s="102">
        <v>0</v>
      </c>
      <c r="HV39" s="102">
        <v>0</v>
      </c>
      <c r="HW39" s="102">
        <v>1</v>
      </c>
      <c r="HX39" s="103">
        <v>5</v>
      </c>
      <c r="HY39" s="104">
        <v>6</v>
      </c>
      <c r="HZ39" s="101">
        <v>1</v>
      </c>
      <c r="IA39" s="102">
        <v>0</v>
      </c>
      <c r="IB39" s="103">
        <v>1</v>
      </c>
      <c r="IC39" s="413">
        <v>0</v>
      </c>
      <c r="ID39" s="102">
        <v>0</v>
      </c>
      <c r="IE39" s="102">
        <v>0</v>
      </c>
      <c r="IF39" s="102">
        <v>1</v>
      </c>
      <c r="IG39" s="102">
        <v>2</v>
      </c>
      <c r="IH39" s="102">
        <v>0</v>
      </c>
      <c r="II39" s="103">
        <v>3</v>
      </c>
      <c r="IJ39" s="104">
        <v>4</v>
      </c>
      <c r="IK39" s="101">
        <v>0</v>
      </c>
      <c r="IL39" s="102">
        <v>1</v>
      </c>
      <c r="IM39" s="103">
        <v>1</v>
      </c>
      <c r="IN39" s="413">
        <v>0</v>
      </c>
      <c r="IO39" s="102">
        <v>3</v>
      </c>
      <c r="IP39" s="102">
        <v>2</v>
      </c>
      <c r="IQ39" s="102">
        <v>0</v>
      </c>
      <c r="IR39" s="102">
        <v>0</v>
      </c>
      <c r="IS39" s="102">
        <v>1</v>
      </c>
      <c r="IT39" s="103">
        <v>6</v>
      </c>
      <c r="IU39" s="104">
        <v>7</v>
      </c>
      <c r="IV39" s="101">
        <v>1</v>
      </c>
      <c r="IW39" s="102">
        <v>2</v>
      </c>
      <c r="IX39" s="103">
        <v>3</v>
      </c>
      <c r="IY39" s="413">
        <v>0</v>
      </c>
      <c r="IZ39" s="102">
        <v>8</v>
      </c>
      <c r="JA39" s="102">
        <v>3</v>
      </c>
      <c r="JB39" s="102">
        <v>2</v>
      </c>
      <c r="JC39" s="102">
        <v>2</v>
      </c>
      <c r="JD39" s="102">
        <v>0</v>
      </c>
      <c r="JE39" s="103">
        <v>15</v>
      </c>
      <c r="JF39" s="104">
        <v>18</v>
      </c>
      <c r="JG39" s="101">
        <v>2</v>
      </c>
      <c r="JH39" s="102">
        <v>4</v>
      </c>
      <c r="JI39" s="103">
        <v>6</v>
      </c>
      <c r="JJ39" s="413">
        <v>0</v>
      </c>
      <c r="JK39" s="102">
        <v>6</v>
      </c>
      <c r="JL39" s="102">
        <v>0</v>
      </c>
      <c r="JM39" s="102">
        <v>4</v>
      </c>
      <c r="JN39" s="102">
        <v>1</v>
      </c>
      <c r="JO39" s="102">
        <v>0</v>
      </c>
      <c r="JP39" s="103">
        <v>11</v>
      </c>
      <c r="JQ39" s="104">
        <v>17</v>
      </c>
      <c r="JR39" s="101">
        <v>0</v>
      </c>
      <c r="JS39" s="102">
        <v>0</v>
      </c>
      <c r="JT39" s="103">
        <v>0</v>
      </c>
      <c r="JU39" s="413">
        <v>0</v>
      </c>
      <c r="JV39" s="102">
        <v>0</v>
      </c>
      <c r="JW39" s="102">
        <v>0</v>
      </c>
      <c r="JX39" s="102">
        <v>0</v>
      </c>
      <c r="JY39" s="102">
        <v>0</v>
      </c>
      <c r="JZ39" s="102">
        <v>0</v>
      </c>
      <c r="KA39" s="103">
        <v>0</v>
      </c>
      <c r="KB39" s="104">
        <v>0</v>
      </c>
      <c r="KC39" s="101">
        <v>5</v>
      </c>
      <c r="KD39" s="102">
        <v>7</v>
      </c>
      <c r="KE39" s="103">
        <v>12</v>
      </c>
      <c r="KF39" s="413">
        <v>0</v>
      </c>
      <c r="KG39" s="102">
        <v>19</v>
      </c>
      <c r="KH39" s="102">
        <v>9</v>
      </c>
      <c r="KI39" s="102">
        <v>7</v>
      </c>
      <c r="KJ39" s="102">
        <v>5</v>
      </c>
      <c r="KK39" s="102">
        <v>3</v>
      </c>
      <c r="KL39" s="103">
        <v>43</v>
      </c>
      <c r="KM39" s="104">
        <v>55</v>
      </c>
    </row>
    <row r="40" spans="2:299" s="70" customFormat="1" ht="21" customHeight="1" thickBot="1" x14ac:dyDescent="0.25">
      <c r="B40" s="108" t="s">
        <v>37</v>
      </c>
      <c r="C40" s="109">
        <v>0</v>
      </c>
      <c r="D40" s="110">
        <v>0</v>
      </c>
      <c r="E40" s="111">
        <v>0</v>
      </c>
      <c r="F40" s="414">
        <v>0</v>
      </c>
      <c r="G40" s="110">
        <v>2</v>
      </c>
      <c r="H40" s="110">
        <v>4</v>
      </c>
      <c r="I40" s="110">
        <v>1</v>
      </c>
      <c r="J40" s="110">
        <v>0</v>
      </c>
      <c r="K40" s="110">
        <v>0</v>
      </c>
      <c r="L40" s="112">
        <v>7</v>
      </c>
      <c r="M40" s="113">
        <v>7</v>
      </c>
      <c r="N40" s="114">
        <v>0</v>
      </c>
      <c r="O40" s="115">
        <v>0</v>
      </c>
      <c r="P40" s="116">
        <v>0</v>
      </c>
      <c r="Q40" s="414">
        <v>0</v>
      </c>
      <c r="R40" s="115">
        <v>0</v>
      </c>
      <c r="S40" s="115">
        <v>0</v>
      </c>
      <c r="T40" s="115">
        <v>0</v>
      </c>
      <c r="U40" s="115">
        <v>0</v>
      </c>
      <c r="V40" s="115">
        <v>0</v>
      </c>
      <c r="W40" s="116">
        <v>0</v>
      </c>
      <c r="X40" s="117">
        <v>0</v>
      </c>
      <c r="Y40" s="114">
        <v>0</v>
      </c>
      <c r="Z40" s="115">
        <v>0</v>
      </c>
      <c r="AA40" s="116">
        <v>0</v>
      </c>
      <c r="AB40" s="414">
        <v>0</v>
      </c>
      <c r="AC40" s="115">
        <v>0</v>
      </c>
      <c r="AD40" s="115">
        <v>0</v>
      </c>
      <c r="AE40" s="115">
        <v>1</v>
      </c>
      <c r="AF40" s="115">
        <v>0</v>
      </c>
      <c r="AG40" s="115">
        <v>0</v>
      </c>
      <c r="AH40" s="116">
        <v>1</v>
      </c>
      <c r="AI40" s="117">
        <v>1</v>
      </c>
      <c r="AJ40" s="114">
        <v>0</v>
      </c>
      <c r="AK40" s="115">
        <v>0</v>
      </c>
      <c r="AL40" s="116">
        <v>0</v>
      </c>
      <c r="AM40" s="414">
        <v>0</v>
      </c>
      <c r="AN40" s="115">
        <v>0</v>
      </c>
      <c r="AO40" s="115">
        <v>2</v>
      </c>
      <c r="AP40" s="115">
        <v>0</v>
      </c>
      <c r="AQ40" s="115">
        <v>0</v>
      </c>
      <c r="AR40" s="115">
        <v>0</v>
      </c>
      <c r="AS40" s="116">
        <v>2</v>
      </c>
      <c r="AT40" s="117">
        <v>2</v>
      </c>
      <c r="AU40" s="114">
        <v>0</v>
      </c>
      <c r="AV40" s="115">
        <v>0</v>
      </c>
      <c r="AW40" s="116">
        <v>0</v>
      </c>
      <c r="AX40" s="414">
        <v>0</v>
      </c>
      <c r="AY40" s="115">
        <v>1</v>
      </c>
      <c r="AZ40" s="115">
        <v>0</v>
      </c>
      <c r="BA40" s="115">
        <v>0</v>
      </c>
      <c r="BB40" s="115">
        <v>0</v>
      </c>
      <c r="BC40" s="115">
        <v>0</v>
      </c>
      <c r="BD40" s="116">
        <v>1</v>
      </c>
      <c r="BE40" s="117">
        <v>1</v>
      </c>
      <c r="BF40" s="114">
        <v>0</v>
      </c>
      <c r="BG40" s="115">
        <v>0</v>
      </c>
      <c r="BH40" s="116">
        <v>0</v>
      </c>
      <c r="BI40" s="414">
        <v>0</v>
      </c>
      <c r="BJ40" s="115">
        <v>1</v>
      </c>
      <c r="BK40" s="115">
        <v>1</v>
      </c>
      <c r="BL40" s="115">
        <v>0</v>
      </c>
      <c r="BM40" s="115">
        <v>0</v>
      </c>
      <c r="BN40" s="115">
        <v>0</v>
      </c>
      <c r="BO40" s="116">
        <v>2</v>
      </c>
      <c r="BP40" s="117">
        <v>2</v>
      </c>
      <c r="BQ40" s="114">
        <v>0</v>
      </c>
      <c r="BR40" s="115">
        <v>0</v>
      </c>
      <c r="BS40" s="116">
        <v>0</v>
      </c>
      <c r="BT40" s="414">
        <v>0</v>
      </c>
      <c r="BU40" s="115">
        <v>0</v>
      </c>
      <c r="BV40" s="115">
        <v>1</v>
      </c>
      <c r="BW40" s="115">
        <v>0</v>
      </c>
      <c r="BX40" s="115">
        <v>0</v>
      </c>
      <c r="BY40" s="115">
        <v>0</v>
      </c>
      <c r="BZ40" s="116">
        <v>1</v>
      </c>
      <c r="CA40" s="117">
        <v>1</v>
      </c>
      <c r="CB40" s="114">
        <v>0</v>
      </c>
      <c r="CC40" s="115">
        <v>0</v>
      </c>
      <c r="CD40" s="116">
        <v>0</v>
      </c>
      <c r="CE40" s="414">
        <v>0</v>
      </c>
      <c r="CF40" s="115">
        <v>0</v>
      </c>
      <c r="CG40" s="115">
        <v>0</v>
      </c>
      <c r="CH40" s="115">
        <v>0</v>
      </c>
      <c r="CI40" s="115">
        <v>0</v>
      </c>
      <c r="CJ40" s="115">
        <v>0</v>
      </c>
      <c r="CK40" s="116">
        <v>0</v>
      </c>
      <c r="CL40" s="117">
        <v>0</v>
      </c>
      <c r="CM40" s="114">
        <v>0</v>
      </c>
      <c r="CN40" s="115">
        <v>0</v>
      </c>
      <c r="CO40" s="116">
        <v>0</v>
      </c>
      <c r="CP40" s="414">
        <v>0</v>
      </c>
      <c r="CQ40" s="115">
        <v>2</v>
      </c>
      <c r="CR40" s="115">
        <v>4</v>
      </c>
      <c r="CS40" s="115">
        <v>1</v>
      </c>
      <c r="CT40" s="115">
        <v>0</v>
      </c>
      <c r="CU40" s="115">
        <v>0</v>
      </c>
      <c r="CV40" s="116">
        <v>7</v>
      </c>
      <c r="CW40" s="117">
        <v>7</v>
      </c>
      <c r="CX40" s="118">
        <v>0</v>
      </c>
      <c r="CY40" s="110">
        <v>0</v>
      </c>
      <c r="CZ40" s="111">
        <v>0</v>
      </c>
      <c r="DA40" s="414">
        <v>0</v>
      </c>
      <c r="DB40" s="110">
        <v>0</v>
      </c>
      <c r="DC40" s="110">
        <v>0</v>
      </c>
      <c r="DD40" s="110">
        <v>0</v>
      </c>
      <c r="DE40" s="110">
        <v>1</v>
      </c>
      <c r="DF40" s="110">
        <v>0</v>
      </c>
      <c r="DG40" s="112">
        <v>1</v>
      </c>
      <c r="DH40" s="113">
        <v>1</v>
      </c>
      <c r="DI40" s="114">
        <v>0</v>
      </c>
      <c r="DJ40" s="115">
        <v>0</v>
      </c>
      <c r="DK40" s="116">
        <v>0</v>
      </c>
      <c r="DL40" s="414">
        <v>0</v>
      </c>
      <c r="DM40" s="115">
        <v>0</v>
      </c>
      <c r="DN40" s="115">
        <v>0</v>
      </c>
      <c r="DO40" s="115">
        <v>0</v>
      </c>
      <c r="DP40" s="115">
        <v>0</v>
      </c>
      <c r="DQ40" s="115">
        <v>0</v>
      </c>
      <c r="DR40" s="116">
        <v>0</v>
      </c>
      <c r="DS40" s="117">
        <v>0</v>
      </c>
      <c r="DT40" s="114">
        <v>0</v>
      </c>
      <c r="DU40" s="115">
        <v>0</v>
      </c>
      <c r="DV40" s="116">
        <v>0</v>
      </c>
      <c r="DW40" s="414">
        <v>0</v>
      </c>
      <c r="DX40" s="115">
        <v>0</v>
      </c>
      <c r="DY40" s="115">
        <v>0</v>
      </c>
      <c r="DZ40" s="115">
        <v>0</v>
      </c>
      <c r="EA40" s="115">
        <v>1</v>
      </c>
      <c r="EB40" s="115">
        <v>0</v>
      </c>
      <c r="EC40" s="116">
        <v>1</v>
      </c>
      <c r="ED40" s="117">
        <v>1</v>
      </c>
      <c r="EE40" s="114">
        <v>0</v>
      </c>
      <c r="EF40" s="115">
        <v>0</v>
      </c>
      <c r="EG40" s="116">
        <v>0</v>
      </c>
      <c r="EH40" s="414">
        <v>0</v>
      </c>
      <c r="EI40" s="115">
        <v>0</v>
      </c>
      <c r="EJ40" s="115">
        <v>0</v>
      </c>
      <c r="EK40" s="115">
        <v>0</v>
      </c>
      <c r="EL40" s="115">
        <v>0</v>
      </c>
      <c r="EM40" s="115">
        <v>0</v>
      </c>
      <c r="EN40" s="116">
        <v>0</v>
      </c>
      <c r="EO40" s="117">
        <v>0</v>
      </c>
      <c r="EP40" s="114">
        <v>0</v>
      </c>
      <c r="EQ40" s="115">
        <v>0</v>
      </c>
      <c r="ER40" s="116">
        <v>0</v>
      </c>
      <c r="ES40" s="414">
        <v>0</v>
      </c>
      <c r="ET40" s="115">
        <v>0</v>
      </c>
      <c r="EU40" s="115">
        <v>0</v>
      </c>
      <c r="EV40" s="115">
        <v>0</v>
      </c>
      <c r="EW40" s="115">
        <v>0</v>
      </c>
      <c r="EX40" s="115">
        <v>0</v>
      </c>
      <c r="EY40" s="116">
        <v>0</v>
      </c>
      <c r="EZ40" s="117">
        <v>0</v>
      </c>
      <c r="FA40" s="114">
        <v>0</v>
      </c>
      <c r="FB40" s="115">
        <v>0</v>
      </c>
      <c r="FC40" s="116">
        <v>0</v>
      </c>
      <c r="FD40" s="414">
        <v>0</v>
      </c>
      <c r="FE40" s="115">
        <v>0</v>
      </c>
      <c r="FF40" s="115">
        <v>0</v>
      </c>
      <c r="FG40" s="115">
        <v>0</v>
      </c>
      <c r="FH40" s="115">
        <v>0</v>
      </c>
      <c r="FI40" s="115">
        <v>0</v>
      </c>
      <c r="FJ40" s="116">
        <v>0</v>
      </c>
      <c r="FK40" s="117">
        <v>0</v>
      </c>
      <c r="FL40" s="114">
        <v>0</v>
      </c>
      <c r="FM40" s="115">
        <v>0</v>
      </c>
      <c r="FN40" s="116">
        <v>0</v>
      </c>
      <c r="FO40" s="414">
        <v>0</v>
      </c>
      <c r="FP40" s="115">
        <v>0</v>
      </c>
      <c r="FQ40" s="115">
        <v>0</v>
      </c>
      <c r="FR40" s="115">
        <v>0</v>
      </c>
      <c r="FS40" s="115">
        <v>0</v>
      </c>
      <c r="FT40" s="115">
        <v>0</v>
      </c>
      <c r="FU40" s="116">
        <v>0</v>
      </c>
      <c r="FV40" s="117">
        <v>0</v>
      </c>
      <c r="FW40" s="114">
        <v>0</v>
      </c>
      <c r="FX40" s="115">
        <v>0</v>
      </c>
      <c r="FY40" s="116">
        <v>0</v>
      </c>
      <c r="FZ40" s="414">
        <v>0</v>
      </c>
      <c r="GA40" s="115">
        <v>0</v>
      </c>
      <c r="GB40" s="115">
        <v>0</v>
      </c>
      <c r="GC40" s="115">
        <v>0</v>
      </c>
      <c r="GD40" s="115">
        <v>0</v>
      </c>
      <c r="GE40" s="115">
        <v>0</v>
      </c>
      <c r="GF40" s="116">
        <v>0</v>
      </c>
      <c r="GG40" s="117">
        <v>0</v>
      </c>
      <c r="GH40" s="114">
        <v>0</v>
      </c>
      <c r="GI40" s="115">
        <v>0</v>
      </c>
      <c r="GJ40" s="116">
        <v>0</v>
      </c>
      <c r="GK40" s="414">
        <v>0</v>
      </c>
      <c r="GL40" s="115">
        <v>0</v>
      </c>
      <c r="GM40" s="115">
        <v>0</v>
      </c>
      <c r="GN40" s="115">
        <v>0</v>
      </c>
      <c r="GO40" s="115">
        <v>1</v>
      </c>
      <c r="GP40" s="115">
        <v>0</v>
      </c>
      <c r="GQ40" s="116">
        <v>1</v>
      </c>
      <c r="GR40" s="117">
        <v>1</v>
      </c>
      <c r="GS40" s="118">
        <v>0</v>
      </c>
      <c r="GT40" s="110">
        <v>0</v>
      </c>
      <c r="GU40" s="111">
        <v>0</v>
      </c>
      <c r="GV40" s="414">
        <v>0</v>
      </c>
      <c r="GW40" s="110">
        <v>2</v>
      </c>
      <c r="GX40" s="110">
        <v>4</v>
      </c>
      <c r="GY40" s="110">
        <v>1</v>
      </c>
      <c r="GZ40" s="110">
        <v>1</v>
      </c>
      <c r="HA40" s="110">
        <v>0</v>
      </c>
      <c r="HB40" s="112">
        <v>8</v>
      </c>
      <c r="HC40" s="113">
        <v>8</v>
      </c>
      <c r="HD40" s="114">
        <v>0</v>
      </c>
      <c r="HE40" s="115">
        <v>0</v>
      </c>
      <c r="HF40" s="116">
        <v>0</v>
      </c>
      <c r="HG40" s="414">
        <v>0</v>
      </c>
      <c r="HH40" s="115">
        <v>0</v>
      </c>
      <c r="HI40" s="115">
        <v>0</v>
      </c>
      <c r="HJ40" s="115">
        <v>0</v>
      </c>
      <c r="HK40" s="115">
        <v>0</v>
      </c>
      <c r="HL40" s="115">
        <v>0</v>
      </c>
      <c r="HM40" s="116">
        <v>0</v>
      </c>
      <c r="HN40" s="117">
        <v>0</v>
      </c>
      <c r="HO40" s="114">
        <v>0</v>
      </c>
      <c r="HP40" s="115">
        <v>0</v>
      </c>
      <c r="HQ40" s="116">
        <v>0</v>
      </c>
      <c r="HR40" s="414">
        <v>0</v>
      </c>
      <c r="HS40" s="115">
        <v>0</v>
      </c>
      <c r="HT40" s="115">
        <v>0</v>
      </c>
      <c r="HU40" s="115">
        <v>1</v>
      </c>
      <c r="HV40" s="115">
        <v>1</v>
      </c>
      <c r="HW40" s="115">
        <v>0</v>
      </c>
      <c r="HX40" s="116">
        <v>2</v>
      </c>
      <c r="HY40" s="117">
        <v>2</v>
      </c>
      <c r="HZ40" s="114">
        <v>0</v>
      </c>
      <c r="IA40" s="115">
        <v>0</v>
      </c>
      <c r="IB40" s="116">
        <v>0</v>
      </c>
      <c r="IC40" s="414">
        <v>0</v>
      </c>
      <c r="ID40" s="115">
        <v>0</v>
      </c>
      <c r="IE40" s="115">
        <v>2</v>
      </c>
      <c r="IF40" s="115">
        <v>0</v>
      </c>
      <c r="IG40" s="115">
        <v>0</v>
      </c>
      <c r="IH40" s="115">
        <v>0</v>
      </c>
      <c r="II40" s="116">
        <v>2</v>
      </c>
      <c r="IJ40" s="117">
        <v>2</v>
      </c>
      <c r="IK40" s="114">
        <v>0</v>
      </c>
      <c r="IL40" s="115">
        <v>0</v>
      </c>
      <c r="IM40" s="116">
        <v>0</v>
      </c>
      <c r="IN40" s="414">
        <v>0</v>
      </c>
      <c r="IO40" s="115">
        <v>1</v>
      </c>
      <c r="IP40" s="115">
        <v>0</v>
      </c>
      <c r="IQ40" s="115">
        <v>0</v>
      </c>
      <c r="IR40" s="115">
        <v>0</v>
      </c>
      <c r="IS40" s="115">
        <v>0</v>
      </c>
      <c r="IT40" s="116">
        <v>1</v>
      </c>
      <c r="IU40" s="117">
        <v>1</v>
      </c>
      <c r="IV40" s="114">
        <v>0</v>
      </c>
      <c r="IW40" s="115">
        <v>0</v>
      </c>
      <c r="IX40" s="116">
        <v>0</v>
      </c>
      <c r="IY40" s="414">
        <v>0</v>
      </c>
      <c r="IZ40" s="115">
        <v>1</v>
      </c>
      <c r="JA40" s="115">
        <v>1</v>
      </c>
      <c r="JB40" s="115">
        <v>0</v>
      </c>
      <c r="JC40" s="115">
        <v>0</v>
      </c>
      <c r="JD40" s="115">
        <v>0</v>
      </c>
      <c r="JE40" s="116">
        <v>2</v>
      </c>
      <c r="JF40" s="117">
        <v>2</v>
      </c>
      <c r="JG40" s="114">
        <v>0</v>
      </c>
      <c r="JH40" s="115">
        <v>0</v>
      </c>
      <c r="JI40" s="116">
        <v>0</v>
      </c>
      <c r="JJ40" s="414">
        <v>0</v>
      </c>
      <c r="JK40" s="115">
        <v>0</v>
      </c>
      <c r="JL40" s="115">
        <v>1</v>
      </c>
      <c r="JM40" s="115">
        <v>0</v>
      </c>
      <c r="JN40" s="115">
        <v>0</v>
      </c>
      <c r="JO40" s="115">
        <v>0</v>
      </c>
      <c r="JP40" s="116">
        <v>1</v>
      </c>
      <c r="JQ40" s="117">
        <v>1</v>
      </c>
      <c r="JR40" s="114">
        <v>0</v>
      </c>
      <c r="JS40" s="115">
        <v>0</v>
      </c>
      <c r="JT40" s="116">
        <v>0</v>
      </c>
      <c r="JU40" s="414">
        <v>0</v>
      </c>
      <c r="JV40" s="115">
        <v>0</v>
      </c>
      <c r="JW40" s="115">
        <v>0</v>
      </c>
      <c r="JX40" s="115">
        <v>0</v>
      </c>
      <c r="JY40" s="115">
        <v>0</v>
      </c>
      <c r="JZ40" s="115">
        <v>0</v>
      </c>
      <c r="KA40" s="116">
        <v>0</v>
      </c>
      <c r="KB40" s="117">
        <v>0</v>
      </c>
      <c r="KC40" s="114">
        <v>0</v>
      </c>
      <c r="KD40" s="115">
        <v>0</v>
      </c>
      <c r="KE40" s="116">
        <v>0</v>
      </c>
      <c r="KF40" s="414">
        <v>0</v>
      </c>
      <c r="KG40" s="115">
        <v>2</v>
      </c>
      <c r="KH40" s="115">
        <v>4</v>
      </c>
      <c r="KI40" s="115">
        <v>1</v>
      </c>
      <c r="KJ40" s="115">
        <v>1</v>
      </c>
      <c r="KK40" s="115">
        <v>0</v>
      </c>
      <c r="KL40" s="116">
        <v>8</v>
      </c>
      <c r="KM40" s="117">
        <v>8</v>
      </c>
    </row>
    <row r="41" spans="2:299" ht="32.25" customHeight="1" x14ac:dyDescent="0.2"/>
  </sheetData>
  <mergeCells count="36">
    <mergeCell ref="GS5:HC5"/>
    <mergeCell ref="DI5:DS5"/>
    <mergeCell ref="DT5:ED5"/>
    <mergeCell ref="EE5:EO5"/>
    <mergeCell ref="GS3:KM3"/>
    <mergeCell ref="GS4:JQ4"/>
    <mergeCell ref="JR4:KB5"/>
    <mergeCell ref="KC4:KM5"/>
    <mergeCell ref="IK5:IU5"/>
    <mergeCell ref="IV5:JF5"/>
    <mergeCell ref="JG5:JQ5"/>
    <mergeCell ref="HD5:HN5"/>
    <mergeCell ref="HO5:HY5"/>
    <mergeCell ref="HZ5:IJ5"/>
    <mergeCell ref="CX4:FV4"/>
    <mergeCell ref="FW4:GG5"/>
    <mergeCell ref="I1:J1"/>
    <mergeCell ref="F1:G1"/>
    <mergeCell ref="CB4:CL5"/>
    <mergeCell ref="B3:B5"/>
    <mergeCell ref="C3:CW3"/>
    <mergeCell ref="CX3:GR3"/>
    <mergeCell ref="C5:M5"/>
    <mergeCell ref="N5:X5"/>
    <mergeCell ref="Y5:AI5"/>
    <mergeCell ref="AJ5:AT5"/>
    <mergeCell ref="AU5:BE5"/>
    <mergeCell ref="EP5:EZ5"/>
    <mergeCell ref="GH4:GR5"/>
    <mergeCell ref="BQ5:CA5"/>
    <mergeCell ref="CX5:DH5"/>
    <mergeCell ref="FA5:FK5"/>
    <mergeCell ref="FL5:FV5"/>
    <mergeCell ref="C4:CA4"/>
    <mergeCell ref="CM4:CW5"/>
    <mergeCell ref="BF5:BP5"/>
  </mergeCells>
  <phoneticPr fontId="4"/>
  <printOptions horizontalCentered="1"/>
  <pageMargins left="0.59055118110236227" right="0.39370078740157483" top="0.59055118110236227" bottom="0.55118110236220474" header="0.23622047244094491" footer="0.27559055118110237"/>
  <pageSetup paperSize="9" scale="45" orientation="landscape" r:id="rId1"/>
  <headerFooter alignWithMargins="0">
    <oddFooter>&amp;L&amp;20&amp;X&amp;A&amp;C&amp;P/&amp;N</oddFooter>
  </headerFooter>
  <colBreaks count="4" manualBreakCount="4">
    <brk id="35" max="40" man="1"/>
    <brk id="68" max="1048575" man="1"/>
    <brk id="101" max="1048575" man="1"/>
    <brk id="134" max="40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KM41"/>
  <sheetViews>
    <sheetView zoomScaleNormal="100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11" width="7.88671875" style="70" customWidth="1"/>
    <col min="12" max="13" width="8.77734375" style="70" customWidth="1"/>
    <col min="14" max="33" width="7.88671875" style="70" customWidth="1"/>
    <col min="34" max="34" width="9.109375" style="70" customWidth="1"/>
    <col min="35" max="35" width="8.44140625" style="70" customWidth="1"/>
    <col min="36" max="55" width="7.88671875" style="70" customWidth="1"/>
    <col min="56" max="56" width="9.109375" style="70" customWidth="1"/>
    <col min="57" max="57" width="8.44140625" style="70" customWidth="1"/>
    <col min="58" max="77" width="7.88671875" style="70" customWidth="1"/>
    <col min="78" max="78" width="9.109375" style="70" customWidth="1"/>
    <col min="79" max="79" width="8.44140625" style="70" customWidth="1"/>
    <col min="80" max="86" width="7.88671875" style="70" customWidth="1"/>
    <col min="87" max="93" width="9" style="70"/>
    <col min="94" max="94" width="8.44140625" style="70" customWidth="1"/>
    <col min="95" max="102" width="9" style="70"/>
    <col min="103" max="104" width="9" style="71"/>
    <col min="105" max="105" width="7.77734375" style="71" customWidth="1"/>
    <col min="106" max="115" width="9" style="71"/>
    <col min="116" max="116" width="7.77734375" style="71" customWidth="1"/>
    <col min="117" max="126" width="9" style="71"/>
    <col min="127" max="127" width="7.77734375" style="71" customWidth="1"/>
    <col min="128" max="137" width="9" style="71"/>
    <col min="138" max="138" width="8" style="71" customWidth="1"/>
    <col min="139" max="148" width="9" style="71"/>
    <col min="149" max="149" width="7.77734375" style="71" customWidth="1"/>
    <col min="150" max="159" width="9" style="71"/>
    <col min="160" max="160" width="7.44140625" style="71" customWidth="1"/>
    <col min="161" max="170" width="9" style="71"/>
    <col min="171" max="171" width="7.88671875" style="71" customWidth="1"/>
    <col min="172" max="181" width="9" style="71"/>
    <col min="182" max="182" width="7.21875" style="71" customWidth="1"/>
    <col min="183" max="192" width="9" style="71"/>
    <col min="193" max="193" width="8" style="71" customWidth="1"/>
    <col min="194" max="203" width="9" style="71"/>
    <col min="204" max="204" width="7.88671875" style="71" customWidth="1"/>
    <col min="205" max="214" width="9" style="71"/>
    <col min="215" max="215" width="7.88671875" style="71" customWidth="1"/>
    <col min="216" max="225" width="9" style="71"/>
    <col min="226" max="226" width="7.33203125" style="71" customWidth="1"/>
    <col min="227" max="236" width="9" style="71"/>
    <col min="237" max="237" width="7.6640625" style="71" customWidth="1"/>
    <col min="238" max="247" width="9" style="71"/>
    <col min="248" max="248" width="8" style="71" customWidth="1"/>
    <col min="249" max="258" width="9" style="71"/>
    <col min="259" max="259" width="8" style="71" customWidth="1"/>
    <col min="260" max="269" width="9" style="71"/>
    <col min="270" max="270" width="8" style="71" customWidth="1"/>
    <col min="271" max="280" width="9" style="71"/>
    <col min="281" max="281" width="8" style="71" customWidth="1"/>
    <col min="282" max="291" width="9" style="71"/>
    <col min="292" max="292" width="8.109375" style="71" customWidth="1"/>
    <col min="293" max="16384" width="9" style="71"/>
  </cols>
  <sheetData>
    <row r="1" spans="2:299" ht="24" customHeight="1" x14ac:dyDescent="0.2">
      <c r="B1" s="9" t="s">
        <v>119</v>
      </c>
      <c r="F1" s="442">
        <f>第１表!F2</f>
        <v>7</v>
      </c>
      <c r="G1" s="442"/>
      <c r="H1" s="18">
        <f>第１表!G2</f>
        <v>2</v>
      </c>
      <c r="I1" s="424">
        <f>H1</f>
        <v>2</v>
      </c>
      <c r="J1" s="424"/>
    </row>
    <row r="2" spans="2:299" ht="24" customHeight="1" thickBot="1" x14ac:dyDescent="0.25">
      <c r="B2" s="10" t="s">
        <v>149</v>
      </c>
    </row>
    <row r="3" spans="2:299" ht="21" customHeight="1" thickBot="1" x14ac:dyDescent="0.25">
      <c r="B3" s="425" t="s">
        <v>38</v>
      </c>
      <c r="C3" s="437" t="s">
        <v>96</v>
      </c>
      <c r="D3" s="437"/>
      <c r="E3" s="437"/>
      <c r="F3" s="437"/>
      <c r="G3" s="437"/>
      <c r="H3" s="437"/>
      <c r="I3" s="437"/>
      <c r="J3" s="437"/>
      <c r="K3" s="437"/>
      <c r="L3" s="437"/>
      <c r="M3" s="437"/>
      <c r="N3" s="437"/>
      <c r="O3" s="437"/>
      <c r="P3" s="437"/>
      <c r="Q3" s="437"/>
      <c r="R3" s="437"/>
      <c r="S3" s="437"/>
      <c r="T3" s="437"/>
      <c r="U3" s="437"/>
      <c r="V3" s="437"/>
      <c r="W3" s="437"/>
      <c r="X3" s="437"/>
      <c r="Y3" s="437"/>
      <c r="Z3" s="437"/>
      <c r="AA3" s="437"/>
      <c r="AB3" s="437"/>
      <c r="AC3" s="437"/>
      <c r="AD3" s="437"/>
      <c r="AE3" s="437"/>
      <c r="AF3" s="437"/>
      <c r="AG3" s="437"/>
      <c r="AH3" s="437"/>
      <c r="AI3" s="437"/>
      <c r="AJ3" s="437"/>
      <c r="AK3" s="437"/>
      <c r="AL3" s="437"/>
      <c r="AM3" s="437"/>
      <c r="AN3" s="437"/>
      <c r="AO3" s="437"/>
      <c r="AP3" s="437"/>
      <c r="AQ3" s="437"/>
      <c r="AR3" s="437"/>
      <c r="AS3" s="437"/>
      <c r="AT3" s="437"/>
      <c r="AU3" s="437"/>
      <c r="AV3" s="437"/>
      <c r="AW3" s="437"/>
      <c r="AX3" s="437"/>
      <c r="AY3" s="437"/>
      <c r="AZ3" s="437"/>
      <c r="BA3" s="437"/>
      <c r="BB3" s="437"/>
      <c r="BC3" s="437"/>
      <c r="BD3" s="437"/>
      <c r="BE3" s="437"/>
      <c r="BF3" s="437"/>
      <c r="BG3" s="437"/>
      <c r="BH3" s="437"/>
      <c r="BI3" s="437"/>
      <c r="BJ3" s="437"/>
      <c r="BK3" s="437"/>
      <c r="BL3" s="437"/>
      <c r="BM3" s="437"/>
      <c r="BN3" s="437"/>
      <c r="BO3" s="437"/>
      <c r="BP3" s="437"/>
      <c r="BQ3" s="437"/>
      <c r="BR3" s="437"/>
      <c r="BS3" s="437"/>
      <c r="BT3" s="437"/>
      <c r="BU3" s="437"/>
      <c r="BV3" s="437"/>
      <c r="BW3" s="437"/>
      <c r="BX3" s="437"/>
      <c r="BY3" s="437"/>
      <c r="BZ3" s="437"/>
      <c r="CA3" s="437"/>
      <c r="CB3" s="437"/>
      <c r="CC3" s="437"/>
      <c r="CD3" s="437"/>
      <c r="CE3" s="437"/>
      <c r="CF3" s="437"/>
      <c r="CG3" s="437"/>
      <c r="CH3" s="437"/>
      <c r="CI3" s="437"/>
      <c r="CJ3" s="437"/>
      <c r="CK3" s="437"/>
      <c r="CL3" s="437"/>
      <c r="CM3" s="437"/>
      <c r="CN3" s="437"/>
      <c r="CO3" s="437"/>
      <c r="CP3" s="437"/>
      <c r="CQ3" s="437"/>
      <c r="CR3" s="437"/>
      <c r="CS3" s="437"/>
      <c r="CT3" s="437"/>
      <c r="CU3" s="437"/>
      <c r="CV3" s="437"/>
      <c r="CW3" s="438"/>
      <c r="CX3" s="437" t="s">
        <v>102</v>
      </c>
      <c r="CY3" s="437"/>
      <c r="CZ3" s="437"/>
      <c r="DA3" s="437"/>
      <c r="DB3" s="437"/>
      <c r="DC3" s="437"/>
      <c r="DD3" s="437"/>
      <c r="DE3" s="437"/>
      <c r="DF3" s="437"/>
      <c r="DG3" s="437"/>
      <c r="DH3" s="437"/>
      <c r="DI3" s="437"/>
      <c r="DJ3" s="437"/>
      <c r="DK3" s="437"/>
      <c r="DL3" s="437"/>
      <c r="DM3" s="437"/>
      <c r="DN3" s="437"/>
      <c r="DO3" s="437"/>
      <c r="DP3" s="437"/>
      <c r="DQ3" s="437"/>
      <c r="DR3" s="437"/>
      <c r="DS3" s="437"/>
      <c r="DT3" s="437"/>
      <c r="DU3" s="437"/>
      <c r="DV3" s="437"/>
      <c r="DW3" s="437"/>
      <c r="DX3" s="437"/>
      <c r="DY3" s="437"/>
      <c r="DZ3" s="437"/>
      <c r="EA3" s="437"/>
      <c r="EB3" s="437"/>
      <c r="EC3" s="437"/>
      <c r="ED3" s="437"/>
      <c r="EE3" s="437"/>
      <c r="EF3" s="437"/>
      <c r="EG3" s="437"/>
      <c r="EH3" s="437"/>
      <c r="EI3" s="437"/>
      <c r="EJ3" s="437"/>
      <c r="EK3" s="437"/>
      <c r="EL3" s="437"/>
      <c r="EM3" s="437"/>
      <c r="EN3" s="437"/>
      <c r="EO3" s="437"/>
      <c r="EP3" s="437"/>
      <c r="EQ3" s="437"/>
      <c r="ER3" s="437"/>
      <c r="ES3" s="437"/>
      <c r="ET3" s="437"/>
      <c r="EU3" s="437"/>
      <c r="EV3" s="437"/>
      <c r="EW3" s="437"/>
      <c r="EX3" s="437"/>
      <c r="EY3" s="437"/>
      <c r="EZ3" s="437"/>
      <c r="FA3" s="437"/>
      <c r="FB3" s="437"/>
      <c r="FC3" s="437"/>
      <c r="FD3" s="437"/>
      <c r="FE3" s="437"/>
      <c r="FF3" s="437"/>
      <c r="FG3" s="437"/>
      <c r="FH3" s="437"/>
      <c r="FI3" s="437"/>
      <c r="FJ3" s="437"/>
      <c r="FK3" s="437"/>
      <c r="FL3" s="437"/>
      <c r="FM3" s="437"/>
      <c r="FN3" s="437"/>
      <c r="FO3" s="437"/>
      <c r="FP3" s="437"/>
      <c r="FQ3" s="437"/>
      <c r="FR3" s="437"/>
      <c r="FS3" s="437"/>
      <c r="FT3" s="437"/>
      <c r="FU3" s="437"/>
      <c r="FV3" s="437"/>
      <c r="FW3" s="437"/>
      <c r="FX3" s="437"/>
      <c r="FY3" s="437"/>
      <c r="FZ3" s="437"/>
      <c r="GA3" s="437"/>
      <c r="GB3" s="437"/>
      <c r="GC3" s="437"/>
      <c r="GD3" s="437"/>
      <c r="GE3" s="437"/>
      <c r="GF3" s="437"/>
      <c r="GG3" s="437"/>
      <c r="GH3" s="437"/>
      <c r="GI3" s="437"/>
      <c r="GJ3" s="437"/>
      <c r="GK3" s="437"/>
      <c r="GL3" s="437"/>
      <c r="GM3" s="437"/>
      <c r="GN3" s="437"/>
      <c r="GO3" s="437"/>
      <c r="GP3" s="437"/>
      <c r="GQ3" s="437"/>
      <c r="GR3" s="438"/>
      <c r="GS3" s="437" t="s">
        <v>103</v>
      </c>
      <c r="GT3" s="437"/>
      <c r="GU3" s="437"/>
      <c r="GV3" s="437"/>
      <c r="GW3" s="437"/>
      <c r="GX3" s="437"/>
      <c r="GY3" s="437"/>
      <c r="GZ3" s="437"/>
      <c r="HA3" s="437"/>
      <c r="HB3" s="437"/>
      <c r="HC3" s="437"/>
      <c r="HD3" s="437"/>
      <c r="HE3" s="437"/>
      <c r="HF3" s="437"/>
      <c r="HG3" s="437"/>
      <c r="HH3" s="437"/>
      <c r="HI3" s="437"/>
      <c r="HJ3" s="437"/>
      <c r="HK3" s="437"/>
      <c r="HL3" s="437"/>
      <c r="HM3" s="437"/>
      <c r="HN3" s="437"/>
      <c r="HO3" s="437"/>
      <c r="HP3" s="437"/>
      <c r="HQ3" s="437"/>
      <c r="HR3" s="437"/>
      <c r="HS3" s="437"/>
      <c r="HT3" s="437"/>
      <c r="HU3" s="437"/>
      <c r="HV3" s="437"/>
      <c r="HW3" s="437"/>
      <c r="HX3" s="437"/>
      <c r="HY3" s="437"/>
      <c r="HZ3" s="437"/>
      <c r="IA3" s="437"/>
      <c r="IB3" s="437"/>
      <c r="IC3" s="437"/>
      <c r="ID3" s="437"/>
      <c r="IE3" s="437"/>
      <c r="IF3" s="437"/>
      <c r="IG3" s="437"/>
      <c r="IH3" s="437"/>
      <c r="II3" s="437"/>
      <c r="IJ3" s="437"/>
      <c r="IK3" s="437"/>
      <c r="IL3" s="437"/>
      <c r="IM3" s="437"/>
      <c r="IN3" s="437"/>
      <c r="IO3" s="437"/>
      <c r="IP3" s="437"/>
      <c r="IQ3" s="437"/>
      <c r="IR3" s="437"/>
      <c r="IS3" s="437"/>
      <c r="IT3" s="437"/>
      <c r="IU3" s="437"/>
      <c r="IV3" s="437"/>
      <c r="IW3" s="437"/>
      <c r="IX3" s="437"/>
      <c r="IY3" s="437"/>
      <c r="IZ3" s="437"/>
      <c r="JA3" s="437"/>
      <c r="JB3" s="437"/>
      <c r="JC3" s="437"/>
      <c r="JD3" s="437"/>
      <c r="JE3" s="437"/>
      <c r="JF3" s="437"/>
      <c r="JG3" s="437"/>
      <c r="JH3" s="437"/>
      <c r="JI3" s="437"/>
      <c r="JJ3" s="437"/>
      <c r="JK3" s="437"/>
      <c r="JL3" s="437"/>
      <c r="JM3" s="437"/>
      <c r="JN3" s="437"/>
      <c r="JO3" s="437"/>
      <c r="JP3" s="437"/>
      <c r="JQ3" s="437"/>
      <c r="JR3" s="437"/>
      <c r="JS3" s="437"/>
      <c r="JT3" s="437"/>
      <c r="JU3" s="437"/>
      <c r="JV3" s="437"/>
      <c r="JW3" s="437"/>
      <c r="JX3" s="437"/>
      <c r="JY3" s="437"/>
      <c r="JZ3" s="437"/>
      <c r="KA3" s="437"/>
      <c r="KB3" s="437"/>
      <c r="KC3" s="437"/>
      <c r="KD3" s="437"/>
      <c r="KE3" s="437"/>
      <c r="KF3" s="437"/>
      <c r="KG3" s="437"/>
      <c r="KH3" s="437"/>
      <c r="KI3" s="437"/>
      <c r="KJ3" s="437"/>
      <c r="KK3" s="437"/>
      <c r="KL3" s="437"/>
      <c r="KM3" s="438"/>
    </row>
    <row r="4" spans="2:299" ht="21" customHeight="1" thickBot="1" x14ac:dyDescent="0.25">
      <c r="B4" s="443"/>
      <c r="C4" s="439" t="s">
        <v>39</v>
      </c>
      <c r="D4" s="440"/>
      <c r="E4" s="440"/>
      <c r="F4" s="440"/>
      <c r="G4" s="440"/>
      <c r="H4" s="440"/>
      <c r="I4" s="440"/>
      <c r="J4" s="440"/>
      <c r="K4" s="440"/>
      <c r="L4" s="440"/>
      <c r="M4" s="440"/>
      <c r="N4" s="440"/>
      <c r="O4" s="440"/>
      <c r="P4" s="440"/>
      <c r="Q4" s="440"/>
      <c r="R4" s="440"/>
      <c r="S4" s="440"/>
      <c r="T4" s="440"/>
      <c r="U4" s="440"/>
      <c r="V4" s="440"/>
      <c r="W4" s="440"/>
      <c r="X4" s="440"/>
      <c r="Y4" s="440"/>
      <c r="Z4" s="440"/>
      <c r="AA4" s="440"/>
      <c r="AB4" s="440"/>
      <c r="AC4" s="440"/>
      <c r="AD4" s="440"/>
      <c r="AE4" s="440"/>
      <c r="AF4" s="440"/>
      <c r="AG4" s="440"/>
      <c r="AH4" s="440"/>
      <c r="AI4" s="440"/>
      <c r="AJ4" s="440"/>
      <c r="AK4" s="440"/>
      <c r="AL4" s="440"/>
      <c r="AM4" s="440"/>
      <c r="AN4" s="440"/>
      <c r="AO4" s="440"/>
      <c r="AP4" s="440"/>
      <c r="AQ4" s="440"/>
      <c r="AR4" s="440"/>
      <c r="AS4" s="440"/>
      <c r="AT4" s="440"/>
      <c r="AU4" s="440"/>
      <c r="AV4" s="440"/>
      <c r="AW4" s="440"/>
      <c r="AX4" s="440"/>
      <c r="AY4" s="440"/>
      <c r="AZ4" s="440"/>
      <c r="BA4" s="440"/>
      <c r="BB4" s="440"/>
      <c r="BC4" s="440"/>
      <c r="BD4" s="440"/>
      <c r="BE4" s="440"/>
      <c r="BF4" s="440"/>
      <c r="BG4" s="440"/>
      <c r="BH4" s="440"/>
      <c r="BI4" s="440"/>
      <c r="BJ4" s="440"/>
      <c r="BK4" s="440"/>
      <c r="BL4" s="440"/>
      <c r="BM4" s="440"/>
      <c r="BN4" s="440"/>
      <c r="BO4" s="440"/>
      <c r="BP4" s="440"/>
      <c r="BQ4" s="440"/>
      <c r="BR4" s="440"/>
      <c r="BS4" s="440"/>
      <c r="BT4" s="440"/>
      <c r="BU4" s="440"/>
      <c r="BV4" s="440"/>
      <c r="BW4" s="440"/>
      <c r="BX4" s="440"/>
      <c r="BY4" s="440"/>
      <c r="BZ4" s="440"/>
      <c r="CA4" s="441"/>
      <c r="CB4" s="425" t="s">
        <v>40</v>
      </c>
      <c r="CC4" s="426"/>
      <c r="CD4" s="426"/>
      <c r="CE4" s="426"/>
      <c r="CF4" s="426"/>
      <c r="CG4" s="426"/>
      <c r="CH4" s="426"/>
      <c r="CI4" s="426"/>
      <c r="CJ4" s="426"/>
      <c r="CK4" s="426"/>
      <c r="CL4" s="427"/>
      <c r="CM4" s="425" t="s">
        <v>41</v>
      </c>
      <c r="CN4" s="426"/>
      <c r="CO4" s="426"/>
      <c r="CP4" s="426"/>
      <c r="CQ4" s="426"/>
      <c r="CR4" s="426"/>
      <c r="CS4" s="426"/>
      <c r="CT4" s="426"/>
      <c r="CU4" s="426"/>
      <c r="CV4" s="426"/>
      <c r="CW4" s="427"/>
      <c r="CX4" s="439" t="s">
        <v>39</v>
      </c>
      <c r="CY4" s="440"/>
      <c r="CZ4" s="440"/>
      <c r="DA4" s="440"/>
      <c r="DB4" s="440"/>
      <c r="DC4" s="440"/>
      <c r="DD4" s="440"/>
      <c r="DE4" s="440"/>
      <c r="DF4" s="440"/>
      <c r="DG4" s="440"/>
      <c r="DH4" s="440"/>
      <c r="DI4" s="440"/>
      <c r="DJ4" s="440"/>
      <c r="DK4" s="440"/>
      <c r="DL4" s="440"/>
      <c r="DM4" s="440"/>
      <c r="DN4" s="440"/>
      <c r="DO4" s="440"/>
      <c r="DP4" s="440"/>
      <c r="DQ4" s="440"/>
      <c r="DR4" s="440"/>
      <c r="DS4" s="440"/>
      <c r="DT4" s="440"/>
      <c r="DU4" s="440"/>
      <c r="DV4" s="440"/>
      <c r="DW4" s="440"/>
      <c r="DX4" s="440"/>
      <c r="DY4" s="440"/>
      <c r="DZ4" s="440"/>
      <c r="EA4" s="440"/>
      <c r="EB4" s="440"/>
      <c r="EC4" s="440"/>
      <c r="ED4" s="440"/>
      <c r="EE4" s="440"/>
      <c r="EF4" s="440"/>
      <c r="EG4" s="440"/>
      <c r="EH4" s="440"/>
      <c r="EI4" s="440"/>
      <c r="EJ4" s="440"/>
      <c r="EK4" s="440"/>
      <c r="EL4" s="440"/>
      <c r="EM4" s="440"/>
      <c r="EN4" s="440"/>
      <c r="EO4" s="440"/>
      <c r="EP4" s="440"/>
      <c r="EQ4" s="440"/>
      <c r="ER4" s="440"/>
      <c r="ES4" s="440"/>
      <c r="ET4" s="440"/>
      <c r="EU4" s="440"/>
      <c r="EV4" s="440"/>
      <c r="EW4" s="440"/>
      <c r="EX4" s="440"/>
      <c r="EY4" s="440"/>
      <c r="EZ4" s="440"/>
      <c r="FA4" s="440"/>
      <c r="FB4" s="440"/>
      <c r="FC4" s="440"/>
      <c r="FD4" s="440"/>
      <c r="FE4" s="440"/>
      <c r="FF4" s="440"/>
      <c r="FG4" s="440"/>
      <c r="FH4" s="440"/>
      <c r="FI4" s="440"/>
      <c r="FJ4" s="440"/>
      <c r="FK4" s="440"/>
      <c r="FL4" s="440"/>
      <c r="FM4" s="440"/>
      <c r="FN4" s="440"/>
      <c r="FO4" s="440"/>
      <c r="FP4" s="440"/>
      <c r="FQ4" s="440"/>
      <c r="FR4" s="440"/>
      <c r="FS4" s="440"/>
      <c r="FT4" s="440"/>
      <c r="FU4" s="440"/>
      <c r="FV4" s="441"/>
      <c r="FW4" s="425" t="s">
        <v>40</v>
      </c>
      <c r="FX4" s="426"/>
      <c r="FY4" s="426"/>
      <c r="FZ4" s="426"/>
      <c r="GA4" s="426"/>
      <c r="GB4" s="426"/>
      <c r="GC4" s="426"/>
      <c r="GD4" s="426"/>
      <c r="GE4" s="426"/>
      <c r="GF4" s="426"/>
      <c r="GG4" s="427"/>
      <c r="GH4" s="425" t="s">
        <v>41</v>
      </c>
      <c r="GI4" s="426"/>
      <c r="GJ4" s="426"/>
      <c r="GK4" s="426"/>
      <c r="GL4" s="426"/>
      <c r="GM4" s="426"/>
      <c r="GN4" s="426"/>
      <c r="GO4" s="426"/>
      <c r="GP4" s="426"/>
      <c r="GQ4" s="426"/>
      <c r="GR4" s="427"/>
      <c r="GS4" s="439" t="s">
        <v>39</v>
      </c>
      <c r="GT4" s="440"/>
      <c r="GU4" s="440"/>
      <c r="GV4" s="440"/>
      <c r="GW4" s="440"/>
      <c r="GX4" s="440"/>
      <c r="GY4" s="440"/>
      <c r="GZ4" s="440"/>
      <c r="HA4" s="440"/>
      <c r="HB4" s="440"/>
      <c r="HC4" s="440"/>
      <c r="HD4" s="440"/>
      <c r="HE4" s="440"/>
      <c r="HF4" s="440"/>
      <c r="HG4" s="440"/>
      <c r="HH4" s="440"/>
      <c r="HI4" s="440"/>
      <c r="HJ4" s="440"/>
      <c r="HK4" s="440"/>
      <c r="HL4" s="440"/>
      <c r="HM4" s="440"/>
      <c r="HN4" s="440"/>
      <c r="HO4" s="440"/>
      <c r="HP4" s="440"/>
      <c r="HQ4" s="440"/>
      <c r="HR4" s="440"/>
      <c r="HS4" s="440"/>
      <c r="HT4" s="440"/>
      <c r="HU4" s="440"/>
      <c r="HV4" s="440"/>
      <c r="HW4" s="440"/>
      <c r="HX4" s="440"/>
      <c r="HY4" s="440"/>
      <c r="HZ4" s="440"/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1"/>
      <c r="JR4" s="425" t="s">
        <v>40</v>
      </c>
      <c r="JS4" s="426"/>
      <c r="JT4" s="426"/>
      <c r="JU4" s="426"/>
      <c r="JV4" s="426"/>
      <c r="JW4" s="426"/>
      <c r="JX4" s="426"/>
      <c r="JY4" s="426"/>
      <c r="JZ4" s="426"/>
      <c r="KA4" s="426"/>
      <c r="KB4" s="427"/>
      <c r="KC4" s="425" t="s">
        <v>41</v>
      </c>
      <c r="KD4" s="426"/>
      <c r="KE4" s="426"/>
      <c r="KF4" s="426"/>
      <c r="KG4" s="426"/>
      <c r="KH4" s="426"/>
      <c r="KI4" s="426"/>
      <c r="KJ4" s="426"/>
      <c r="KK4" s="426"/>
      <c r="KL4" s="426"/>
      <c r="KM4" s="427"/>
    </row>
    <row r="5" spans="2:299" ht="21" customHeight="1" thickBot="1" x14ac:dyDescent="0.25">
      <c r="B5" s="431"/>
      <c r="C5" s="431"/>
      <c r="D5" s="432"/>
      <c r="E5" s="432"/>
      <c r="F5" s="432"/>
      <c r="G5" s="432"/>
      <c r="H5" s="432"/>
      <c r="I5" s="432"/>
      <c r="J5" s="432"/>
      <c r="K5" s="432"/>
      <c r="L5" s="432"/>
      <c r="M5" s="433"/>
      <c r="N5" s="434" t="s">
        <v>97</v>
      </c>
      <c r="O5" s="435"/>
      <c r="P5" s="435"/>
      <c r="Q5" s="435"/>
      <c r="R5" s="435"/>
      <c r="S5" s="435"/>
      <c r="T5" s="435"/>
      <c r="U5" s="435"/>
      <c r="V5" s="435"/>
      <c r="W5" s="435"/>
      <c r="X5" s="436"/>
      <c r="Y5" s="434" t="s">
        <v>98</v>
      </c>
      <c r="Z5" s="435"/>
      <c r="AA5" s="435"/>
      <c r="AB5" s="435"/>
      <c r="AC5" s="435"/>
      <c r="AD5" s="435"/>
      <c r="AE5" s="435"/>
      <c r="AF5" s="435"/>
      <c r="AG5" s="435"/>
      <c r="AH5" s="435"/>
      <c r="AI5" s="436"/>
      <c r="AJ5" s="434" t="s">
        <v>99</v>
      </c>
      <c r="AK5" s="435"/>
      <c r="AL5" s="435"/>
      <c r="AM5" s="435"/>
      <c r="AN5" s="435"/>
      <c r="AO5" s="435"/>
      <c r="AP5" s="435"/>
      <c r="AQ5" s="435"/>
      <c r="AR5" s="435"/>
      <c r="AS5" s="435"/>
      <c r="AT5" s="436"/>
      <c r="AU5" s="434" t="s">
        <v>100</v>
      </c>
      <c r="AV5" s="435"/>
      <c r="AW5" s="435"/>
      <c r="AX5" s="435"/>
      <c r="AY5" s="435"/>
      <c r="AZ5" s="435"/>
      <c r="BA5" s="435"/>
      <c r="BB5" s="435"/>
      <c r="BC5" s="435"/>
      <c r="BD5" s="435"/>
      <c r="BE5" s="436"/>
      <c r="BF5" s="434" t="s">
        <v>161</v>
      </c>
      <c r="BG5" s="435"/>
      <c r="BH5" s="435"/>
      <c r="BI5" s="435"/>
      <c r="BJ5" s="435"/>
      <c r="BK5" s="435"/>
      <c r="BL5" s="435"/>
      <c r="BM5" s="435"/>
      <c r="BN5" s="435"/>
      <c r="BO5" s="435"/>
      <c r="BP5" s="436"/>
      <c r="BQ5" s="434" t="s">
        <v>101</v>
      </c>
      <c r="BR5" s="435"/>
      <c r="BS5" s="435"/>
      <c r="BT5" s="435"/>
      <c r="BU5" s="435"/>
      <c r="BV5" s="435"/>
      <c r="BW5" s="435"/>
      <c r="BX5" s="435"/>
      <c r="BY5" s="435"/>
      <c r="BZ5" s="435"/>
      <c r="CA5" s="436"/>
      <c r="CB5" s="428"/>
      <c r="CC5" s="429"/>
      <c r="CD5" s="429"/>
      <c r="CE5" s="429"/>
      <c r="CF5" s="429"/>
      <c r="CG5" s="429"/>
      <c r="CH5" s="429"/>
      <c r="CI5" s="429"/>
      <c r="CJ5" s="429"/>
      <c r="CK5" s="429"/>
      <c r="CL5" s="430"/>
      <c r="CM5" s="428"/>
      <c r="CN5" s="429"/>
      <c r="CO5" s="429"/>
      <c r="CP5" s="429"/>
      <c r="CQ5" s="429"/>
      <c r="CR5" s="429"/>
      <c r="CS5" s="429"/>
      <c r="CT5" s="429"/>
      <c r="CU5" s="429"/>
      <c r="CV5" s="429"/>
      <c r="CW5" s="430"/>
      <c r="CX5" s="431"/>
      <c r="CY5" s="432"/>
      <c r="CZ5" s="432"/>
      <c r="DA5" s="432"/>
      <c r="DB5" s="432"/>
      <c r="DC5" s="432"/>
      <c r="DD5" s="432"/>
      <c r="DE5" s="432"/>
      <c r="DF5" s="432"/>
      <c r="DG5" s="432"/>
      <c r="DH5" s="433"/>
      <c r="DI5" s="434" t="s">
        <v>97</v>
      </c>
      <c r="DJ5" s="435"/>
      <c r="DK5" s="435"/>
      <c r="DL5" s="435"/>
      <c r="DM5" s="435"/>
      <c r="DN5" s="435"/>
      <c r="DO5" s="435"/>
      <c r="DP5" s="435"/>
      <c r="DQ5" s="435"/>
      <c r="DR5" s="435"/>
      <c r="DS5" s="436"/>
      <c r="DT5" s="434" t="s">
        <v>98</v>
      </c>
      <c r="DU5" s="435"/>
      <c r="DV5" s="435"/>
      <c r="DW5" s="435"/>
      <c r="DX5" s="435"/>
      <c r="DY5" s="435"/>
      <c r="DZ5" s="435"/>
      <c r="EA5" s="435"/>
      <c r="EB5" s="435"/>
      <c r="EC5" s="435"/>
      <c r="ED5" s="436"/>
      <c r="EE5" s="434" t="s">
        <v>99</v>
      </c>
      <c r="EF5" s="435"/>
      <c r="EG5" s="435"/>
      <c r="EH5" s="435"/>
      <c r="EI5" s="435"/>
      <c r="EJ5" s="435"/>
      <c r="EK5" s="435"/>
      <c r="EL5" s="435"/>
      <c r="EM5" s="435"/>
      <c r="EN5" s="435"/>
      <c r="EO5" s="436"/>
      <c r="EP5" s="434" t="s">
        <v>100</v>
      </c>
      <c r="EQ5" s="435"/>
      <c r="ER5" s="435"/>
      <c r="ES5" s="435"/>
      <c r="ET5" s="435"/>
      <c r="EU5" s="435"/>
      <c r="EV5" s="435"/>
      <c r="EW5" s="435"/>
      <c r="EX5" s="435"/>
      <c r="EY5" s="435"/>
      <c r="EZ5" s="436"/>
      <c r="FA5" s="434" t="s">
        <v>161</v>
      </c>
      <c r="FB5" s="435"/>
      <c r="FC5" s="435"/>
      <c r="FD5" s="435"/>
      <c r="FE5" s="435"/>
      <c r="FF5" s="435"/>
      <c r="FG5" s="435"/>
      <c r="FH5" s="435"/>
      <c r="FI5" s="435"/>
      <c r="FJ5" s="435"/>
      <c r="FK5" s="436"/>
      <c r="FL5" s="434" t="s">
        <v>101</v>
      </c>
      <c r="FM5" s="435"/>
      <c r="FN5" s="435"/>
      <c r="FO5" s="435"/>
      <c r="FP5" s="435"/>
      <c r="FQ5" s="435"/>
      <c r="FR5" s="435"/>
      <c r="FS5" s="435"/>
      <c r="FT5" s="435"/>
      <c r="FU5" s="435"/>
      <c r="FV5" s="436"/>
      <c r="FW5" s="428"/>
      <c r="FX5" s="429"/>
      <c r="FY5" s="429"/>
      <c r="FZ5" s="429"/>
      <c r="GA5" s="429"/>
      <c r="GB5" s="429"/>
      <c r="GC5" s="429"/>
      <c r="GD5" s="429"/>
      <c r="GE5" s="429"/>
      <c r="GF5" s="429"/>
      <c r="GG5" s="430"/>
      <c r="GH5" s="428"/>
      <c r="GI5" s="429"/>
      <c r="GJ5" s="429"/>
      <c r="GK5" s="429"/>
      <c r="GL5" s="429"/>
      <c r="GM5" s="429"/>
      <c r="GN5" s="429"/>
      <c r="GO5" s="429"/>
      <c r="GP5" s="429"/>
      <c r="GQ5" s="429"/>
      <c r="GR5" s="430"/>
      <c r="GS5" s="431"/>
      <c r="GT5" s="432"/>
      <c r="GU5" s="432"/>
      <c r="GV5" s="432"/>
      <c r="GW5" s="432"/>
      <c r="GX5" s="432"/>
      <c r="GY5" s="432"/>
      <c r="GZ5" s="432"/>
      <c r="HA5" s="432"/>
      <c r="HB5" s="432"/>
      <c r="HC5" s="433"/>
      <c r="HD5" s="434" t="s">
        <v>97</v>
      </c>
      <c r="HE5" s="435"/>
      <c r="HF5" s="435"/>
      <c r="HG5" s="435"/>
      <c r="HH5" s="435"/>
      <c r="HI5" s="435"/>
      <c r="HJ5" s="435"/>
      <c r="HK5" s="435"/>
      <c r="HL5" s="435"/>
      <c r="HM5" s="435"/>
      <c r="HN5" s="436"/>
      <c r="HO5" s="434" t="s">
        <v>98</v>
      </c>
      <c r="HP5" s="435"/>
      <c r="HQ5" s="435"/>
      <c r="HR5" s="435"/>
      <c r="HS5" s="435"/>
      <c r="HT5" s="435"/>
      <c r="HU5" s="435"/>
      <c r="HV5" s="435"/>
      <c r="HW5" s="435"/>
      <c r="HX5" s="435"/>
      <c r="HY5" s="436"/>
      <c r="HZ5" s="434" t="s">
        <v>99</v>
      </c>
      <c r="IA5" s="435"/>
      <c r="IB5" s="435"/>
      <c r="IC5" s="435"/>
      <c r="ID5" s="435"/>
      <c r="IE5" s="435"/>
      <c r="IF5" s="435"/>
      <c r="IG5" s="435"/>
      <c r="IH5" s="435"/>
      <c r="II5" s="435"/>
      <c r="IJ5" s="436"/>
      <c r="IK5" s="434" t="s">
        <v>100</v>
      </c>
      <c r="IL5" s="435"/>
      <c r="IM5" s="435"/>
      <c r="IN5" s="435"/>
      <c r="IO5" s="435"/>
      <c r="IP5" s="435"/>
      <c r="IQ5" s="435"/>
      <c r="IR5" s="435"/>
      <c r="IS5" s="435"/>
      <c r="IT5" s="435"/>
      <c r="IU5" s="436"/>
      <c r="IV5" s="434" t="s">
        <v>161</v>
      </c>
      <c r="IW5" s="435"/>
      <c r="IX5" s="435"/>
      <c r="IY5" s="435"/>
      <c r="IZ5" s="435"/>
      <c r="JA5" s="435"/>
      <c r="JB5" s="435"/>
      <c r="JC5" s="435"/>
      <c r="JD5" s="435"/>
      <c r="JE5" s="435"/>
      <c r="JF5" s="436"/>
      <c r="JG5" s="434" t="s">
        <v>101</v>
      </c>
      <c r="JH5" s="435"/>
      <c r="JI5" s="435"/>
      <c r="JJ5" s="435"/>
      <c r="JK5" s="435"/>
      <c r="JL5" s="435"/>
      <c r="JM5" s="435"/>
      <c r="JN5" s="435"/>
      <c r="JO5" s="435"/>
      <c r="JP5" s="435"/>
      <c r="JQ5" s="436"/>
      <c r="JR5" s="428"/>
      <c r="JS5" s="429"/>
      <c r="JT5" s="429"/>
      <c r="JU5" s="429"/>
      <c r="JV5" s="429"/>
      <c r="JW5" s="429"/>
      <c r="JX5" s="429"/>
      <c r="JY5" s="429"/>
      <c r="JZ5" s="429"/>
      <c r="KA5" s="429"/>
      <c r="KB5" s="430"/>
      <c r="KC5" s="428"/>
      <c r="KD5" s="429"/>
      <c r="KE5" s="429"/>
      <c r="KF5" s="429"/>
      <c r="KG5" s="429"/>
      <c r="KH5" s="429"/>
      <c r="KI5" s="429"/>
      <c r="KJ5" s="429"/>
      <c r="KK5" s="429"/>
      <c r="KL5" s="429"/>
      <c r="KM5" s="430"/>
    </row>
    <row r="6" spans="2:299" ht="30" customHeight="1" thickBot="1" x14ac:dyDescent="0.25">
      <c r="B6" s="72" t="s">
        <v>42</v>
      </c>
      <c r="C6" s="73" t="s">
        <v>43</v>
      </c>
      <c r="D6" s="74" t="s">
        <v>44</v>
      </c>
      <c r="E6" s="75" t="s">
        <v>45</v>
      </c>
      <c r="F6" s="76" t="s">
        <v>46</v>
      </c>
      <c r="G6" s="74" t="s">
        <v>47</v>
      </c>
      <c r="H6" s="74" t="s">
        <v>48</v>
      </c>
      <c r="I6" s="74" t="s">
        <v>49</v>
      </c>
      <c r="J6" s="74" t="s">
        <v>50</v>
      </c>
      <c r="K6" s="74" t="s">
        <v>51</v>
      </c>
      <c r="L6" s="75" t="s">
        <v>45</v>
      </c>
      <c r="M6" s="77" t="s">
        <v>52</v>
      </c>
      <c r="N6" s="78" t="s">
        <v>43</v>
      </c>
      <c r="O6" s="79" t="s">
        <v>44</v>
      </c>
      <c r="P6" s="80" t="s">
        <v>45</v>
      </c>
      <c r="Q6" s="81" t="s">
        <v>46</v>
      </c>
      <c r="R6" s="79" t="s">
        <v>47</v>
      </c>
      <c r="S6" s="79" t="s">
        <v>48</v>
      </c>
      <c r="T6" s="79" t="s">
        <v>49</v>
      </c>
      <c r="U6" s="79" t="s">
        <v>50</v>
      </c>
      <c r="V6" s="79" t="s">
        <v>51</v>
      </c>
      <c r="W6" s="80" t="s">
        <v>45</v>
      </c>
      <c r="X6" s="82" t="s">
        <v>52</v>
      </c>
      <c r="Y6" s="78" t="s">
        <v>43</v>
      </c>
      <c r="Z6" s="79" t="s">
        <v>44</v>
      </c>
      <c r="AA6" s="80" t="s">
        <v>45</v>
      </c>
      <c r="AB6" s="81" t="s">
        <v>46</v>
      </c>
      <c r="AC6" s="79" t="s">
        <v>47</v>
      </c>
      <c r="AD6" s="79" t="s">
        <v>48</v>
      </c>
      <c r="AE6" s="79" t="s">
        <v>49</v>
      </c>
      <c r="AF6" s="79" t="s">
        <v>50</v>
      </c>
      <c r="AG6" s="79" t="s">
        <v>51</v>
      </c>
      <c r="AH6" s="80" t="s">
        <v>45</v>
      </c>
      <c r="AI6" s="83" t="s">
        <v>52</v>
      </c>
      <c r="AJ6" s="78" t="s">
        <v>43</v>
      </c>
      <c r="AK6" s="79" t="s">
        <v>44</v>
      </c>
      <c r="AL6" s="80" t="s">
        <v>45</v>
      </c>
      <c r="AM6" s="81" t="s">
        <v>46</v>
      </c>
      <c r="AN6" s="79" t="s">
        <v>47</v>
      </c>
      <c r="AO6" s="79" t="s">
        <v>48</v>
      </c>
      <c r="AP6" s="79" t="s">
        <v>49</v>
      </c>
      <c r="AQ6" s="79" t="s">
        <v>50</v>
      </c>
      <c r="AR6" s="79" t="s">
        <v>51</v>
      </c>
      <c r="AS6" s="80" t="s">
        <v>45</v>
      </c>
      <c r="AT6" s="83" t="s">
        <v>52</v>
      </c>
      <c r="AU6" s="78" t="s">
        <v>43</v>
      </c>
      <c r="AV6" s="79" t="s">
        <v>44</v>
      </c>
      <c r="AW6" s="80" t="s">
        <v>45</v>
      </c>
      <c r="AX6" s="81" t="s">
        <v>46</v>
      </c>
      <c r="AY6" s="79" t="s">
        <v>47</v>
      </c>
      <c r="AZ6" s="79" t="s">
        <v>48</v>
      </c>
      <c r="BA6" s="79" t="s">
        <v>49</v>
      </c>
      <c r="BB6" s="79" t="s">
        <v>50</v>
      </c>
      <c r="BC6" s="79" t="s">
        <v>51</v>
      </c>
      <c r="BD6" s="80" t="s">
        <v>45</v>
      </c>
      <c r="BE6" s="83" t="s">
        <v>52</v>
      </c>
      <c r="BF6" s="78" t="s">
        <v>43</v>
      </c>
      <c r="BG6" s="79" t="s">
        <v>44</v>
      </c>
      <c r="BH6" s="80" t="s">
        <v>45</v>
      </c>
      <c r="BI6" s="81" t="s">
        <v>46</v>
      </c>
      <c r="BJ6" s="79" t="s">
        <v>47</v>
      </c>
      <c r="BK6" s="79" t="s">
        <v>48</v>
      </c>
      <c r="BL6" s="79" t="s">
        <v>49</v>
      </c>
      <c r="BM6" s="79" t="s">
        <v>50</v>
      </c>
      <c r="BN6" s="79" t="s">
        <v>51</v>
      </c>
      <c r="BO6" s="80" t="s">
        <v>45</v>
      </c>
      <c r="BP6" s="83" t="s">
        <v>52</v>
      </c>
      <c r="BQ6" s="78" t="s">
        <v>43</v>
      </c>
      <c r="BR6" s="79" t="s">
        <v>44</v>
      </c>
      <c r="BS6" s="80" t="s">
        <v>45</v>
      </c>
      <c r="BT6" s="81" t="s">
        <v>46</v>
      </c>
      <c r="BU6" s="79" t="s">
        <v>47</v>
      </c>
      <c r="BV6" s="79" t="s">
        <v>48</v>
      </c>
      <c r="BW6" s="79" t="s">
        <v>49</v>
      </c>
      <c r="BX6" s="79" t="s">
        <v>50</v>
      </c>
      <c r="BY6" s="79" t="s">
        <v>51</v>
      </c>
      <c r="BZ6" s="80" t="s">
        <v>45</v>
      </c>
      <c r="CA6" s="83" t="s">
        <v>52</v>
      </c>
      <c r="CB6" s="78" t="s">
        <v>43</v>
      </c>
      <c r="CC6" s="79" t="s">
        <v>44</v>
      </c>
      <c r="CD6" s="80" t="s">
        <v>45</v>
      </c>
      <c r="CE6" s="81" t="s">
        <v>46</v>
      </c>
      <c r="CF6" s="79" t="s">
        <v>47</v>
      </c>
      <c r="CG6" s="79" t="s">
        <v>48</v>
      </c>
      <c r="CH6" s="79" t="s">
        <v>49</v>
      </c>
      <c r="CI6" s="79" t="s">
        <v>50</v>
      </c>
      <c r="CJ6" s="79" t="s">
        <v>51</v>
      </c>
      <c r="CK6" s="80" t="s">
        <v>45</v>
      </c>
      <c r="CL6" s="83" t="s">
        <v>52</v>
      </c>
      <c r="CM6" s="78" t="s">
        <v>43</v>
      </c>
      <c r="CN6" s="79" t="s">
        <v>44</v>
      </c>
      <c r="CO6" s="80" t="s">
        <v>45</v>
      </c>
      <c r="CP6" s="81" t="s">
        <v>46</v>
      </c>
      <c r="CQ6" s="79" t="s">
        <v>47</v>
      </c>
      <c r="CR6" s="79" t="s">
        <v>48</v>
      </c>
      <c r="CS6" s="79" t="s">
        <v>49</v>
      </c>
      <c r="CT6" s="79" t="s">
        <v>50</v>
      </c>
      <c r="CU6" s="79" t="s">
        <v>51</v>
      </c>
      <c r="CV6" s="80" t="s">
        <v>45</v>
      </c>
      <c r="CW6" s="83" t="s">
        <v>52</v>
      </c>
      <c r="CX6" s="73" t="s">
        <v>43</v>
      </c>
      <c r="CY6" s="74" t="s">
        <v>44</v>
      </c>
      <c r="CZ6" s="75" t="s">
        <v>45</v>
      </c>
      <c r="DA6" s="76" t="s">
        <v>46</v>
      </c>
      <c r="DB6" s="74" t="s">
        <v>47</v>
      </c>
      <c r="DC6" s="74" t="s">
        <v>48</v>
      </c>
      <c r="DD6" s="74" t="s">
        <v>49</v>
      </c>
      <c r="DE6" s="74" t="s">
        <v>50</v>
      </c>
      <c r="DF6" s="74" t="s">
        <v>51</v>
      </c>
      <c r="DG6" s="75" t="s">
        <v>45</v>
      </c>
      <c r="DH6" s="77" t="s">
        <v>52</v>
      </c>
      <c r="DI6" s="78" t="s">
        <v>43</v>
      </c>
      <c r="DJ6" s="79" t="s">
        <v>44</v>
      </c>
      <c r="DK6" s="80" t="s">
        <v>45</v>
      </c>
      <c r="DL6" s="81" t="s">
        <v>46</v>
      </c>
      <c r="DM6" s="79" t="s">
        <v>47</v>
      </c>
      <c r="DN6" s="79" t="s">
        <v>48</v>
      </c>
      <c r="DO6" s="79" t="s">
        <v>49</v>
      </c>
      <c r="DP6" s="79" t="s">
        <v>50</v>
      </c>
      <c r="DQ6" s="79" t="s">
        <v>51</v>
      </c>
      <c r="DR6" s="80" t="s">
        <v>45</v>
      </c>
      <c r="DS6" s="83" t="s">
        <v>52</v>
      </c>
      <c r="DT6" s="78" t="s">
        <v>43</v>
      </c>
      <c r="DU6" s="79" t="s">
        <v>44</v>
      </c>
      <c r="DV6" s="80" t="s">
        <v>45</v>
      </c>
      <c r="DW6" s="81" t="s">
        <v>46</v>
      </c>
      <c r="DX6" s="79" t="s">
        <v>47</v>
      </c>
      <c r="DY6" s="79" t="s">
        <v>48</v>
      </c>
      <c r="DZ6" s="79" t="s">
        <v>49</v>
      </c>
      <c r="EA6" s="79" t="s">
        <v>50</v>
      </c>
      <c r="EB6" s="79" t="s">
        <v>51</v>
      </c>
      <c r="EC6" s="80" t="s">
        <v>45</v>
      </c>
      <c r="ED6" s="83" t="s">
        <v>52</v>
      </c>
      <c r="EE6" s="78" t="s">
        <v>43</v>
      </c>
      <c r="EF6" s="79" t="s">
        <v>44</v>
      </c>
      <c r="EG6" s="80" t="s">
        <v>45</v>
      </c>
      <c r="EH6" s="81" t="s">
        <v>46</v>
      </c>
      <c r="EI6" s="79" t="s">
        <v>47</v>
      </c>
      <c r="EJ6" s="79" t="s">
        <v>48</v>
      </c>
      <c r="EK6" s="79" t="s">
        <v>49</v>
      </c>
      <c r="EL6" s="79" t="s">
        <v>50</v>
      </c>
      <c r="EM6" s="79" t="s">
        <v>51</v>
      </c>
      <c r="EN6" s="80" t="s">
        <v>45</v>
      </c>
      <c r="EO6" s="83" t="s">
        <v>52</v>
      </c>
      <c r="EP6" s="78" t="s">
        <v>43</v>
      </c>
      <c r="EQ6" s="79" t="s">
        <v>44</v>
      </c>
      <c r="ER6" s="80" t="s">
        <v>45</v>
      </c>
      <c r="ES6" s="81" t="s">
        <v>46</v>
      </c>
      <c r="ET6" s="79" t="s">
        <v>47</v>
      </c>
      <c r="EU6" s="79" t="s">
        <v>48</v>
      </c>
      <c r="EV6" s="79" t="s">
        <v>49</v>
      </c>
      <c r="EW6" s="79" t="s">
        <v>50</v>
      </c>
      <c r="EX6" s="79" t="s">
        <v>51</v>
      </c>
      <c r="EY6" s="80" t="s">
        <v>45</v>
      </c>
      <c r="EZ6" s="83" t="s">
        <v>52</v>
      </c>
      <c r="FA6" s="78" t="s">
        <v>43</v>
      </c>
      <c r="FB6" s="79" t="s">
        <v>44</v>
      </c>
      <c r="FC6" s="80" t="s">
        <v>45</v>
      </c>
      <c r="FD6" s="81" t="s">
        <v>46</v>
      </c>
      <c r="FE6" s="79" t="s">
        <v>47</v>
      </c>
      <c r="FF6" s="79" t="s">
        <v>48</v>
      </c>
      <c r="FG6" s="79" t="s">
        <v>49</v>
      </c>
      <c r="FH6" s="79" t="s">
        <v>50</v>
      </c>
      <c r="FI6" s="79" t="s">
        <v>51</v>
      </c>
      <c r="FJ6" s="80" t="s">
        <v>45</v>
      </c>
      <c r="FK6" s="83" t="s">
        <v>52</v>
      </c>
      <c r="FL6" s="78" t="s">
        <v>43</v>
      </c>
      <c r="FM6" s="79" t="s">
        <v>44</v>
      </c>
      <c r="FN6" s="80" t="s">
        <v>45</v>
      </c>
      <c r="FO6" s="81" t="s">
        <v>46</v>
      </c>
      <c r="FP6" s="79" t="s">
        <v>47</v>
      </c>
      <c r="FQ6" s="79" t="s">
        <v>48</v>
      </c>
      <c r="FR6" s="79" t="s">
        <v>49</v>
      </c>
      <c r="FS6" s="79" t="s">
        <v>50</v>
      </c>
      <c r="FT6" s="79" t="s">
        <v>51</v>
      </c>
      <c r="FU6" s="80" t="s">
        <v>45</v>
      </c>
      <c r="FV6" s="83" t="s">
        <v>52</v>
      </c>
      <c r="FW6" s="78" t="s">
        <v>43</v>
      </c>
      <c r="FX6" s="79" t="s">
        <v>44</v>
      </c>
      <c r="FY6" s="80" t="s">
        <v>45</v>
      </c>
      <c r="FZ6" s="81" t="s">
        <v>46</v>
      </c>
      <c r="GA6" s="79" t="s">
        <v>47</v>
      </c>
      <c r="GB6" s="79" t="s">
        <v>48</v>
      </c>
      <c r="GC6" s="79" t="s">
        <v>49</v>
      </c>
      <c r="GD6" s="79" t="s">
        <v>50</v>
      </c>
      <c r="GE6" s="79" t="s">
        <v>51</v>
      </c>
      <c r="GF6" s="80" t="s">
        <v>45</v>
      </c>
      <c r="GG6" s="83" t="s">
        <v>52</v>
      </c>
      <c r="GH6" s="78" t="s">
        <v>43</v>
      </c>
      <c r="GI6" s="79" t="s">
        <v>44</v>
      </c>
      <c r="GJ6" s="80" t="s">
        <v>45</v>
      </c>
      <c r="GK6" s="81" t="s">
        <v>46</v>
      </c>
      <c r="GL6" s="79" t="s">
        <v>47</v>
      </c>
      <c r="GM6" s="79" t="s">
        <v>48</v>
      </c>
      <c r="GN6" s="79" t="s">
        <v>49</v>
      </c>
      <c r="GO6" s="79" t="s">
        <v>50</v>
      </c>
      <c r="GP6" s="79" t="s">
        <v>51</v>
      </c>
      <c r="GQ6" s="80" t="s">
        <v>45</v>
      </c>
      <c r="GR6" s="83" t="s">
        <v>52</v>
      </c>
      <c r="GS6" s="73" t="s">
        <v>43</v>
      </c>
      <c r="GT6" s="74" t="s">
        <v>44</v>
      </c>
      <c r="GU6" s="75" t="s">
        <v>45</v>
      </c>
      <c r="GV6" s="76" t="s">
        <v>46</v>
      </c>
      <c r="GW6" s="74" t="s">
        <v>47</v>
      </c>
      <c r="GX6" s="74" t="s">
        <v>48</v>
      </c>
      <c r="GY6" s="74" t="s">
        <v>49</v>
      </c>
      <c r="GZ6" s="74" t="s">
        <v>50</v>
      </c>
      <c r="HA6" s="74" t="s">
        <v>51</v>
      </c>
      <c r="HB6" s="75" t="s">
        <v>45</v>
      </c>
      <c r="HC6" s="77" t="s">
        <v>52</v>
      </c>
      <c r="HD6" s="78" t="s">
        <v>43</v>
      </c>
      <c r="HE6" s="79" t="s">
        <v>44</v>
      </c>
      <c r="HF6" s="80" t="s">
        <v>45</v>
      </c>
      <c r="HG6" s="81" t="s">
        <v>46</v>
      </c>
      <c r="HH6" s="79" t="s">
        <v>47</v>
      </c>
      <c r="HI6" s="79" t="s">
        <v>48</v>
      </c>
      <c r="HJ6" s="79" t="s">
        <v>49</v>
      </c>
      <c r="HK6" s="79" t="s">
        <v>50</v>
      </c>
      <c r="HL6" s="79" t="s">
        <v>51</v>
      </c>
      <c r="HM6" s="80" t="s">
        <v>45</v>
      </c>
      <c r="HN6" s="83" t="s">
        <v>52</v>
      </c>
      <c r="HO6" s="78" t="s">
        <v>43</v>
      </c>
      <c r="HP6" s="79" t="s">
        <v>44</v>
      </c>
      <c r="HQ6" s="80" t="s">
        <v>45</v>
      </c>
      <c r="HR6" s="81" t="s">
        <v>46</v>
      </c>
      <c r="HS6" s="79" t="s">
        <v>47</v>
      </c>
      <c r="HT6" s="79" t="s">
        <v>48</v>
      </c>
      <c r="HU6" s="79" t="s">
        <v>49</v>
      </c>
      <c r="HV6" s="79" t="s">
        <v>50</v>
      </c>
      <c r="HW6" s="79" t="s">
        <v>51</v>
      </c>
      <c r="HX6" s="80" t="s">
        <v>45</v>
      </c>
      <c r="HY6" s="83" t="s">
        <v>52</v>
      </c>
      <c r="HZ6" s="78" t="s">
        <v>43</v>
      </c>
      <c r="IA6" s="79" t="s">
        <v>44</v>
      </c>
      <c r="IB6" s="80" t="s">
        <v>45</v>
      </c>
      <c r="IC6" s="81" t="s">
        <v>46</v>
      </c>
      <c r="ID6" s="79" t="s">
        <v>47</v>
      </c>
      <c r="IE6" s="79" t="s">
        <v>48</v>
      </c>
      <c r="IF6" s="79" t="s">
        <v>49</v>
      </c>
      <c r="IG6" s="79" t="s">
        <v>50</v>
      </c>
      <c r="IH6" s="79" t="s">
        <v>51</v>
      </c>
      <c r="II6" s="80" t="s">
        <v>45</v>
      </c>
      <c r="IJ6" s="83" t="s">
        <v>52</v>
      </c>
      <c r="IK6" s="78" t="s">
        <v>43</v>
      </c>
      <c r="IL6" s="79" t="s">
        <v>44</v>
      </c>
      <c r="IM6" s="80" t="s">
        <v>45</v>
      </c>
      <c r="IN6" s="81" t="s">
        <v>46</v>
      </c>
      <c r="IO6" s="79" t="s">
        <v>47</v>
      </c>
      <c r="IP6" s="79" t="s">
        <v>48</v>
      </c>
      <c r="IQ6" s="79" t="s">
        <v>49</v>
      </c>
      <c r="IR6" s="79" t="s">
        <v>50</v>
      </c>
      <c r="IS6" s="79" t="s">
        <v>51</v>
      </c>
      <c r="IT6" s="80" t="s">
        <v>45</v>
      </c>
      <c r="IU6" s="83" t="s">
        <v>52</v>
      </c>
      <c r="IV6" s="78" t="s">
        <v>43</v>
      </c>
      <c r="IW6" s="79" t="s">
        <v>44</v>
      </c>
      <c r="IX6" s="80" t="s">
        <v>45</v>
      </c>
      <c r="IY6" s="81" t="s">
        <v>46</v>
      </c>
      <c r="IZ6" s="79" t="s">
        <v>47</v>
      </c>
      <c r="JA6" s="79" t="s">
        <v>48</v>
      </c>
      <c r="JB6" s="79" t="s">
        <v>49</v>
      </c>
      <c r="JC6" s="79" t="s">
        <v>50</v>
      </c>
      <c r="JD6" s="79" t="s">
        <v>51</v>
      </c>
      <c r="JE6" s="80" t="s">
        <v>45</v>
      </c>
      <c r="JF6" s="83" t="s">
        <v>52</v>
      </c>
      <c r="JG6" s="78" t="s">
        <v>43</v>
      </c>
      <c r="JH6" s="79" t="s">
        <v>44</v>
      </c>
      <c r="JI6" s="80" t="s">
        <v>45</v>
      </c>
      <c r="JJ6" s="81" t="s">
        <v>46</v>
      </c>
      <c r="JK6" s="79" t="s">
        <v>47</v>
      </c>
      <c r="JL6" s="79" t="s">
        <v>48</v>
      </c>
      <c r="JM6" s="79" t="s">
        <v>49</v>
      </c>
      <c r="JN6" s="79" t="s">
        <v>50</v>
      </c>
      <c r="JO6" s="79" t="s">
        <v>51</v>
      </c>
      <c r="JP6" s="80" t="s">
        <v>45</v>
      </c>
      <c r="JQ6" s="83" t="s">
        <v>52</v>
      </c>
      <c r="JR6" s="78" t="s">
        <v>43</v>
      </c>
      <c r="JS6" s="79" t="s">
        <v>44</v>
      </c>
      <c r="JT6" s="80" t="s">
        <v>45</v>
      </c>
      <c r="JU6" s="81" t="s">
        <v>46</v>
      </c>
      <c r="JV6" s="79" t="s">
        <v>47</v>
      </c>
      <c r="JW6" s="79" t="s">
        <v>48</v>
      </c>
      <c r="JX6" s="79" t="s">
        <v>49</v>
      </c>
      <c r="JY6" s="79" t="s">
        <v>50</v>
      </c>
      <c r="JZ6" s="79" t="s">
        <v>51</v>
      </c>
      <c r="KA6" s="80" t="s">
        <v>45</v>
      </c>
      <c r="KB6" s="83" t="s">
        <v>52</v>
      </c>
      <c r="KC6" s="78" t="s">
        <v>43</v>
      </c>
      <c r="KD6" s="79" t="s">
        <v>44</v>
      </c>
      <c r="KE6" s="80" t="s">
        <v>45</v>
      </c>
      <c r="KF6" s="81" t="s">
        <v>46</v>
      </c>
      <c r="KG6" s="79" t="s">
        <v>47</v>
      </c>
      <c r="KH6" s="79" t="s">
        <v>48</v>
      </c>
      <c r="KI6" s="79" t="s">
        <v>49</v>
      </c>
      <c r="KJ6" s="79" t="s">
        <v>50</v>
      </c>
      <c r="KK6" s="79" t="s">
        <v>51</v>
      </c>
      <c r="KL6" s="80" t="s">
        <v>45</v>
      </c>
      <c r="KM6" s="83" t="s">
        <v>52</v>
      </c>
    </row>
    <row r="7" spans="2:299" s="70" customFormat="1" ht="21" customHeight="1" x14ac:dyDescent="0.2">
      <c r="B7" s="84" t="s">
        <v>4</v>
      </c>
      <c r="C7" s="85">
        <v>3596</v>
      </c>
      <c r="D7" s="86">
        <v>3600</v>
      </c>
      <c r="E7" s="87">
        <v>7196</v>
      </c>
      <c r="F7" s="412">
        <v>0</v>
      </c>
      <c r="G7" s="86">
        <v>4644</v>
      </c>
      <c r="H7" s="86">
        <v>4329</v>
      </c>
      <c r="I7" s="86">
        <v>2626</v>
      </c>
      <c r="J7" s="86">
        <v>2157</v>
      </c>
      <c r="K7" s="86">
        <v>1393</v>
      </c>
      <c r="L7" s="88">
        <v>15149</v>
      </c>
      <c r="M7" s="89">
        <v>22345</v>
      </c>
      <c r="N7" s="90">
        <v>109</v>
      </c>
      <c r="O7" s="91">
        <v>153</v>
      </c>
      <c r="P7" s="92">
        <v>262</v>
      </c>
      <c r="Q7" s="412">
        <v>0</v>
      </c>
      <c r="R7" s="91">
        <v>134</v>
      </c>
      <c r="S7" s="91">
        <v>154</v>
      </c>
      <c r="T7" s="91">
        <v>91</v>
      </c>
      <c r="U7" s="91">
        <v>89</v>
      </c>
      <c r="V7" s="91">
        <v>64</v>
      </c>
      <c r="W7" s="92">
        <v>532</v>
      </c>
      <c r="X7" s="93">
        <v>794</v>
      </c>
      <c r="Y7" s="90">
        <v>219</v>
      </c>
      <c r="Z7" s="91">
        <v>269</v>
      </c>
      <c r="AA7" s="92">
        <v>488</v>
      </c>
      <c r="AB7" s="412">
        <v>0</v>
      </c>
      <c r="AC7" s="91">
        <v>270</v>
      </c>
      <c r="AD7" s="91">
        <v>306</v>
      </c>
      <c r="AE7" s="91">
        <v>182</v>
      </c>
      <c r="AF7" s="91">
        <v>175</v>
      </c>
      <c r="AG7" s="91">
        <v>140</v>
      </c>
      <c r="AH7" s="92">
        <v>1073</v>
      </c>
      <c r="AI7" s="93">
        <v>1561</v>
      </c>
      <c r="AJ7" s="90">
        <v>415</v>
      </c>
      <c r="AK7" s="91">
        <v>451</v>
      </c>
      <c r="AL7" s="92">
        <v>866</v>
      </c>
      <c r="AM7" s="412">
        <v>0</v>
      </c>
      <c r="AN7" s="91">
        <v>523</v>
      </c>
      <c r="AO7" s="91">
        <v>506</v>
      </c>
      <c r="AP7" s="91">
        <v>293</v>
      </c>
      <c r="AQ7" s="91">
        <v>249</v>
      </c>
      <c r="AR7" s="91">
        <v>202</v>
      </c>
      <c r="AS7" s="92">
        <v>1773</v>
      </c>
      <c r="AT7" s="93">
        <v>2639</v>
      </c>
      <c r="AU7" s="90">
        <v>789</v>
      </c>
      <c r="AV7" s="91">
        <v>753</v>
      </c>
      <c r="AW7" s="92">
        <v>1542</v>
      </c>
      <c r="AX7" s="412">
        <v>0</v>
      </c>
      <c r="AY7" s="91">
        <v>1040</v>
      </c>
      <c r="AZ7" s="91">
        <v>871</v>
      </c>
      <c r="BA7" s="91">
        <v>473</v>
      </c>
      <c r="BB7" s="91">
        <v>424</v>
      </c>
      <c r="BC7" s="91">
        <v>303</v>
      </c>
      <c r="BD7" s="92">
        <v>3111</v>
      </c>
      <c r="BE7" s="93">
        <v>4653</v>
      </c>
      <c r="BF7" s="90">
        <v>1192</v>
      </c>
      <c r="BG7" s="91">
        <v>1024</v>
      </c>
      <c r="BH7" s="92">
        <v>2216</v>
      </c>
      <c r="BI7" s="412">
        <v>0</v>
      </c>
      <c r="BJ7" s="91">
        <v>1368</v>
      </c>
      <c r="BK7" s="91">
        <v>1193</v>
      </c>
      <c r="BL7" s="91">
        <v>732</v>
      </c>
      <c r="BM7" s="91">
        <v>543</v>
      </c>
      <c r="BN7" s="91">
        <v>326</v>
      </c>
      <c r="BO7" s="92">
        <v>4162</v>
      </c>
      <c r="BP7" s="93">
        <v>6378</v>
      </c>
      <c r="BQ7" s="90">
        <v>872</v>
      </c>
      <c r="BR7" s="91">
        <v>950</v>
      </c>
      <c r="BS7" s="92">
        <v>1822</v>
      </c>
      <c r="BT7" s="412">
        <v>0</v>
      </c>
      <c r="BU7" s="91">
        <v>1309</v>
      </c>
      <c r="BV7" s="91">
        <v>1299</v>
      </c>
      <c r="BW7" s="91">
        <v>855</v>
      </c>
      <c r="BX7" s="91">
        <v>677</v>
      </c>
      <c r="BY7" s="91">
        <v>358</v>
      </c>
      <c r="BZ7" s="92">
        <v>4498</v>
      </c>
      <c r="CA7" s="93">
        <v>6320</v>
      </c>
      <c r="CB7" s="90">
        <v>0</v>
      </c>
      <c r="CC7" s="91">
        <v>0</v>
      </c>
      <c r="CD7" s="92">
        <v>0</v>
      </c>
      <c r="CE7" s="412">
        <v>0</v>
      </c>
      <c r="CF7" s="91">
        <v>0</v>
      </c>
      <c r="CG7" s="91">
        <v>0</v>
      </c>
      <c r="CH7" s="91">
        <v>0</v>
      </c>
      <c r="CI7" s="91">
        <v>0</v>
      </c>
      <c r="CJ7" s="91">
        <v>0</v>
      </c>
      <c r="CK7" s="92">
        <v>0</v>
      </c>
      <c r="CL7" s="93">
        <v>0</v>
      </c>
      <c r="CM7" s="90">
        <v>3596</v>
      </c>
      <c r="CN7" s="91">
        <v>3600</v>
      </c>
      <c r="CO7" s="92">
        <v>7196</v>
      </c>
      <c r="CP7" s="412">
        <v>0</v>
      </c>
      <c r="CQ7" s="91">
        <v>4644</v>
      </c>
      <c r="CR7" s="91">
        <v>4329</v>
      </c>
      <c r="CS7" s="91">
        <v>2626</v>
      </c>
      <c r="CT7" s="91">
        <v>2157</v>
      </c>
      <c r="CU7" s="91">
        <v>1393</v>
      </c>
      <c r="CV7" s="92">
        <v>15149</v>
      </c>
      <c r="CW7" s="93">
        <v>22345</v>
      </c>
      <c r="CX7" s="94">
        <v>1319</v>
      </c>
      <c r="CY7" s="86">
        <v>1596</v>
      </c>
      <c r="CZ7" s="87">
        <v>2915</v>
      </c>
      <c r="DA7" s="412">
        <v>0</v>
      </c>
      <c r="DB7" s="86">
        <v>1880</v>
      </c>
      <c r="DC7" s="86">
        <v>1798</v>
      </c>
      <c r="DD7" s="86">
        <v>1089</v>
      </c>
      <c r="DE7" s="86">
        <v>1093</v>
      </c>
      <c r="DF7" s="86">
        <v>690</v>
      </c>
      <c r="DG7" s="88">
        <v>6550</v>
      </c>
      <c r="DH7" s="89">
        <v>9465</v>
      </c>
      <c r="DI7" s="90">
        <v>30</v>
      </c>
      <c r="DJ7" s="91">
        <v>41</v>
      </c>
      <c r="DK7" s="92">
        <v>71</v>
      </c>
      <c r="DL7" s="412">
        <v>0</v>
      </c>
      <c r="DM7" s="91">
        <v>23</v>
      </c>
      <c r="DN7" s="91">
        <v>41</v>
      </c>
      <c r="DO7" s="91">
        <v>19</v>
      </c>
      <c r="DP7" s="91">
        <v>25</v>
      </c>
      <c r="DQ7" s="91">
        <v>12</v>
      </c>
      <c r="DR7" s="92">
        <v>120</v>
      </c>
      <c r="DS7" s="93">
        <v>191</v>
      </c>
      <c r="DT7" s="90">
        <v>77</v>
      </c>
      <c r="DU7" s="91">
        <v>102</v>
      </c>
      <c r="DV7" s="92">
        <v>179</v>
      </c>
      <c r="DW7" s="412">
        <v>0</v>
      </c>
      <c r="DX7" s="91">
        <v>69</v>
      </c>
      <c r="DY7" s="91">
        <v>77</v>
      </c>
      <c r="DZ7" s="91">
        <v>42</v>
      </c>
      <c r="EA7" s="91">
        <v>37</v>
      </c>
      <c r="EB7" s="91">
        <v>35</v>
      </c>
      <c r="EC7" s="92">
        <v>260</v>
      </c>
      <c r="ED7" s="93">
        <v>439</v>
      </c>
      <c r="EE7" s="90">
        <v>214</v>
      </c>
      <c r="EF7" s="91">
        <v>218</v>
      </c>
      <c r="EG7" s="92">
        <v>432</v>
      </c>
      <c r="EH7" s="412">
        <v>0</v>
      </c>
      <c r="EI7" s="91">
        <v>225</v>
      </c>
      <c r="EJ7" s="91">
        <v>179</v>
      </c>
      <c r="EK7" s="91">
        <v>78</v>
      </c>
      <c r="EL7" s="91">
        <v>68</v>
      </c>
      <c r="EM7" s="91">
        <v>68</v>
      </c>
      <c r="EN7" s="92">
        <v>618</v>
      </c>
      <c r="EO7" s="93">
        <v>1050</v>
      </c>
      <c r="EP7" s="90">
        <v>400</v>
      </c>
      <c r="EQ7" s="91">
        <v>397</v>
      </c>
      <c r="ER7" s="92">
        <v>797</v>
      </c>
      <c r="ES7" s="412">
        <v>0</v>
      </c>
      <c r="ET7" s="91">
        <v>381</v>
      </c>
      <c r="EU7" s="91">
        <v>311</v>
      </c>
      <c r="EV7" s="91">
        <v>165</v>
      </c>
      <c r="EW7" s="91">
        <v>155</v>
      </c>
      <c r="EX7" s="91">
        <v>100</v>
      </c>
      <c r="EY7" s="92">
        <v>1112</v>
      </c>
      <c r="EZ7" s="93">
        <v>1909</v>
      </c>
      <c r="FA7" s="90">
        <v>365</v>
      </c>
      <c r="FB7" s="91">
        <v>475</v>
      </c>
      <c r="FC7" s="92">
        <v>840</v>
      </c>
      <c r="FD7" s="412">
        <v>0</v>
      </c>
      <c r="FE7" s="91">
        <v>568</v>
      </c>
      <c r="FF7" s="91">
        <v>489</v>
      </c>
      <c r="FG7" s="91">
        <v>240</v>
      </c>
      <c r="FH7" s="91">
        <v>266</v>
      </c>
      <c r="FI7" s="91">
        <v>167</v>
      </c>
      <c r="FJ7" s="92">
        <v>1730</v>
      </c>
      <c r="FK7" s="93">
        <v>2570</v>
      </c>
      <c r="FL7" s="90">
        <v>233</v>
      </c>
      <c r="FM7" s="91">
        <v>363</v>
      </c>
      <c r="FN7" s="92">
        <v>596</v>
      </c>
      <c r="FO7" s="412">
        <v>0</v>
      </c>
      <c r="FP7" s="91">
        <v>614</v>
      </c>
      <c r="FQ7" s="91">
        <v>701</v>
      </c>
      <c r="FR7" s="91">
        <v>545</v>
      </c>
      <c r="FS7" s="91">
        <v>542</v>
      </c>
      <c r="FT7" s="91">
        <v>308</v>
      </c>
      <c r="FU7" s="92">
        <v>2710</v>
      </c>
      <c r="FV7" s="93">
        <v>3306</v>
      </c>
      <c r="FW7" s="90">
        <v>0</v>
      </c>
      <c r="FX7" s="91">
        <v>0</v>
      </c>
      <c r="FY7" s="92">
        <v>0</v>
      </c>
      <c r="FZ7" s="412">
        <v>0</v>
      </c>
      <c r="GA7" s="91">
        <v>0</v>
      </c>
      <c r="GB7" s="91">
        <v>0</v>
      </c>
      <c r="GC7" s="91">
        <v>0</v>
      </c>
      <c r="GD7" s="91">
        <v>0</v>
      </c>
      <c r="GE7" s="91">
        <v>0</v>
      </c>
      <c r="GF7" s="92">
        <v>0</v>
      </c>
      <c r="GG7" s="93">
        <v>0</v>
      </c>
      <c r="GH7" s="90">
        <v>1319</v>
      </c>
      <c r="GI7" s="91">
        <v>1596</v>
      </c>
      <c r="GJ7" s="92">
        <v>2915</v>
      </c>
      <c r="GK7" s="412">
        <v>0</v>
      </c>
      <c r="GL7" s="91">
        <v>1880</v>
      </c>
      <c r="GM7" s="91">
        <v>1798</v>
      </c>
      <c r="GN7" s="91">
        <v>1089</v>
      </c>
      <c r="GO7" s="91">
        <v>1093</v>
      </c>
      <c r="GP7" s="91">
        <v>690</v>
      </c>
      <c r="GQ7" s="92">
        <v>6550</v>
      </c>
      <c r="GR7" s="93">
        <v>9465</v>
      </c>
      <c r="GS7" s="94">
        <v>4915</v>
      </c>
      <c r="GT7" s="86">
        <v>5196</v>
      </c>
      <c r="GU7" s="87">
        <v>10111</v>
      </c>
      <c r="GV7" s="412">
        <v>0</v>
      </c>
      <c r="GW7" s="86">
        <v>6524</v>
      </c>
      <c r="GX7" s="86">
        <v>6127</v>
      </c>
      <c r="GY7" s="86">
        <v>3715</v>
      </c>
      <c r="GZ7" s="86">
        <v>3250</v>
      </c>
      <c r="HA7" s="86">
        <v>2083</v>
      </c>
      <c r="HB7" s="88">
        <v>21699</v>
      </c>
      <c r="HC7" s="89">
        <v>31810</v>
      </c>
      <c r="HD7" s="90">
        <v>139</v>
      </c>
      <c r="HE7" s="91">
        <v>194</v>
      </c>
      <c r="HF7" s="92">
        <v>333</v>
      </c>
      <c r="HG7" s="412">
        <v>0</v>
      </c>
      <c r="HH7" s="91">
        <v>157</v>
      </c>
      <c r="HI7" s="91">
        <v>195</v>
      </c>
      <c r="HJ7" s="91">
        <v>110</v>
      </c>
      <c r="HK7" s="91">
        <v>114</v>
      </c>
      <c r="HL7" s="91">
        <v>76</v>
      </c>
      <c r="HM7" s="92">
        <v>652</v>
      </c>
      <c r="HN7" s="93">
        <v>985</v>
      </c>
      <c r="HO7" s="90">
        <v>296</v>
      </c>
      <c r="HP7" s="91">
        <v>371</v>
      </c>
      <c r="HQ7" s="92">
        <v>667</v>
      </c>
      <c r="HR7" s="412">
        <v>0</v>
      </c>
      <c r="HS7" s="91">
        <v>339</v>
      </c>
      <c r="HT7" s="91">
        <v>383</v>
      </c>
      <c r="HU7" s="91">
        <v>224</v>
      </c>
      <c r="HV7" s="91">
        <v>212</v>
      </c>
      <c r="HW7" s="91">
        <v>175</v>
      </c>
      <c r="HX7" s="92">
        <v>1333</v>
      </c>
      <c r="HY7" s="93">
        <v>2000</v>
      </c>
      <c r="HZ7" s="90">
        <v>629</v>
      </c>
      <c r="IA7" s="91">
        <v>669</v>
      </c>
      <c r="IB7" s="92">
        <v>1298</v>
      </c>
      <c r="IC7" s="412">
        <v>0</v>
      </c>
      <c r="ID7" s="91">
        <v>748</v>
      </c>
      <c r="IE7" s="91">
        <v>685</v>
      </c>
      <c r="IF7" s="91">
        <v>371</v>
      </c>
      <c r="IG7" s="91">
        <v>317</v>
      </c>
      <c r="IH7" s="91">
        <v>270</v>
      </c>
      <c r="II7" s="92">
        <v>2391</v>
      </c>
      <c r="IJ7" s="93">
        <v>3689</v>
      </c>
      <c r="IK7" s="90">
        <v>1189</v>
      </c>
      <c r="IL7" s="91">
        <v>1150</v>
      </c>
      <c r="IM7" s="92">
        <v>2339</v>
      </c>
      <c r="IN7" s="412">
        <v>0</v>
      </c>
      <c r="IO7" s="91">
        <v>1421</v>
      </c>
      <c r="IP7" s="91">
        <v>1182</v>
      </c>
      <c r="IQ7" s="91">
        <v>638</v>
      </c>
      <c r="IR7" s="91">
        <v>579</v>
      </c>
      <c r="IS7" s="91">
        <v>403</v>
      </c>
      <c r="IT7" s="92">
        <v>4223</v>
      </c>
      <c r="IU7" s="93">
        <v>6562</v>
      </c>
      <c r="IV7" s="90">
        <v>1557</v>
      </c>
      <c r="IW7" s="91">
        <v>1499</v>
      </c>
      <c r="IX7" s="92">
        <v>3056</v>
      </c>
      <c r="IY7" s="412">
        <v>0</v>
      </c>
      <c r="IZ7" s="91">
        <v>1936</v>
      </c>
      <c r="JA7" s="91">
        <v>1682</v>
      </c>
      <c r="JB7" s="91">
        <v>972</v>
      </c>
      <c r="JC7" s="91">
        <v>809</v>
      </c>
      <c r="JD7" s="91">
        <v>493</v>
      </c>
      <c r="JE7" s="92">
        <v>5892</v>
      </c>
      <c r="JF7" s="93">
        <v>8948</v>
      </c>
      <c r="JG7" s="90">
        <v>1105</v>
      </c>
      <c r="JH7" s="91">
        <v>1313</v>
      </c>
      <c r="JI7" s="92">
        <v>2418</v>
      </c>
      <c r="JJ7" s="412">
        <v>0</v>
      </c>
      <c r="JK7" s="91">
        <v>1923</v>
      </c>
      <c r="JL7" s="91">
        <v>2000</v>
      </c>
      <c r="JM7" s="91">
        <v>1400</v>
      </c>
      <c r="JN7" s="91">
        <v>1219</v>
      </c>
      <c r="JO7" s="91">
        <v>666</v>
      </c>
      <c r="JP7" s="92">
        <v>7208</v>
      </c>
      <c r="JQ7" s="93">
        <v>9626</v>
      </c>
      <c r="JR7" s="90">
        <v>0</v>
      </c>
      <c r="JS7" s="91">
        <v>0</v>
      </c>
      <c r="JT7" s="92">
        <v>0</v>
      </c>
      <c r="JU7" s="412">
        <v>0</v>
      </c>
      <c r="JV7" s="91">
        <v>0</v>
      </c>
      <c r="JW7" s="91">
        <v>0</v>
      </c>
      <c r="JX7" s="91">
        <v>0</v>
      </c>
      <c r="JY7" s="91">
        <v>0</v>
      </c>
      <c r="JZ7" s="91">
        <v>0</v>
      </c>
      <c r="KA7" s="92">
        <v>0</v>
      </c>
      <c r="KB7" s="93">
        <v>0</v>
      </c>
      <c r="KC7" s="90">
        <v>4915</v>
      </c>
      <c r="KD7" s="91">
        <v>5196</v>
      </c>
      <c r="KE7" s="92">
        <v>10111</v>
      </c>
      <c r="KF7" s="412">
        <v>0</v>
      </c>
      <c r="KG7" s="91">
        <v>6524</v>
      </c>
      <c r="KH7" s="91">
        <v>6127</v>
      </c>
      <c r="KI7" s="91">
        <v>3715</v>
      </c>
      <c r="KJ7" s="91">
        <v>3250</v>
      </c>
      <c r="KK7" s="91">
        <v>2083</v>
      </c>
      <c r="KL7" s="92">
        <v>21699</v>
      </c>
      <c r="KM7" s="93">
        <v>31810</v>
      </c>
    </row>
    <row r="8" spans="2:299" s="70" customFormat="1" ht="21" customHeight="1" x14ac:dyDescent="0.2">
      <c r="B8" s="95" t="s">
        <v>5</v>
      </c>
      <c r="C8" s="96">
        <v>1553</v>
      </c>
      <c r="D8" s="97">
        <v>1870</v>
      </c>
      <c r="E8" s="98">
        <v>3423</v>
      </c>
      <c r="F8" s="413">
        <v>0</v>
      </c>
      <c r="G8" s="97">
        <v>1712</v>
      </c>
      <c r="H8" s="97">
        <v>2099</v>
      </c>
      <c r="I8" s="97">
        <v>1190</v>
      </c>
      <c r="J8" s="97">
        <v>990</v>
      </c>
      <c r="K8" s="97">
        <v>634</v>
      </c>
      <c r="L8" s="99">
        <v>6625</v>
      </c>
      <c r="M8" s="100">
        <v>10048</v>
      </c>
      <c r="N8" s="101">
        <v>34</v>
      </c>
      <c r="O8" s="102">
        <v>77</v>
      </c>
      <c r="P8" s="103">
        <v>111</v>
      </c>
      <c r="Q8" s="413">
        <v>0</v>
      </c>
      <c r="R8" s="102">
        <v>46</v>
      </c>
      <c r="S8" s="102">
        <v>71</v>
      </c>
      <c r="T8" s="102">
        <v>39</v>
      </c>
      <c r="U8" s="102">
        <v>47</v>
      </c>
      <c r="V8" s="102">
        <v>28</v>
      </c>
      <c r="W8" s="103">
        <v>231</v>
      </c>
      <c r="X8" s="104">
        <v>342</v>
      </c>
      <c r="Y8" s="101">
        <v>101</v>
      </c>
      <c r="Z8" s="102">
        <v>128</v>
      </c>
      <c r="AA8" s="103">
        <v>229</v>
      </c>
      <c r="AB8" s="413">
        <v>0</v>
      </c>
      <c r="AC8" s="102">
        <v>87</v>
      </c>
      <c r="AD8" s="102">
        <v>144</v>
      </c>
      <c r="AE8" s="102">
        <v>76</v>
      </c>
      <c r="AF8" s="102">
        <v>73</v>
      </c>
      <c r="AG8" s="102">
        <v>57</v>
      </c>
      <c r="AH8" s="103">
        <v>437</v>
      </c>
      <c r="AI8" s="104">
        <v>666</v>
      </c>
      <c r="AJ8" s="101">
        <v>159</v>
      </c>
      <c r="AK8" s="102">
        <v>227</v>
      </c>
      <c r="AL8" s="103">
        <v>386</v>
      </c>
      <c r="AM8" s="413">
        <v>0</v>
      </c>
      <c r="AN8" s="102">
        <v>161</v>
      </c>
      <c r="AO8" s="102">
        <v>242</v>
      </c>
      <c r="AP8" s="102">
        <v>123</v>
      </c>
      <c r="AQ8" s="102">
        <v>127</v>
      </c>
      <c r="AR8" s="102">
        <v>78</v>
      </c>
      <c r="AS8" s="103">
        <v>731</v>
      </c>
      <c r="AT8" s="104">
        <v>1117</v>
      </c>
      <c r="AU8" s="101">
        <v>338</v>
      </c>
      <c r="AV8" s="102">
        <v>394</v>
      </c>
      <c r="AW8" s="103">
        <v>732</v>
      </c>
      <c r="AX8" s="413">
        <v>0</v>
      </c>
      <c r="AY8" s="102">
        <v>355</v>
      </c>
      <c r="AZ8" s="102">
        <v>425</v>
      </c>
      <c r="BA8" s="102">
        <v>200</v>
      </c>
      <c r="BB8" s="102">
        <v>195</v>
      </c>
      <c r="BC8" s="102">
        <v>124</v>
      </c>
      <c r="BD8" s="103">
        <v>1299</v>
      </c>
      <c r="BE8" s="104">
        <v>2031</v>
      </c>
      <c r="BF8" s="101">
        <v>515</v>
      </c>
      <c r="BG8" s="102">
        <v>545</v>
      </c>
      <c r="BH8" s="103">
        <v>1060</v>
      </c>
      <c r="BI8" s="413">
        <v>0</v>
      </c>
      <c r="BJ8" s="102">
        <v>541</v>
      </c>
      <c r="BK8" s="102">
        <v>571</v>
      </c>
      <c r="BL8" s="102">
        <v>338</v>
      </c>
      <c r="BM8" s="102">
        <v>249</v>
      </c>
      <c r="BN8" s="102">
        <v>153</v>
      </c>
      <c r="BO8" s="103">
        <v>1852</v>
      </c>
      <c r="BP8" s="104">
        <v>2912</v>
      </c>
      <c r="BQ8" s="101">
        <v>406</v>
      </c>
      <c r="BR8" s="102">
        <v>499</v>
      </c>
      <c r="BS8" s="103">
        <v>905</v>
      </c>
      <c r="BT8" s="413">
        <v>0</v>
      </c>
      <c r="BU8" s="102">
        <v>522</v>
      </c>
      <c r="BV8" s="102">
        <v>646</v>
      </c>
      <c r="BW8" s="102">
        <v>414</v>
      </c>
      <c r="BX8" s="102">
        <v>299</v>
      </c>
      <c r="BY8" s="102">
        <v>194</v>
      </c>
      <c r="BZ8" s="103">
        <v>2075</v>
      </c>
      <c r="CA8" s="104">
        <v>2980</v>
      </c>
      <c r="CB8" s="101">
        <v>0</v>
      </c>
      <c r="CC8" s="102">
        <v>0</v>
      </c>
      <c r="CD8" s="103">
        <v>0</v>
      </c>
      <c r="CE8" s="413">
        <v>0</v>
      </c>
      <c r="CF8" s="102">
        <v>0</v>
      </c>
      <c r="CG8" s="102">
        <v>0</v>
      </c>
      <c r="CH8" s="102">
        <v>0</v>
      </c>
      <c r="CI8" s="102">
        <v>0</v>
      </c>
      <c r="CJ8" s="102">
        <v>0</v>
      </c>
      <c r="CK8" s="103">
        <v>0</v>
      </c>
      <c r="CL8" s="104">
        <v>0</v>
      </c>
      <c r="CM8" s="101">
        <v>1553</v>
      </c>
      <c r="CN8" s="102">
        <v>1870</v>
      </c>
      <c r="CO8" s="103">
        <v>3423</v>
      </c>
      <c r="CP8" s="413">
        <v>0</v>
      </c>
      <c r="CQ8" s="102">
        <v>1712</v>
      </c>
      <c r="CR8" s="102">
        <v>2099</v>
      </c>
      <c r="CS8" s="102">
        <v>1190</v>
      </c>
      <c r="CT8" s="102">
        <v>990</v>
      </c>
      <c r="CU8" s="102">
        <v>634</v>
      </c>
      <c r="CV8" s="103">
        <v>6625</v>
      </c>
      <c r="CW8" s="104">
        <v>10048</v>
      </c>
      <c r="CX8" s="105">
        <v>517</v>
      </c>
      <c r="CY8" s="97">
        <v>775</v>
      </c>
      <c r="CZ8" s="98">
        <v>1292</v>
      </c>
      <c r="DA8" s="413">
        <v>0</v>
      </c>
      <c r="DB8" s="97">
        <v>699</v>
      </c>
      <c r="DC8" s="97">
        <v>847</v>
      </c>
      <c r="DD8" s="97">
        <v>481</v>
      </c>
      <c r="DE8" s="97">
        <v>476</v>
      </c>
      <c r="DF8" s="97">
        <v>307</v>
      </c>
      <c r="DG8" s="99">
        <v>2810</v>
      </c>
      <c r="DH8" s="100">
        <v>4102</v>
      </c>
      <c r="DI8" s="101">
        <v>9</v>
      </c>
      <c r="DJ8" s="102">
        <v>19</v>
      </c>
      <c r="DK8" s="103">
        <v>28</v>
      </c>
      <c r="DL8" s="413">
        <v>0</v>
      </c>
      <c r="DM8" s="102">
        <v>11</v>
      </c>
      <c r="DN8" s="102">
        <v>20</v>
      </c>
      <c r="DO8" s="102">
        <v>11</v>
      </c>
      <c r="DP8" s="102">
        <v>13</v>
      </c>
      <c r="DQ8" s="102">
        <v>3</v>
      </c>
      <c r="DR8" s="103">
        <v>58</v>
      </c>
      <c r="DS8" s="104">
        <v>86</v>
      </c>
      <c r="DT8" s="101">
        <v>28</v>
      </c>
      <c r="DU8" s="102">
        <v>47</v>
      </c>
      <c r="DV8" s="103">
        <v>75</v>
      </c>
      <c r="DW8" s="413">
        <v>0</v>
      </c>
      <c r="DX8" s="102">
        <v>14</v>
      </c>
      <c r="DY8" s="102">
        <v>33</v>
      </c>
      <c r="DZ8" s="102">
        <v>16</v>
      </c>
      <c r="EA8" s="102">
        <v>15</v>
      </c>
      <c r="EB8" s="102">
        <v>20</v>
      </c>
      <c r="EC8" s="103">
        <v>98</v>
      </c>
      <c r="ED8" s="104">
        <v>173</v>
      </c>
      <c r="EE8" s="101">
        <v>83</v>
      </c>
      <c r="EF8" s="102">
        <v>105</v>
      </c>
      <c r="EG8" s="103">
        <v>188</v>
      </c>
      <c r="EH8" s="413">
        <v>0</v>
      </c>
      <c r="EI8" s="102">
        <v>80</v>
      </c>
      <c r="EJ8" s="102">
        <v>89</v>
      </c>
      <c r="EK8" s="102">
        <v>25</v>
      </c>
      <c r="EL8" s="102">
        <v>27</v>
      </c>
      <c r="EM8" s="102">
        <v>35</v>
      </c>
      <c r="EN8" s="103">
        <v>256</v>
      </c>
      <c r="EO8" s="104">
        <v>444</v>
      </c>
      <c r="EP8" s="101">
        <v>156</v>
      </c>
      <c r="EQ8" s="102">
        <v>193</v>
      </c>
      <c r="ER8" s="103">
        <v>349</v>
      </c>
      <c r="ES8" s="413">
        <v>0</v>
      </c>
      <c r="ET8" s="102">
        <v>151</v>
      </c>
      <c r="EU8" s="102">
        <v>141</v>
      </c>
      <c r="EV8" s="102">
        <v>78</v>
      </c>
      <c r="EW8" s="102">
        <v>70</v>
      </c>
      <c r="EX8" s="102">
        <v>35</v>
      </c>
      <c r="EY8" s="103">
        <v>475</v>
      </c>
      <c r="EZ8" s="104">
        <v>824</v>
      </c>
      <c r="FA8" s="101">
        <v>141</v>
      </c>
      <c r="FB8" s="102">
        <v>239</v>
      </c>
      <c r="FC8" s="103">
        <v>380</v>
      </c>
      <c r="FD8" s="413">
        <v>0</v>
      </c>
      <c r="FE8" s="102">
        <v>219</v>
      </c>
      <c r="FF8" s="102">
        <v>241</v>
      </c>
      <c r="FG8" s="102">
        <v>110</v>
      </c>
      <c r="FH8" s="102">
        <v>124</v>
      </c>
      <c r="FI8" s="102">
        <v>69</v>
      </c>
      <c r="FJ8" s="103">
        <v>763</v>
      </c>
      <c r="FK8" s="104">
        <v>1143</v>
      </c>
      <c r="FL8" s="101">
        <v>100</v>
      </c>
      <c r="FM8" s="102">
        <v>172</v>
      </c>
      <c r="FN8" s="103">
        <v>272</v>
      </c>
      <c r="FO8" s="413">
        <v>0</v>
      </c>
      <c r="FP8" s="102">
        <v>224</v>
      </c>
      <c r="FQ8" s="102">
        <v>323</v>
      </c>
      <c r="FR8" s="102">
        <v>241</v>
      </c>
      <c r="FS8" s="102">
        <v>227</v>
      </c>
      <c r="FT8" s="102">
        <v>145</v>
      </c>
      <c r="FU8" s="103">
        <v>1160</v>
      </c>
      <c r="FV8" s="104">
        <v>1432</v>
      </c>
      <c r="FW8" s="101">
        <v>0</v>
      </c>
      <c r="FX8" s="102">
        <v>0</v>
      </c>
      <c r="FY8" s="103">
        <v>0</v>
      </c>
      <c r="FZ8" s="413">
        <v>0</v>
      </c>
      <c r="GA8" s="102">
        <v>0</v>
      </c>
      <c r="GB8" s="102">
        <v>0</v>
      </c>
      <c r="GC8" s="102">
        <v>0</v>
      </c>
      <c r="GD8" s="102">
        <v>0</v>
      </c>
      <c r="GE8" s="102">
        <v>0</v>
      </c>
      <c r="GF8" s="103">
        <v>0</v>
      </c>
      <c r="GG8" s="104">
        <v>0</v>
      </c>
      <c r="GH8" s="101">
        <v>517</v>
      </c>
      <c r="GI8" s="102">
        <v>775</v>
      </c>
      <c r="GJ8" s="103">
        <v>1292</v>
      </c>
      <c r="GK8" s="413">
        <v>0</v>
      </c>
      <c r="GL8" s="102">
        <v>699</v>
      </c>
      <c r="GM8" s="102">
        <v>847</v>
      </c>
      <c r="GN8" s="102">
        <v>481</v>
      </c>
      <c r="GO8" s="102">
        <v>476</v>
      </c>
      <c r="GP8" s="102">
        <v>307</v>
      </c>
      <c r="GQ8" s="103">
        <v>2810</v>
      </c>
      <c r="GR8" s="104">
        <v>4102</v>
      </c>
      <c r="GS8" s="105">
        <v>2070</v>
      </c>
      <c r="GT8" s="97">
        <v>2645</v>
      </c>
      <c r="GU8" s="98">
        <v>4715</v>
      </c>
      <c r="GV8" s="413">
        <v>0</v>
      </c>
      <c r="GW8" s="97">
        <v>2411</v>
      </c>
      <c r="GX8" s="97">
        <v>2946</v>
      </c>
      <c r="GY8" s="97">
        <v>1671</v>
      </c>
      <c r="GZ8" s="97">
        <v>1466</v>
      </c>
      <c r="HA8" s="97">
        <v>941</v>
      </c>
      <c r="HB8" s="99">
        <v>9435</v>
      </c>
      <c r="HC8" s="100">
        <v>14150</v>
      </c>
      <c r="HD8" s="101">
        <v>43</v>
      </c>
      <c r="HE8" s="102">
        <v>96</v>
      </c>
      <c r="HF8" s="103">
        <v>139</v>
      </c>
      <c r="HG8" s="413">
        <v>0</v>
      </c>
      <c r="HH8" s="102">
        <v>57</v>
      </c>
      <c r="HI8" s="102">
        <v>91</v>
      </c>
      <c r="HJ8" s="102">
        <v>50</v>
      </c>
      <c r="HK8" s="102">
        <v>60</v>
      </c>
      <c r="HL8" s="102">
        <v>31</v>
      </c>
      <c r="HM8" s="103">
        <v>289</v>
      </c>
      <c r="HN8" s="104">
        <v>428</v>
      </c>
      <c r="HO8" s="101">
        <v>129</v>
      </c>
      <c r="HP8" s="102">
        <v>175</v>
      </c>
      <c r="HQ8" s="103">
        <v>304</v>
      </c>
      <c r="HR8" s="413">
        <v>0</v>
      </c>
      <c r="HS8" s="102">
        <v>101</v>
      </c>
      <c r="HT8" s="102">
        <v>177</v>
      </c>
      <c r="HU8" s="102">
        <v>92</v>
      </c>
      <c r="HV8" s="102">
        <v>88</v>
      </c>
      <c r="HW8" s="102">
        <v>77</v>
      </c>
      <c r="HX8" s="103">
        <v>535</v>
      </c>
      <c r="HY8" s="104">
        <v>839</v>
      </c>
      <c r="HZ8" s="101">
        <v>242</v>
      </c>
      <c r="IA8" s="102">
        <v>332</v>
      </c>
      <c r="IB8" s="103">
        <v>574</v>
      </c>
      <c r="IC8" s="413">
        <v>0</v>
      </c>
      <c r="ID8" s="102">
        <v>241</v>
      </c>
      <c r="IE8" s="102">
        <v>331</v>
      </c>
      <c r="IF8" s="102">
        <v>148</v>
      </c>
      <c r="IG8" s="102">
        <v>154</v>
      </c>
      <c r="IH8" s="102">
        <v>113</v>
      </c>
      <c r="II8" s="103">
        <v>987</v>
      </c>
      <c r="IJ8" s="104">
        <v>1561</v>
      </c>
      <c r="IK8" s="101">
        <v>494</v>
      </c>
      <c r="IL8" s="102">
        <v>587</v>
      </c>
      <c r="IM8" s="103">
        <v>1081</v>
      </c>
      <c r="IN8" s="413">
        <v>0</v>
      </c>
      <c r="IO8" s="102">
        <v>506</v>
      </c>
      <c r="IP8" s="102">
        <v>566</v>
      </c>
      <c r="IQ8" s="102">
        <v>278</v>
      </c>
      <c r="IR8" s="102">
        <v>265</v>
      </c>
      <c r="IS8" s="102">
        <v>159</v>
      </c>
      <c r="IT8" s="103">
        <v>1774</v>
      </c>
      <c r="IU8" s="104">
        <v>2855</v>
      </c>
      <c r="IV8" s="101">
        <v>656</v>
      </c>
      <c r="IW8" s="102">
        <v>784</v>
      </c>
      <c r="IX8" s="103">
        <v>1440</v>
      </c>
      <c r="IY8" s="413">
        <v>0</v>
      </c>
      <c r="IZ8" s="102">
        <v>760</v>
      </c>
      <c r="JA8" s="102">
        <v>812</v>
      </c>
      <c r="JB8" s="102">
        <v>448</v>
      </c>
      <c r="JC8" s="102">
        <v>373</v>
      </c>
      <c r="JD8" s="102">
        <v>222</v>
      </c>
      <c r="JE8" s="103">
        <v>2615</v>
      </c>
      <c r="JF8" s="104">
        <v>4055</v>
      </c>
      <c r="JG8" s="101">
        <v>506</v>
      </c>
      <c r="JH8" s="102">
        <v>671</v>
      </c>
      <c r="JI8" s="103">
        <v>1177</v>
      </c>
      <c r="JJ8" s="413">
        <v>0</v>
      </c>
      <c r="JK8" s="102">
        <v>746</v>
      </c>
      <c r="JL8" s="102">
        <v>969</v>
      </c>
      <c r="JM8" s="102">
        <v>655</v>
      </c>
      <c r="JN8" s="102">
        <v>526</v>
      </c>
      <c r="JO8" s="102">
        <v>339</v>
      </c>
      <c r="JP8" s="103">
        <v>3235</v>
      </c>
      <c r="JQ8" s="104">
        <v>4412</v>
      </c>
      <c r="JR8" s="101">
        <v>0</v>
      </c>
      <c r="JS8" s="102">
        <v>0</v>
      </c>
      <c r="JT8" s="103">
        <v>0</v>
      </c>
      <c r="JU8" s="413">
        <v>0</v>
      </c>
      <c r="JV8" s="102">
        <v>0</v>
      </c>
      <c r="JW8" s="102">
        <v>0</v>
      </c>
      <c r="JX8" s="102">
        <v>0</v>
      </c>
      <c r="JY8" s="102">
        <v>0</v>
      </c>
      <c r="JZ8" s="102">
        <v>0</v>
      </c>
      <c r="KA8" s="103">
        <v>0</v>
      </c>
      <c r="KB8" s="104">
        <v>0</v>
      </c>
      <c r="KC8" s="101">
        <v>2070</v>
      </c>
      <c r="KD8" s="102">
        <v>2645</v>
      </c>
      <c r="KE8" s="103">
        <v>4715</v>
      </c>
      <c r="KF8" s="413">
        <v>0</v>
      </c>
      <c r="KG8" s="102">
        <v>2411</v>
      </c>
      <c r="KH8" s="102">
        <v>2946</v>
      </c>
      <c r="KI8" s="102">
        <v>1671</v>
      </c>
      <c r="KJ8" s="102">
        <v>1466</v>
      </c>
      <c r="KK8" s="102">
        <v>941</v>
      </c>
      <c r="KL8" s="103">
        <v>9435</v>
      </c>
      <c r="KM8" s="104">
        <v>14150</v>
      </c>
    </row>
    <row r="9" spans="2:299" s="70" customFormat="1" ht="21" customHeight="1" x14ac:dyDescent="0.2">
      <c r="B9" s="106" t="s">
        <v>6</v>
      </c>
      <c r="C9" s="96">
        <v>476</v>
      </c>
      <c r="D9" s="97">
        <v>433</v>
      </c>
      <c r="E9" s="98">
        <v>909</v>
      </c>
      <c r="F9" s="413">
        <v>0</v>
      </c>
      <c r="G9" s="97">
        <v>805</v>
      </c>
      <c r="H9" s="97">
        <v>629</v>
      </c>
      <c r="I9" s="97">
        <v>359</v>
      </c>
      <c r="J9" s="97">
        <v>342</v>
      </c>
      <c r="K9" s="97">
        <v>220</v>
      </c>
      <c r="L9" s="99">
        <v>2355</v>
      </c>
      <c r="M9" s="100">
        <v>3264</v>
      </c>
      <c r="N9" s="101">
        <v>28</v>
      </c>
      <c r="O9" s="102">
        <v>27</v>
      </c>
      <c r="P9" s="103">
        <v>55</v>
      </c>
      <c r="Q9" s="413">
        <v>0</v>
      </c>
      <c r="R9" s="102">
        <v>28</v>
      </c>
      <c r="S9" s="102">
        <v>26</v>
      </c>
      <c r="T9" s="102">
        <v>13</v>
      </c>
      <c r="U9" s="102">
        <v>15</v>
      </c>
      <c r="V9" s="102">
        <v>11</v>
      </c>
      <c r="W9" s="103">
        <v>93</v>
      </c>
      <c r="X9" s="104">
        <v>148</v>
      </c>
      <c r="Y9" s="101">
        <v>31</v>
      </c>
      <c r="Z9" s="102">
        <v>33</v>
      </c>
      <c r="AA9" s="103">
        <v>64</v>
      </c>
      <c r="AB9" s="413">
        <v>0</v>
      </c>
      <c r="AC9" s="102">
        <v>55</v>
      </c>
      <c r="AD9" s="102">
        <v>39</v>
      </c>
      <c r="AE9" s="102">
        <v>29</v>
      </c>
      <c r="AF9" s="102">
        <v>33</v>
      </c>
      <c r="AG9" s="102">
        <v>27</v>
      </c>
      <c r="AH9" s="103">
        <v>183</v>
      </c>
      <c r="AI9" s="104">
        <v>247</v>
      </c>
      <c r="AJ9" s="101">
        <v>81</v>
      </c>
      <c r="AK9" s="102">
        <v>59</v>
      </c>
      <c r="AL9" s="103">
        <v>140</v>
      </c>
      <c r="AM9" s="413">
        <v>0</v>
      </c>
      <c r="AN9" s="102">
        <v>98</v>
      </c>
      <c r="AO9" s="102">
        <v>72</v>
      </c>
      <c r="AP9" s="102">
        <v>42</v>
      </c>
      <c r="AQ9" s="102">
        <v>34</v>
      </c>
      <c r="AR9" s="102">
        <v>37</v>
      </c>
      <c r="AS9" s="103">
        <v>283</v>
      </c>
      <c r="AT9" s="104">
        <v>423</v>
      </c>
      <c r="AU9" s="101">
        <v>91</v>
      </c>
      <c r="AV9" s="102">
        <v>73</v>
      </c>
      <c r="AW9" s="103">
        <v>164</v>
      </c>
      <c r="AX9" s="413">
        <v>0</v>
      </c>
      <c r="AY9" s="102">
        <v>194</v>
      </c>
      <c r="AZ9" s="102">
        <v>124</v>
      </c>
      <c r="BA9" s="102">
        <v>69</v>
      </c>
      <c r="BB9" s="102">
        <v>66</v>
      </c>
      <c r="BC9" s="102">
        <v>44</v>
      </c>
      <c r="BD9" s="103">
        <v>497</v>
      </c>
      <c r="BE9" s="104">
        <v>661</v>
      </c>
      <c r="BF9" s="101">
        <v>143</v>
      </c>
      <c r="BG9" s="102">
        <v>111</v>
      </c>
      <c r="BH9" s="103">
        <v>254</v>
      </c>
      <c r="BI9" s="413">
        <v>0</v>
      </c>
      <c r="BJ9" s="102">
        <v>224</v>
      </c>
      <c r="BK9" s="102">
        <v>170</v>
      </c>
      <c r="BL9" s="102">
        <v>89</v>
      </c>
      <c r="BM9" s="102">
        <v>74</v>
      </c>
      <c r="BN9" s="102">
        <v>46</v>
      </c>
      <c r="BO9" s="103">
        <v>603</v>
      </c>
      <c r="BP9" s="104">
        <v>857</v>
      </c>
      <c r="BQ9" s="101">
        <v>102</v>
      </c>
      <c r="BR9" s="102">
        <v>130</v>
      </c>
      <c r="BS9" s="103">
        <v>232</v>
      </c>
      <c r="BT9" s="413">
        <v>0</v>
      </c>
      <c r="BU9" s="102">
        <v>206</v>
      </c>
      <c r="BV9" s="102">
        <v>198</v>
      </c>
      <c r="BW9" s="102">
        <v>117</v>
      </c>
      <c r="BX9" s="102">
        <v>120</v>
      </c>
      <c r="BY9" s="102">
        <v>55</v>
      </c>
      <c r="BZ9" s="103">
        <v>696</v>
      </c>
      <c r="CA9" s="104">
        <v>928</v>
      </c>
      <c r="CB9" s="101">
        <v>0</v>
      </c>
      <c r="CC9" s="102">
        <v>0</v>
      </c>
      <c r="CD9" s="103">
        <v>0</v>
      </c>
      <c r="CE9" s="413">
        <v>0</v>
      </c>
      <c r="CF9" s="102">
        <v>0</v>
      </c>
      <c r="CG9" s="102">
        <v>0</v>
      </c>
      <c r="CH9" s="102">
        <v>0</v>
      </c>
      <c r="CI9" s="102">
        <v>0</v>
      </c>
      <c r="CJ9" s="102">
        <v>0</v>
      </c>
      <c r="CK9" s="103">
        <v>0</v>
      </c>
      <c r="CL9" s="104">
        <v>0</v>
      </c>
      <c r="CM9" s="101">
        <v>476</v>
      </c>
      <c r="CN9" s="102">
        <v>433</v>
      </c>
      <c r="CO9" s="103">
        <v>909</v>
      </c>
      <c r="CP9" s="413">
        <v>0</v>
      </c>
      <c r="CQ9" s="102">
        <v>805</v>
      </c>
      <c r="CR9" s="102">
        <v>629</v>
      </c>
      <c r="CS9" s="102">
        <v>359</v>
      </c>
      <c r="CT9" s="102">
        <v>342</v>
      </c>
      <c r="CU9" s="102">
        <v>220</v>
      </c>
      <c r="CV9" s="103">
        <v>2355</v>
      </c>
      <c r="CW9" s="104">
        <v>3264</v>
      </c>
      <c r="CX9" s="105">
        <v>246</v>
      </c>
      <c r="CY9" s="97">
        <v>259</v>
      </c>
      <c r="CZ9" s="98">
        <v>505</v>
      </c>
      <c r="DA9" s="413">
        <v>0</v>
      </c>
      <c r="DB9" s="97">
        <v>407</v>
      </c>
      <c r="DC9" s="97">
        <v>294</v>
      </c>
      <c r="DD9" s="97">
        <v>208</v>
      </c>
      <c r="DE9" s="97">
        <v>199</v>
      </c>
      <c r="DF9" s="97">
        <v>115</v>
      </c>
      <c r="DG9" s="99">
        <v>1223</v>
      </c>
      <c r="DH9" s="100">
        <v>1728</v>
      </c>
      <c r="DI9" s="101">
        <v>6</v>
      </c>
      <c r="DJ9" s="102">
        <v>4</v>
      </c>
      <c r="DK9" s="103">
        <v>10</v>
      </c>
      <c r="DL9" s="413">
        <v>0</v>
      </c>
      <c r="DM9" s="102">
        <v>3</v>
      </c>
      <c r="DN9" s="102">
        <v>5</v>
      </c>
      <c r="DO9" s="102">
        <v>2</v>
      </c>
      <c r="DP9" s="102">
        <v>4</v>
      </c>
      <c r="DQ9" s="102">
        <v>2</v>
      </c>
      <c r="DR9" s="103">
        <v>16</v>
      </c>
      <c r="DS9" s="104">
        <v>26</v>
      </c>
      <c r="DT9" s="101">
        <v>17</v>
      </c>
      <c r="DU9" s="102">
        <v>19</v>
      </c>
      <c r="DV9" s="103">
        <v>36</v>
      </c>
      <c r="DW9" s="413">
        <v>0</v>
      </c>
      <c r="DX9" s="102">
        <v>26</v>
      </c>
      <c r="DY9" s="102">
        <v>12</v>
      </c>
      <c r="DZ9" s="102">
        <v>13</v>
      </c>
      <c r="EA9" s="102">
        <v>7</v>
      </c>
      <c r="EB9" s="102">
        <v>5</v>
      </c>
      <c r="EC9" s="103">
        <v>63</v>
      </c>
      <c r="ED9" s="104">
        <v>99</v>
      </c>
      <c r="EE9" s="101">
        <v>33</v>
      </c>
      <c r="EF9" s="102">
        <v>38</v>
      </c>
      <c r="EG9" s="103">
        <v>71</v>
      </c>
      <c r="EH9" s="413">
        <v>0</v>
      </c>
      <c r="EI9" s="102">
        <v>51</v>
      </c>
      <c r="EJ9" s="102">
        <v>32</v>
      </c>
      <c r="EK9" s="102">
        <v>11</v>
      </c>
      <c r="EL9" s="102">
        <v>7</v>
      </c>
      <c r="EM9" s="102">
        <v>8</v>
      </c>
      <c r="EN9" s="103">
        <v>109</v>
      </c>
      <c r="EO9" s="104">
        <v>180</v>
      </c>
      <c r="EP9" s="101">
        <v>83</v>
      </c>
      <c r="EQ9" s="102">
        <v>60</v>
      </c>
      <c r="ER9" s="103">
        <v>143</v>
      </c>
      <c r="ES9" s="413">
        <v>0</v>
      </c>
      <c r="ET9" s="102">
        <v>77</v>
      </c>
      <c r="EU9" s="102">
        <v>59</v>
      </c>
      <c r="EV9" s="102">
        <v>27</v>
      </c>
      <c r="EW9" s="102">
        <v>31</v>
      </c>
      <c r="EX9" s="102">
        <v>22</v>
      </c>
      <c r="EY9" s="103">
        <v>216</v>
      </c>
      <c r="EZ9" s="104">
        <v>359</v>
      </c>
      <c r="FA9" s="101">
        <v>60</v>
      </c>
      <c r="FB9" s="102">
        <v>74</v>
      </c>
      <c r="FC9" s="103">
        <v>134</v>
      </c>
      <c r="FD9" s="413">
        <v>0</v>
      </c>
      <c r="FE9" s="102">
        <v>120</v>
      </c>
      <c r="FF9" s="102">
        <v>66</v>
      </c>
      <c r="FG9" s="102">
        <v>48</v>
      </c>
      <c r="FH9" s="102">
        <v>51</v>
      </c>
      <c r="FI9" s="102">
        <v>24</v>
      </c>
      <c r="FJ9" s="103">
        <v>309</v>
      </c>
      <c r="FK9" s="104">
        <v>443</v>
      </c>
      <c r="FL9" s="101">
        <v>47</v>
      </c>
      <c r="FM9" s="102">
        <v>64</v>
      </c>
      <c r="FN9" s="103">
        <v>111</v>
      </c>
      <c r="FO9" s="413">
        <v>0</v>
      </c>
      <c r="FP9" s="102">
        <v>130</v>
      </c>
      <c r="FQ9" s="102">
        <v>120</v>
      </c>
      <c r="FR9" s="102">
        <v>107</v>
      </c>
      <c r="FS9" s="102">
        <v>99</v>
      </c>
      <c r="FT9" s="102">
        <v>54</v>
      </c>
      <c r="FU9" s="103">
        <v>510</v>
      </c>
      <c r="FV9" s="104">
        <v>621</v>
      </c>
      <c r="FW9" s="101">
        <v>0</v>
      </c>
      <c r="FX9" s="102">
        <v>0</v>
      </c>
      <c r="FY9" s="103">
        <v>0</v>
      </c>
      <c r="FZ9" s="413">
        <v>0</v>
      </c>
      <c r="GA9" s="102">
        <v>0</v>
      </c>
      <c r="GB9" s="102">
        <v>0</v>
      </c>
      <c r="GC9" s="102">
        <v>0</v>
      </c>
      <c r="GD9" s="102">
        <v>0</v>
      </c>
      <c r="GE9" s="102">
        <v>0</v>
      </c>
      <c r="GF9" s="103">
        <v>0</v>
      </c>
      <c r="GG9" s="104">
        <v>0</v>
      </c>
      <c r="GH9" s="101">
        <v>246</v>
      </c>
      <c r="GI9" s="102">
        <v>259</v>
      </c>
      <c r="GJ9" s="103">
        <v>505</v>
      </c>
      <c r="GK9" s="413">
        <v>0</v>
      </c>
      <c r="GL9" s="102">
        <v>407</v>
      </c>
      <c r="GM9" s="102">
        <v>294</v>
      </c>
      <c r="GN9" s="102">
        <v>208</v>
      </c>
      <c r="GO9" s="102">
        <v>199</v>
      </c>
      <c r="GP9" s="102">
        <v>115</v>
      </c>
      <c r="GQ9" s="103">
        <v>1223</v>
      </c>
      <c r="GR9" s="104">
        <v>1728</v>
      </c>
      <c r="GS9" s="105">
        <v>722</v>
      </c>
      <c r="GT9" s="97">
        <v>692</v>
      </c>
      <c r="GU9" s="98">
        <v>1414</v>
      </c>
      <c r="GV9" s="413">
        <v>0</v>
      </c>
      <c r="GW9" s="97">
        <v>1212</v>
      </c>
      <c r="GX9" s="97">
        <v>923</v>
      </c>
      <c r="GY9" s="97">
        <v>567</v>
      </c>
      <c r="GZ9" s="97">
        <v>541</v>
      </c>
      <c r="HA9" s="97">
        <v>335</v>
      </c>
      <c r="HB9" s="99">
        <v>3578</v>
      </c>
      <c r="HC9" s="100">
        <v>4992</v>
      </c>
      <c r="HD9" s="101">
        <v>34</v>
      </c>
      <c r="HE9" s="102">
        <v>31</v>
      </c>
      <c r="HF9" s="103">
        <v>65</v>
      </c>
      <c r="HG9" s="413">
        <v>0</v>
      </c>
      <c r="HH9" s="102">
        <v>31</v>
      </c>
      <c r="HI9" s="102">
        <v>31</v>
      </c>
      <c r="HJ9" s="102">
        <v>15</v>
      </c>
      <c r="HK9" s="102">
        <v>19</v>
      </c>
      <c r="HL9" s="102">
        <v>13</v>
      </c>
      <c r="HM9" s="103">
        <v>109</v>
      </c>
      <c r="HN9" s="104">
        <v>174</v>
      </c>
      <c r="HO9" s="101">
        <v>48</v>
      </c>
      <c r="HP9" s="102">
        <v>52</v>
      </c>
      <c r="HQ9" s="103">
        <v>100</v>
      </c>
      <c r="HR9" s="413">
        <v>0</v>
      </c>
      <c r="HS9" s="102">
        <v>81</v>
      </c>
      <c r="HT9" s="102">
        <v>51</v>
      </c>
      <c r="HU9" s="102">
        <v>42</v>
      </c>
      <c r="HV9" s="102">
        <v>40</v>
      </c>
      <c r="HW9" s="102">
        <v>32</v>
      </c>
      <c r="HX9" s="103">
        <v>246</v>
      </c>
      <c r="HY9" s="104">
        <v>346</v>
      </c>
      <c r="HZ9" s="101">
        <v>114</v>
      </c>
      <c r="IA9" s="102">
        <v>97</v>
      </c>
      <c r="IB9" s="103">
        <v>211</v>
      </c>
      <c r="IC9" s="413">
        <v>0</v>
      </c>
      <c r="ID9" s="102">
        <v>149</v>
      </c>
      <c r="IE9" s="102">
        <v>104</v>
      </c>
      <c r="IF9" s="102">
        <v>53</v>
      </c>
      <c r="IG9" s="102">
        <v>41</v>
      </c>
      <c r="IH9" s="102">
        <v>45</v>
      </c>
      <c r="II9" s="103">
        <v>392</v>
      </c>
      <c r="IJ9" s="104">
        <v>603</v>
      </c>
      <c r="IK9" s="101">
        <v>174</v>
      </c>
      <c r="IL9" s="102">
        <v>133</v>
      </c>
      <c r="IM9" s="103">
        <v>307</v>
      </c>
      <c r="IN9" s="413">
        <v>0</v>
      </c>
      <c r="IO9" s="102">
        <v>271</v>
      </c>
      <c r="IP9" s="102">
        <v>183</v>
      </c>
      <c r="IQ9" s="102">
        <v>96</v>
      </c>
      <c r="IR9" s="102">
        <v>97</v>
      </c>
      <c r="IS9" s="102">
        <v>66</v>
      </c>
      <c r="IT9" s="103">
        <v>713</v>
      </c>
      <c r="IU9" s="104">
        <v>1020</v>
      </c>
      <c r="IV9" s="101">
        <v>203</v>
      </c>
      <c r="IW9" s="102">
        <v>185</v>
      </c>
      <c r="IX9" s="103">
        <v>388</v>
      </c>
      <c r="IY9" s="413">
        <v>0</v>
      </c>
      <c r="IZ9" s="102">
        <v>344</v>
      </c>
      <c r="JA9" s="102">
        <v>236</v>
      </c>
      <c r="JB9" s="102">
        <v>137</v>
      </c>
      <c r="JC9" s="102">
        <v>125</v>
      </c>
      <c r="JD9" s="102">
        <v>70</v>
      </c>
      <c r="JE9" s="103">
        <v>912</v>
      </c>
      <c r="JF9" s="104">
        <v>1300</v>
      </c>
      <c r="JG9" s="101">
        <v>149</v>
      </c>
      <c r="JH9" s="102">
        <v>194</v>
      </c>
      <c r="JI9" s="103">
        <v>343</v>
      </c>
      <c r="JJ9" s="413">
        <v>0</v>
      </c>
      <c r="JK9" s="102">
        <v>336</v>
      </c>
      <c r="JL9" s="102">
        <v>318</v>
      </c>
      <c r="JM9" s="102">
        <v>224</v>
      </c>
      <c r="JN9" s="102">
        <v>219</v>
      </c>
      <c r="JO9" s="102">
        <v>109</v>
      </c>
      <c r="JP9" s="103">
        <v>1206</v>
      </c>
      <c r="JQ9" s="104">
        <v>1549</v>
      </c>
      <c r="JR9" s="101">
        <v>0</v>
      </c>
      <c r="JS9" s="102">
        <v>0</v>
      </c>
      <c r="JT9" s="103">
        <v>0</v>
      </c>
      <c r="JU9" s="413">
        <v>0</v>
      </c>
      <c r="JV9" s="102">
        <v>0</v>
      </c>
      <c r="JW9" s="102">
        <v>0</v>
      </c>
      <c r="JX9" s="102">
        <v>0</v>
      </c>
      <c r="JY9" s="102">
        <v>0</v>
      </c>
      <c r="JZ9" s="102">
        <v>0</v>
      </c>
      <c r="KA9" s="103">
        <v>0</v>
      </c>
      <c r="KB9" s="104">
        <v>0</v>
      </c>
      <c r="KC9" s="101">
        <v>722</v>
      </c>
      <c r="KD9" s="102">
        <v>692</v>
      </c>
      <c r="KE9" s="103">
        <v>1414</v>
      </c>
      <c r="KF9" s="413">
        <v>0</v>
      </c>
      <c r="KG9" s="102">
        <v>1212</v>
      </c>
      <c r="KH9" s="102">
        <v>923</v>
      </c>
      <c r="KI9" s="102">
        <v>567</v>
      </c>
      <c r="KJ9" s="102">
        <v>541</v>
      </c>
      <c r="KK9" s="102">
        <v>335</v>
      </c>
      <c r="KL9" s="103">
        <v>3578</v>
      </c>
      <c r="KM9" s="104">
        <v>4992</v>
      </c>
    </row>
    <row r="10" spans="2:299" s="70" customFormat="1" ht="21" customHeight="1" x14ac:dyDescent="0.2">
      <c r="B10" s="106" t="s">
        <v>14</v>
      </c>
      <c r="C10" s="96">
        <v>198</v>
      </c>
      <c r="D10" s="97">
        <v>237</v>
      </c>
      <c r="E10" s="98">
        <v>435</v>
      </c>
      <c r="F10" s="413">
        <v>0</v>
      </c>
      <c r="G10" s="97">
        <v>234</v>
      </c>
      <c r="H10" s="97">
        <v>296</v>
      </c>
      <c r="I10" s="97">
        <v>190</v>
      </c>
      <c r="J10" s="97">
        <v>150</v>
      </c>
      <c r="K10" s="97">
        <v>80</v>
      </c>
      <c r="L10" s="99">
        <v>950</v>
      </c>
      <c r="M10" s="100">
        <v>1385</v>
      </c>
      <c r="N10" s="101">
        <v>6</v>
      </c>
      <c r="O10" s="102">
        <v>10</v>
      </c>
      <c r="P10" s="103">
        <v>16</v>
      </c>
      <c r="Q10" s="413">
        <v>0</v>
      </c>
      <c r="R10" s="102">
        <v>8</v>
      </c>
      <c r="S10" s="102">
        <v>7</v>
      </c>
      <c r="T10" s="102">
        <v>4</v>
      </c>
      <c r="U10" s="102">
        <v>9</v>
      </c>
      <c r="V10" s="102">
        <v>4</v>
      </c>
      <c r="W10" s="103">
        <v>32</v>
      </c>
      <c r="X10" s="104">
        <v>48</v>
      </c>
      <c r="Y10" s="101">
        <v>14</v>
      </c>
      <c r="Z10" s="102">
        <v>24</v>
      </c>
      <c r="AA10" s="103">
        <v>38</v>
      </c>
      <c r="AB10" s="413">
        <v>0</v>
      </c>
      <c r="AC10" s="102">
        <v>9</v>
      </c>
      <c r="AD10" s="102">
        <v>15</v>
      </c>
      <c r="AE10" s="102">
        <v>15</v>
      </c>
      <c r="AF10" s="102">
        <v>13</v>
      </c>
      <c r="AG10" s="102">
        <v>12</v>
      </c>
      <c r="AH10" s="103">
        <v>64</v>
      </c>
      <c r="AI10" s="104">
        <v>102</v>
      </c>
      <c r="AJ10" s="101">
        <v>25</v>
      </c>
      <c r="AK10" s="102">
        <v>35</v>
      </c>
      <c r="AL10" s="103">
        <v>60</v>
      </c>
      <c r="AM10" s="413">
        <v>0</v>
      </c>
      <c r="AN10" s="102">
        <v>25</v>
      </c>
      <c r="AO10" s="102">
        <v>45</v>
      </c>
      <c r="AP10" s="102">
        <v>28</v>
      </c>
      <c r="AQ10" s="102">
        <v>12</v>
      </c>
      <c r="AR10" s="102">
        <v>14</v>
      </c>
      <c r="AS10" s="103">
        <v>124</v>
      </c>
      <c r="AT10" s="104">
        <v>184</v>
      </c>
      <c r="AU10" s="101">
        <v>44</v>
      </c>
      <c r="AV10" s="102">
        <v>56</v>
      </c>
      <c r="AW10" s="103">
        <v>100</v>
      </c>
      <c r="AX10" s="413">
        <v>0</v>
      </c>
      <c r="AY10" s="102">
        <v>48</v>
      </c>
      <c r="AZ10" s="102">
        <v>73</v>
      </c>
      <c r="BA10" s="102">
        <v>35</v>
      </c>
      <c r="BB10" s="102">
        <v>32</v>
      </c>
      <c r="BC10" s="102">
        <v>14</v>
      </c>
      <c r="BD10" s="103">
        <v>202</v>
      </c>
      <c r="BE10" s="104">
        <v>302</v>
      </c>
      <c r="BF10" s="101">
        <v>78</v>
      </c>
      <c r="BG10" s="102">
        <v>71</v>
      </c>
      <c r="BH10" s="103">
        <v>149</v>
      </c>
      <c r="BI10" s="413">
        <v>0</v>
      </c>
      <c r="BJ10" s="102">
        <v>73</v>
      </c>
      <c r="BK10" s="102">
        <v>81</v>
      </c>
      <c r="BL10" s="102">
        <v>63</v>
      </c>
      <c r="BM10" s="102">
        <v>43</v>
      </c>
      <c r="BN10" s="102">
        <v>20</v>
      </c>
      <c r="BO10" s="103">
        <v>280</v>
      </c>
      <c r="BP10" s="104">
        <v>429</v>
      </c>
      <c r="BQ10" s="101">
        <v>31</v>
      </c>
      <c r="BR10" s="102">
        <v>41</v>
      </c>
      <c r="BS10" s="103">
        <v>72</v>
      </c>
      <c r="BT10" s="413">
        <v>0</v>
      </c>
      <c r="BU10" s="102">
        <v>71</v>
      </c>
      <c r="BV10" s="102">
        <v>75</v>
      </c>
      <c r="BW10" s="102">
        <v>45</v>
      </c>
      <c r="BX10" s="102">
        <v>41</v>
      </c>
      <c r="BY10" s="102">
        <v>16</v>
      </c>
      <c r="BZ10" s="103">
        <v>248</v>
      </c>
      <c r="CA10" s="104">
        <v>320</v>
      </c>
      <c r="CB10" s="101">
        <v>0</v>
      </c>
      <c r="CC10" s="102">
        <v>0</v>
      </c>
      <c r="CD10" s="103">
        <v>0</v>
      </c>
      <c r="CE10" s="413">
        <v>0</v>
      </c>
      <c r="CF10" s="102">
        <v>0</v>
      </c>
      <c r="CG10" s="102">
        <v>0</v>
      </c>
      <c r="CH10" s="102">
        <v>0</v>
      </c>
      <c r="CI10" s="102">
        <v>0</v>
      </c>
      <c r="CJ10" s="102">
        <v>0</v>
      </c>
      <c r="CK10" s="103">
        <v>0</v>
      </c>
      <c r="CL10" s="104">
        <v>0</v>
      </c>
      <c r="CM10" s="101">
        <v>198</v>
      </c>
      <c r="CN10" s="102">
        <v>237</v>
      </c>
      <c r="CO10" s="103">
        <v>435</v>
      </c>
      <c r="CP10" s="413">
        <v>0</v>
      </c>
      <c r="CQ10" s="102">
        <v>234</v>
      </c>
      <c r="CR10" s="102">
        <v>296</v>
      </c>
      <c r="CS10" s="102">
        <v>190</v>
      </c>
      <c r="CT10" s="102">
        <v>150</v>
      </c>
      <c r="CU10" s="102">
        <v>80</v>
      </c>
      <c r="CV10" s="103">
        <v>950</v>
      </c>
      <c r="CW10" s="104">
        <v>1385</v>
      </c>
      <c r="CX10" s="105">
        <v>58</v>
      </c>
      <c r="CY10" s="97">
        <v>83</v>
      </c>
      <c r="CZ10" s="98">
        <v>141</v>
      </c>
      <c r="DA10" s="413">
        <v>0</v>
      </c>
      <c r="DB10" s="97">
        <v>94</v>
      </c>
      <c r="DC10" s="97">
        <v>136</v>
      </c>
      <c r="DD10" s="97">
        <v>70</v>
      </c>
      <c r="DE10" s="97">
        <v>80</v>
      </c>
      <c r="DF10" s="97">
        <v>53</v>
      </c>
      <c r="DG10" s="99">
        <v>433</v>
      </c>
      <c r="DH10" s="100">
        <v>574</v>
      </c>
      <c r="DI10" s="101">
        <v>1</v>
      </c>
      <c r="DJ10" s="102">
        <v>4</v>
      </c>
      <c r="DK10" s="103">
        <v>5</v>
      </c>
      <c r="DL10" s="413">
        <v>0</v>
      </c>
      <c r="DM10" s="102">
        <v>2</v>
      </c>
      <c r="DN10" s="102">
        <v>4</v>
      </c>
      <c r="DO10" s="102">
        <v>0</v>
      </c>
      <c r="DP10" s="102">
        <v>4</v>
      </c>
      <c r="DQ10" s="102">
        <v>4</v>
      </c>
      <c r="DR10" s="103">
        <v>14</v>
      </c>
      <c r="DS10" s="104">
        <v>19</v>
      </c>
      <c r="DT10" s="101">
        <v>3</v>
      </c>
      <c r="DU10" s="102">
        <v>2</v>
      </c>
      <c r="DV10" s="103">
        <v>5</v>
      </c>
      <c r="DW10" s="413">
        <v>0</v>
      </c>
      <c r="DX10" s="102">
        <v>5</v>
      </c>
      <c r="DY10" s="102">
        <v>8</v>
      </c>
      <c r="DZ10" s="102">
        <v>4</v>
      </c>
      <c r="EA10" s="102">
        <v>0</v>
      </c>
      <c r="EB10" s="102">
        <v>1</v>
      </c>
      <c r="EC10" s="103">
        <v>18</v>
      </c>
      <c r="ED10" s="104">
        <v>23</v>
      </c>
      <c r="EE10" s="101">
        <v>14</v>
      </c>
      <c r="EF10" s="102">
        <v>13</v>
      </c>
      <c r="EG10" s="103">
        <v>27</v>
      </c>
      <c r="EH10" s="413">
        <v>0</v>
      </c>
      <c r="EI10" s="102">
        <v>9</v>
      </c>
      <c r="EJ10" s="102">
        <v>10</v>
      </c>
      <c r="EK10" s="102">
        <v>8</v>
      </c>
      <c r="EL10" s="102">
        <v>6</v>
      </c>
      <c r="EM10" s="102">
        <v>4</v>
      </c>
      <c r="EN10" s="103">
        <v>37</v>
      </c>
      <c r="EO10" s="104">
        <v>64</v>
      </c>
      <c r="EP10" s="101">
        <v>16</v>
      </c>
      <c r="EQ10" s="102">
        <v>17</v>
      </c>
      <c r="ER10" s="103">
        <v>33</v>
      </c>
      <c r="ES10" s="413">
        <v>0</v>
      </c>
      <c r="ET10" s="102">
        <v>16</v>
      </c>
      <c r="EU10" s="102">
        <v>25</v>
      </c>
      <c r="EV10" s="102">
        <v>12</v>
      </c>
      <c r="EW10" s="102">
        <v>10</v>
      </c>
      <c r="EX10" s="102">
        <v>13</v>
      </c>
      <c r="EY10" s="103">
        <v>76</v>
      </c>
      <c r="EZ10" s="104">
        <v>109</v>
      </c>
      <c r="FA10" s="101">
        <v>17</v>
      </c>
      <c r="FB10" s="102">
        <v>28</v>
      </c>
      <c r="FC10" s="103">
        <v>45</v>
      </c>
      <c r="FD10" s="413">
        <v>0</v>
      </c>
      <c r="FE10" s="102">
        <v>25</v>
      </c>
      <c r="FF10" s="102">
        <v>47</v>
      </c>
      <c r="FG10" s="102">
        <v>13</v>
      </c>
      <c r="FH10" s="102">
        <v>17</v>
      </c>
      <c r="FI10" s="102">
        <v>14</v>
      </c>
      <c r="FJ10" s="103">
        <v>116</v>
      </c>
      <c r="FK10" s="104">
        <v>161</v>
      </c>
      <c r="FL10" s="101">
        <v>7</v>
      </c>
      <c r="FM10" s="102">
        <v>19</v>
      </c>
      <c r="FN10" s="103">
        <v>26</v>
      </c>
      <c r="FO10" s="413">
        <v>0</v>
      </c>
      <c r="FP10" s="102">
        <v>37</v>
      </c>
      <c r="FQ10" s="102">
        <v>42</v>
      </c>
      <c r="FR10" s="102">
        <v>33</v>
      </c>
      <c r="FS10" s="102">
        <v>43</v>
      </c>
      <c r="FT10" s="102">
        <v>17</v>
      </c>
      <c r="FU10" s="103">
        <v>172</v>
      </c>
      <c r="FV10" s="104">
        <v>198</v>
      </c>
      <c r="FW10" s="101">
        <v>0</v>
      </c>
      <c r="FX10" s="102">
        <v>0</v>
      </c>
      <c r="FY10" s="103">
        <v>0</v>
      </c>
      <c r="FZ10" s="413">
        <v>0</v>
      </c>
      <c r="GA10" s="102">
        <v>0</v>
      </c>
      <c r="GB10" s="102">
        <v>0</v>
      </c>
      <c r="GC10" s="102">
        <v>0</v>
      </c>
      <c r="GD10" s="102">
        <v>0</v>
      </c>
      <c r="GE10" s="102">
        <v>0</v>
      </c>
      <c r="GF10" s="103">
        <v>0</v>
      </c>
      <c r="GG10" s="104">
        <v>0</v>
      </c>
      <c r="GH10" s="101">
        <v>58</v>
      </c>
      <c r="GI10" s="102">
        <v>83</v>
      </c>
      <c r="GJ10" s="103">
        <v>141</v>
      </c>
      <c r="GK10" s="413">
        <v>0</v>
      </c>
      <c r="GL10" s="102">
        <v>94</v>
      </c>
      <c r="GM10" s="102">
        <v>136</v>
      </c>
      <c r="GN10" s="102">
        <v>70</v>
      </c>
      <c r="GO10" s="102">
        <v>80</v>
      </c>
      <c r="GP10" s="102">
        <v>53</v>
      </c>
      <c r="GQ10" s="103">
        <v>433</v>
      </c>
      <c r="GR10" s="104">
        <v>574</v>
      </c>
      <c r="GS10" s="105">
        <v>256</v>
      </c>
      <c r="GT10" s="97">
        <v>320</v>
      </c>
      <c r="GU10" s="98">
        <v>576</v>
      </c>
      <c r="GV10" s="413">
        <v>0</v>
      </c>
      <c r="GW10" s="97">
        <v>328</v>
      </c>
      <c r="GX10" s="97">
        <v>432</v>
      </c>
      <c r="GY10" s="97">
        <v>260</v>
      </c>
      <c r="GZ10" s="97">
        <v>230</v>
      </c>
      <c r="HA10" s="97">
        <v>133</v>
      </c>
      <c r="HB10" s="99">
        <v>1383</v>
      </c>
      <c r="HC10" s="100">
        <v>1959</v>
      </c>
      <c r="HD10" s="101">
        <v>7</v>
      </c>
      <c r="HE10" s="102">
        <v>14</v>
      </c>
      <c r="HF10" s="103">
        <v>21</v>
      </c>
      <c r="HG10" s="413">
        <v>0</v>
      </c>
      <c r="HH10" s="102">
        <v>10</v>
      </c>
      <c r="HI10" s="102">
        <v>11</v>
      </c>
      <c r="HJ10" s="102">
        <v>4</v>
      </c>
      <c r="HK10" s="102">
        <v>13</v>
      </c>
      <c r="HL10" s="102">
        <v>8</v>
      </c>
      <c r="HM10" s="103">
        <v>46</v>
      </c>
      <c r="HN10" s="104">
        <v>67</v>
      </c>
      <c r="HO10" s="101">
        <v>17</v>
      </c>
      <c r="HP10" s="102">
        <v>26</v>
      </c>
      <c r="HQ10" s="103">
        <v>43</v>
      </c>
      <c r="HR10" s="413">
        <v>0</v>
      </c>
      <c r="HS10" s="102">
        <v>14</v>
      </c>
      <c r="HT10" s="102">
        <v>23</v>
      </c>
      <c r="HU10" s="102">
        <v>19</v>
      </c>
      <c r="HV10" s="102">
        <v>13</v>
      </c>
      <c r="HW10" s="102">
        <v>13</v>
      </c>
      <c r="HX10" s="103">
        <v>82</v>
      </c>
      <c r="HY10" s="104">
        <v>125</v>
      </c>
      <c r="HZ10" s="101">
        <v>39</v>
      </c>
      <c r="IA10" s="102">
        <v>48</v>
      </c>
      <c r="IB10" s="103">
        <v>87</v>
      </c>
      <c r="IC10" s="413">
        <v>0</v>
      </c>
      <c r="ID10" s="102">
        <v>34</v>
      </c>
      <c r="IE10" s="102">
        <v>55</v>
      </c>
      <c r="IF10" s="102">
        <v>36</v>
      </c>
      <c r="IG10" s="102">
        <v>18</v>
      </c>
      <c r="IH10" s="102">
        <v>18</v>
      </c>
      <c r="II10" s="103">
        <v>161</v>
      </c>
      <c r="IJ10" s="104">
        <v>248</v>
      </c>
      <c r="IK10" s="101">
        <v>60</v>
      </c>
      <c r="IL10" s="102">
        <v>73</v>
      </c>
      <c r="IM10" s="103">
        <v>133</v>
      </c>
      <c r="IN10" s="413">
        <v>0</v>
      </c>
      <c r="IO10" s="102">
        <v>64</v>
      </c>
      <c r="IP10" s="102">
        <v>98</v>
      </c>
      <c r="IQ10" s="102">
        <v>47</v>
      </c>
      <c r="IR10" s="102">
        <v>42</v>
      </c>
      <c r="IS10" s="102">
        <v>27</v>
      </c>
      <c r="IT10" s="103">
        <v>278</v>
      </c>
      <c r="IU10" s="104">
        <v>411</v>
      </c>
      <c r="IV10" s="101">
        <v>95</v>
      </c>
      <c r="IW10" s="102">
        <v>99</v>
      </c>
      <c r="IX10" s="103">
        <v>194</v>
      </c>
      <c r="IY10" s="413">
        <v>0</v>
      </c>
      <c r="IZ10" s="102">
        <v>98</v>
      </c>
      <c r="JA10" s="102">
        <v>128</v>
      </c>
      <c r="JB10" s="102">
        <v>76</v>
      </c>
      <c r="JC10" s="102">
        <v>60</v>
      </c>
      <c r="JD10" s="102">
        <v>34</v>
      </c>
      <c r="JE10" s="103">
        <v>396</v>
      </c>
      <c r="JF10" s="104">
        <v>590</v>
      </c>
      <c r="JG10" s="101">
        <v>38</v>
      </c>
      <c r="JH10" s="102">
        <v>60</v>
      </c>
      <c r="JI10" s="103">
        <v>98</v>
      </c>
      <c r="JJ10" s="413">
        <v>0</v>
      </c>
      <c r="JK10" s="102">
        <v>108</v>
      </c>
      <c r="JL10" s="102">
        <v>117</v>
      </c>
      <c r="JM10" s="102">
        <v>78</v>
      </c>
      <c r="JN10" s="102">
        <v>84</v>
      </c>
      <c r="JO10" s="102">
        <v>33</v>
      </c>
      <c r="JP10" s="103">
        <v>420</v>
      </c>
      <c r="JQ10" s="104">
        <v>518</v>
      </c>
      <c r="JR10" s="101">
        <v>0</v>
      </c>
      <c r="JS10" s="102">
        <v>0</v>
      </c>
      <c r="JT10" s="103">
        <v>0</v>
      </c>
      <c r="JU10" s="413">
        <v>0</v>
      </c>
      <c r="JV10" s="102">
        <v>0</v>
      </c>
      <c r="JW10" s="102">
        <v>0</v>
      </c>
      <c r="JX10" s="102">
        <v>0</v>
      </c>
      <c r="JY10" s="102">
        <v>0</v>
      </c>
      <c r="JZ10" s="102">
        <v>0</v>
      </c>
      <c r="KA10" s="103">
        <v>0</v>
      </c>
      <c r="KB10" s="104">
        <v>0</v>
      </c>
      <c r="KC10" s="101">
        <v>256</v>
      </c>
      <c r="KD10" s="102">
        <v>320</v>
      </c>
      <c r="KE10" s="103">
        <v>576</v>
      </c>
      <c r="KF10" s="413">
        <v>0</v>
      </c>
      <c r="KG10" s="102">
        <v>328</v>
      </c>
      <c r="KH10" s="102">
        <v>432</v>
      </c>
      <c r="KI10" s="102">
        <v>260</v>
      </c>
      <c r="KJ10" s="102">
        <v>230</v>
      </c>
      <c r="KK10" s="102">
        <v>133</v>
      </c>
      <c r="KL10" s="103">
        <v>1383</v>
      </c>
      <c r="KM10" s="104">
        <v>1959</v>
      </c>
    </row>
    <row r="11" spans="2:299" s="70" customFormat="1" ht="21" customHeight="1" x14ac:dyDescent="0.2">
      <c r="B11" s="106" t="s">
        <v>7</v>
      </c>
      <c r="C11" s="96">
        <v>147</v>
      </c>
      <c r="D11" s="97">
        <v>104</v>
      </c>
      <c r="E11" s="98">
        <v>251</v>
      </c>
      <c r="F11" s="413">
        <v>0</v>
      </c>
      <c r="G11" s="97">
        <v>259</v>
      </c>
      <c r="H11" s="97">
        <v>131</v>
      </c>
      <c r="I11" s="97">
        <v>90</v>
      </c>
      <c r="J11" s="97">
        <v>75</v>
      </c>
      <c r="K11" s="97">
        <v>40</v>
      </c>
      <c r="L11" s="99">
        <v>595</v>
      </c>
      <c r="M11" s="100">
        <v>846</v>
      </c>
      <c r="N11" s="101">
        <v>5</v>
      </c>
      <c r="O11" s="102">
        <v>3</v>
      </c>
      <c r="P11" s="103">
        <v>8</v>
      </c>
      <c r="Q11" s="413">
        <v>0</v>
      </c>
      <c r="R11" s="102">
        <v>5</v>
      </c>
      <c r="S11" s="102">
        <v>3</v>
      </c>
      <c r="T11" s="102">
        <v>5</v>
      </c>
      <c r="U11" s="102">
        <v>2</v>
      </c>
      <c r="V11" s="102">
        <v>2</v>
      </c>
      <c r="W11" s="103">
        <v>17</v>
      </c>
      <c r="X11" s="104">
        <v>25</v>
      </c>
      <c r="Y11" s="101">
        <v>6</v>
      </c>
      <c r="Z11" s="102">
        <v>7</v>
      </c>
      <c r="AA11" s="103">
        <v>13</v>
      </c>
      <c r="AB11" s="413">
        <v>0</v>
      </c>
      <c r="AC11" s="102">
        <v>12</v>
      </c>
      <c r="AD11" s="102">
        <v>10</v>
      </c>
      <c r="AE11" s="102">
        <v>7</v>
      </c>
      <c r="AF11" s="102">
        <v>9</v>
      </c>
      <c r="AG11" s="102">
        <v>4</v>
      </c>
      <c r="AH11" s="103">
        <v>42</v>
      </c>
      <c r="AI11" s="104">
        <v>55</v>
      </c>
      <c r="AJ11" s="101">
        <v>17</v>
      </c>
      <c r="AK11" s="102">
        <v>15</v>
      </c>
      <c r="AL11" s="103">
        <v>32</v>
      </c>
      <c r="AM11" s="413">
        <v>0</v>
      </c>
      <c r="AN11" s="102">
        <v>33</v>
      </c>
      <c r="AO11" s="102">
        <v>14</v>
      </c>
      <c r="AP11" s="102">
        <v>9</v>
      </c>
      <c r="AQ11" s="102">
        <v>11</v>
      </c>
      <c r="AR11" s="102">
        <v>5</v>
      </c>
      <c r="AS11" s="103">
        <v>72</v>
      </c>
      <c r="AT11" s="104">
        <v>104</v>
      </c>
      <c r="AU11" s="101">
        <v>36</v>
      </c>
      <c r="AV11" s="102">
        <v>22</v>
      </c>
      <c r="AW11" s="103">
        <v>58</v>
      </c>
      <c r="AX11" s="413">
        <v>0</v>
      </c>
      <c r="AY11" s="102">
        <v>55</v>
      </c>
      <c r="AZ11" s="102">
        <v>25</v>
      </c>
      <c r="BA11" s="102">
        <v>14</v>
      </c>
      <c r="BB11" s="102">
        <v>9</v>
      </c>
      <c r="BC11" s="102">
        <v>14</v>
      </c>
      <c r="BD11" s="103">
        <v>117</v>
      </c>
      <c r="BE11" s="104">
        <v>175</v>
      </c>
      <c r="BF11" s="101">
        <v>52</v>
      </c>
      <c r="BG11" s="102">
        <v>25</v>
      </c>
      <c r="BH11" s="103">
        <v>77</v>
      </c>
      <c r="BI11" s="413">
        <v>0</v>
      </c>
      <c r="BJ11" s="102">
        <v>71</v>
      </c>
      <c r="BK11" s="102">
        <v>39</v>
      </c>
      <c r="BL11" s="102">
        <v>23</v>
      </c>
      <c r="BM11" s="102">
        <v>19</v>
      </c>
      <c r="BN11" s="102">
        <v>9</v>
      </c>
      <c r="BO11" s="103">
        <v>161</v>
      </c>
      <c r="BP11" s="104">
        <v>238</v>
      </c>
      <c r="BQ11" s="101">
        <v>31</v>
      </c>
      <c r="BR11" s="102">
        <v>32</v>
      </c>
      <c r="BS11" s="103">
        <v>63</v>
      </c>
      <c r="BT11" s="413">
        <v>0</v>
      </c>
      <c r="BU11" s="102">
        <v>83</v>
      </c>
      <c r="BV11" s="102">
        <v>40</v>
      </c>
      <c r="BW11" s="102">
        <v>32</v>
      </c>
      <c r="BX11" s="102">
        <v>25</v>
      </c>
      <c r="BY11" s="102">
        <v>6</v>
      </c>
      <c r="BZ11" s="103">
        <v>186</v>
      </c>
      <c r="CA11" s="104">
        <v>249</v>
      </c>
      <c r="CB11" s="101">
        <v>0</v>
      </c>
      <c r="CC11" s="102">
        <v>0</v>
      </c>
      <c r="CD11" s="103">
        <v>0</v>
      </c>
      <c r="CE11" s="413">
        <v>0</v>
      </c>
      <c r="CF11" s="102">
        <v>0</v>
      </c>
      <c r="CG11" s="102">
        <v>0</v>
      </c>
      <c r="CH11" s="102">
        <v>0</v>
      </c>
      <c r="CI11" s="102">
        <v>0</v>
      </c>
      <c r="CJ11" s="102">
        <v>0</v>
      </c>
      <c r="CK11" s="103">
        <v>0</v>
      </c>
      <c r="CL11" s="104">
        <v>0</v>
      </c>
      <c r="CM11" s="101">
        <v>147</v>
      </c>
      <c r="CN11" s="102">
        <v>104</v>
      </c>
      <c r="CO11" s="103">
        <v>251</v>
      </c>
      <c r="CP11" s="413">
        <v>0</v>
      </c>
      <c r="CQ11" s="102">
        <v>259</v>
      </c>
      <c r="CR11" s="102">
        <v>131</v>
      </c>
      <c r="CS11" s="102">
        <v>90</v>
      </c>
      <c r="CT11" s="102">
        <v>75</v>
      </c>
      <c r="CU11" s="102">
        <v>40</v>
      </c>
      <c r="CV11" s="103">
        <v>595</v>
      </c>
      <c r="CW11" s="104">
        <v>846</v>
      </c>
      <c r="CX11" s="105">
        <v>48</v>
      </c>
      <c r="CY11" s="97">
        <v>44</v>
      </c>
      <c r="CZ11" s="98">
        <v>92</v>
      </c>
      <c r="DA11" s="413">
        <v>0</v>
      </c>
      <c r="DB11" s="97">
        <v>74</v>
      </c>
      <c r="DC11" s="97">
        <v>33</v>
      </c>
      <c r="DD11" s="97">
        <v>18</v>
      </c>
      <c r="DE11" s="97">
        <v>24</v>
      </c>
      <c r="DF11" s="97">
        <v>20</v>
      </c>
      <c r="DG11" s="99">
        <v>169</v>
      </c>
      <c r="DH11" s="100">
        <v>261</v>
      </c>
      <c r="DI11" s="101">
        <v>1</v>
      </c>
      <c r="DJ11" s="102">
        <v>0</v>
      </c>
      <c r="DK11" s="103">
        <v>1</v>
      </c>
      <c r="DL11" s="413">
        <v>0</v>
      </c>
      <c r="DM11" s="102">
        <v>1</v>
      </c>
      <c r="DN11" s="102">
        <v>1</v>
      </c>
      <c r="DO11" s="102">
        <v>1</v>
      </c>
      <c r="DP11" s="102">
        <v>0</v>
      </c>
      <c r="DQ11" s="102">
        <v>0</v>
      </c>
      <c r="DR11" s="103">
        <v>3</v>
      </c>
      <c r="DS11" s="104">
        <v>4</v>
      </c>
      <c r="DT11" s="101">
        <v>2</v>
      </c>
      <c r="DU11" s="102">
        <v>3</v>
      </c>
      <c r="DV11" s="103">
        <v>5</v>
      </c>
      <c r="DW11" s="413">
        <v>0</v>
      </c>
      <c r="DX11" s="102">
        <v>2</v>
      </c>
      <c r="DY11" s="102">
        <v>3</v>
      </c>
      <c r="DZ11" s="102">
        <v>1</v>
      </c>
      <c r="EA11" s="102">
        <v>1</v>
      </c>
      <c r="EB11" s="102">
        <v>2</v>
      </c>
      <c r="EC11" s="103">
        <v>9</v>
      </c>
      <c r="ED11" s="104">
        <v>14</v>
      </c>
      <c r="EE11" s="101">
        <v>7</v>
      </c>
      <c r="EF11" s="102">
        <v>6</v>
      </c>
      <c r="EG11" s="103">
        <v>13</v>
      </c>
      <c r="EH11" s="413">
        <v>0</v>
      </c>
      <c r="EI11" s="102">
        <v>11</v>
      </c>
      <c r="EJ11" s="102">
        <v>3</v>
      </c>
      <c r="EK11" s="102">
        <v>1</v>
      </c>
      <c r="EL11" s="102">
        <v>3</v>
      </c>
      <c r="EM11" s="102">
        <v>3</v>
      </c>
      <c r="EN11" s="103">
        <v>21</v>
      </c>
      <c r="EO11" s="104">
        <v>34</v>
      </c>
      <c r="EP11" s="101">
        <v>12</v>
      </c>
      <c r="EQ11" s="102">
        <v>15</v>
      </c>
      <c r="ER11" s="103">
        <v>27</v>
      </c>
      <c r="ES11" s="413">
        <v>0</v>
      </c>
      <c r="ET11" s="102">
        <v>20</v>
      </c>
      <c r="EU11" s="102">
        <v>5</v>
      </c>
      <c r="EV11" s="102">
        <v>2</v>
      </c>
      <c r="EW11" s="102">
        <v>5</v>
      </c>
      <c r="EX11" s="102">
        <v>2</v>
      </c>
      <c r="EY11" s="103">
        <v>34</v>
      </c>
      <c r="EZ11" s="104">
        <v>61</v>
      </c>
      <c r="FA11" s="101">
        <v>17</v>
      </c>
      <c r="FB11" s="102">
        <v>11</v>
      </c>
      <c r="FC11" s="103">
        <v>28</v>
      </c>
      <c r="FD11" s="413">
        <v>0</v>
      </c>
      <c r="FE11" s="102">
        <v>20</v>
      </c>
      <c r="FF11" s="102">
        <v>7</v>
      </c>
      <c r="FG11" s="102">
        <v>4</v>
      </c>
      <c r="FH11" s="102">
        <v>7</v>
      </c>
      <c r="FI11" s="102">
        <v>7</v>
      </c>
      <c r="FJ11" s="103">
        <v>45</v>
      </c>
      <c r="FK11" s="104">
        <v>73</v>
      </c>
      <c r="FL11" s="101">
        <v>9</v>
      </c>
      <c r="FM11" s="102">
        <v>9</v>
      </c>
      <c r="FN11" s="103">
        <v>18</v>
      </c>
      <c r="FO11" s="413">
        <v>0</v>
      </c>
      <c r="FP11" s="102">
        <v>20</v>
      </c>
      <c r="FQ11" s="102">
        <v>14</v>
      </c>
      <c r="FR11" s="102">
        <v>9</v>
      </c>
      <c r="FS11" s="102">
        <v>8</v>
      </c>
      <c r="FT11" s="102">
        <v>6</v>
      </c>
      <c r="FU11" s="103">
        <v>57</v>
      </c>
      <c r="FV11" s="104">
        <v>75</v>
      </c>
      <c r="FW11" s="101">
        <v>0</v>
      </c>
      <c r="FX11" s="102">
        <v>0</v>
      </c>
      <c r="FY11" s="103">
        <v>0</v>
      </c>
      <c r="FZ11" s="413">
        <v>0</v>
      </c>
      <c r="GA11" s="102">
        <v>0</v>
      </c>
      <c r="GB11" s="102">
        <v>0</v>
      </c>
      <c r="GC11" s="102">
        <v>0</v>
      </c>
      <c r="GD11" s="102">
        <v>0</v>
      </c>
      <c r="GE11" s="102">
        <v>0</v>
      </c>
      <c r="GF11" s="103">
        <v>0</v>
      </c>
      <c r="GG11" s="104">
        <v>0</v>
      </c>
      <c r="GH11" s="101">
        <v>48</v>
      </c>
      <c r="GI11" s="102">
        <v>44</v>
      </c>
      <c r="GJ11" s="103">
        <v>92</v>
      </c>
      <c r="GK11" s="413">
        <v>0</v>
      </c>
      <c r="GL11" s="102">
        <v>74</v>
      </c>
      <c r="GM11" s="102">
        <v>33</v>
      </c>
      <c r="GN11" s="102">
        <v>18</v>
      </c>
      <c r="GO11" s="102">
        <v>24</v>
      </c>
      <c r="GP11" s="102">
        <v>20</v>
      </c>
      <c r="GQ11" s="103">
        <v>169</v>
      </c>
      <c r="GR11" s="104">
        <v>261</v>
      </c>
      <c r="GS11" s="105">
        <v>195</v>
      </c>
      <c r="GT11" s="97">
        <v>148</v>
      </c>
      <c r="GU11" s="98">
        <v>343</v>
      </c>
      <c r="GV11" s="413">
        <v>0</v>
      </c>
      <c r="GW11" s="97">
        <v>333</v>
      </c>
      <c r="GX11" s="97">
        <v>164</v>
      </c>
      <c r="GY11" s="97">
        <v>108</v>
      </c>
      <c r="GZ11" s="97">
        <v>99</v>
      </c>
      <c r="HA11" s="97">
        <v>60</v>
      </c>
      <c r="HB11" s="99">
        <v>764</v>
      </c>
      <c r="HC11" s="100">
        <v>1107</v>
      </c>
      <c r="HD11" s="101">
        <v>6</v>
      </c>
      <c r="HE11" s="102">
        <v>3</v>
      </c>
      <c r="HF11" s="103">
        <v>9</v>
      </c>
      <c r="HG11" s="413">
        <v>0</v>
      </c>
      <c r="HH11" s="102">
        <v>6</v>
      </c>
      <c r="HI11" s="102">
        <v>4</v>
      </c>
      <c r="HJ11" s="102">
        <v>6</v>
      </c>
      <c r="HK11" s="102">
        <v>2</v>
      </c>
      <c r="HL11" s="102">
        <v>2</v>
      </c>
      <c r="HM11" s="103">
        <v>20</v>
      </c>
      <c r="HN11" s="104">
        <v>29</v>
      </c>
      <c r="HO11" s="101">
        <v>8</v>
      </c>
      <c r="HP11" s="102">
        <v>10</v>
      </c>
      <c r="HQ11" s="103">
        <v>18</v>
      </c>
      <c r="HR11" s="413">
        <v>0</v>
      </c>
      <c r="HS11" s="102">
        <v>14</v>
      </c>
      <c r="HT11" s="102">
        <v>13</v>
      </c>
      <c r="HU11" s="102">
        <v>8</v>
      </c>
      <c r="HV11" s="102">
        <v>10</v>
      </c>
      <c r="HW11" s="102">
        <v>6</v>
      </c>
      <c r="HX11" s="103">
        <v>51</v>
      </c>
      <c r="HY11" s="104">
        <v>69</v>
      </c>
      <c r="HZ11" s="101">
        <v>24</v>
      </c>
      <c r="IA11" s="102">
        <v>21</v>
      </c>
      <c r="IB11" s="103">
        <v>45</v>
      </c>
      <c r="IC11" s="413">
        <v>0</v>
      </c>
      <c r="ID11" s="102">
        <v>44</v>
      </c>
      <c r="IE11" s="102">
        <v>17</v>
      </c>
      <c r="IF11" s="102">
        <v>10</v>
      </c>
      <c r="IG11" s="102">
        <v>14</v>
      </c>
      <c r="IH11" s="102">
        <v>8</v>
      </c>
      <c r="II11" s="103">
        <v>93</v>
      </c>
      <c r="IJ11" s="104">
        <v>138</v>
      </c>
      <c r="IK11" s="101">
        <v>48</v>
      </c>
      <c r="IL11" s="102">
        <v>37</v>
      </c>
      <c r="IM11" s="103">
        <v>85</v>
      </c>
      <c r="IN11" s="413">
        <v>0</v>
      </c>
      <c r="IO11" s="102">
        <v>75</v>
      </c>
      <c r="IP11" s="102">
        <v>30</v>
      </c>
      <c r="IQ11" s="102">
        <v>16</v>
      </c>
      <c r="IR11" s="102">
        <v>14</v>
      </c>
      <c r="IS11" s="102">
        <v>16</v>
      </c>
      <c r="IT11" s="103">
        <v>151</v>
      </c>
      <c r="IU11" s="104">
        <v>236</v>
      </c>
      <c r="IV11" s="101">
        <v>69</v>
      </c>
      <c r="IW11" s="102">
        <v>36</v>
      </c>
      <c r="IX11" s="103">
        <v>105</v>
      </c>
      <c r="IY11" s="413">
        <v>0</v>
      </c>
      <c r="IZ11" s="102">
        <v>91</v>
      </c>
      <c r="JA11" s="102">
        <v>46</v>
      </c>
      <c r="JB11" s="102">
        <v>27</v>
      </c>
      <c r="JC11" s="102">
        <v>26</v>
      </c>
      <c r="JD11" s="102">
        <v>16</v>
      </c>
      <c r="JE11" s="103">
        <v>206</v>
      </c>
      <c r="JF11" s="104">
        <v>311</v>
      </c>
      <c r="JG11" s="101">
        <v>40</v>
      </c>
      <c r="JH11" s="102">
        <v>41</v>
      </c>
      <c r="JI11" s="103">
        <v>81</v>
      </c>
      <c r="JJ11" s="413">
        <v>0</v>
      </c>
      <c r="JK11" s="102">
        <v>103</v>
      </c>
      <c r="JL11" s="102">
        <v>54</v>
      </c>
      <c r="JM11" s="102">
        <v>41</v>
      </c>
      <c r="JN11" s="102">
        <v>33</v>
      </c>
      <c r="JO11" s="102">
        <v>12</v>
      </c>
      <c r="JP11" s="103">
        <v>243</v>
      </c>
      <c r="JQ11" s="104">
        <v>324</v>
      </c>
      <c r="JR11" s="101">
        <v>0</v>
      </c>
      <c r="JS11" s="102">
        <v>0</v>
      </c>
      <c r="JT11" s="103">
        <v>0</v>
      </c>
      <c r="JU11" s="413">
        <v>0</v>
      </c>
      <c r="JV11" s="102">
        <v>0</v>
      </c>
      <c r="JW11" s="102">
        <v>0</v>
      </c>
      <c r="JX11" s="102">
        <v>0</v>
      </c>
      <c r="JY11" s="102">
        <v>0</v>
      </c>
      <c r="JZ11" s="102">
        <v>0</v>
      </c>
      <c r="KA11" s="103">
        <v>0</v>
      </c>
      <c r="KB11" s="104">
        <v>0</v>
      </c>
      <c r="KC11" s="101">
        <v>195</v>
      </c>
      <c r="KD11" s="102">
        <v>148</v>
      </c>
      <c r="KE11" s="103">
        <v>343</v>
      </c>
      <c r="KF11" s="413">
        <v>0</v>
      </c>
      <c r="KG11" s="102">
        <v>333</v>
      </c>
      <c r="KH11" s="102">
        <v>164</v>
      </c>
      <c r="KI11" s="102">
        <v>108</v>
      </c>
      <c r="KJ11" s="102">
        <v>99</v>
      </c>
      <c r="KK11" s="102">
        <v>60</v>
      </c>
      <c r="KL11" s="103">
        <v>764</v>
      </c>
      <c r="KM11" s="104">
        <v>1107</v>
      </c>
    </row>
    <row r="12" spans="2:299" s="70" customFormat="1" ht="21" customHeight="1" x14ac:dyDescent="0.2">
      <c r="B12" s="106" t="s">
        <v>8</v>
      </c>
      <c r="C12" s="96">
        <v>58</v>
      </c>
      <c r="D12" s="97">
        <v>43</v>
      </c>
      <c r="E12" s="98">
        <v>101</v>
      </c>
      <c r="F12" s="413">
        <v>0</v>
      </c>
      <c r="G12" s="97">
        <v>113</v>
      </c>
      <c r="H12" s="97">
        <v>79</v>
      </c>
      <c r="I12" s="97">
        <v>70</v>
      </c>
      <c r="J12" s="97">
        <v>46</v>
      </c>
      <c r="K12" s="97">
        <v>24</v>
      </c>
      <c r="L12" s="99">
        <v>332</v>
      </c>
      <c r="M12" s="100">
        <v>433</v>
      </c>
      <c r="N12" s="101">
        <v>2</v>
      </c>
      <c r="O12" s="102">
        <v>3</v>
      </c>
      <c r="P12" s="103">
        <v>5</v>
      </c>
      <c r="Q12" s="413">
        <v>0</v>
      </c>
      <c r="R12" s="102">
        <v>5</v>
      </c>
      <c r="S12" s="102">
        <v>4</v>
      </c>
      <c r="T12" s="102">
        <v>4</v>
      </c>
      <c r="U12" s="102">
        <v>0</v>
      </c>
      <c r="V12" s="102">
        <v>2</v>
      </c>
      <c r="W12" s="103">
        <v>15</v>
      </c>
      <c r="X12" s="104">
        <v>20</v>
      </c>
      <c r="Y12" s="101">
        <v>5</v>
      </c>
      <c r="Z12" s="102">
        <v>6</v>
      </c>
      <c r="AA12" s="103">
        <v>11</v>
      </c>
      <c r="AB12" s="413">
        <v>0</v>
      </c>
      <c r="AC12" s="102">
        <v>8</v>
      </c>
      <c r="AD12" s="102">
        <v>5</v>
      </c>
      <c r="AE12" s="102">
        <v>3</v>
      </c>
      <c r="AF12" s="102">
        <v>3</v>
      </c>
      <c r="AG12" s="102">
        <v>4</v>
      </c>
      <c r="AH12" s="103">
        <v>23</v>
      </c>
      <c r="AI12" s="104">
        <v>34</v>
      </c>
      <c r="AJ12" s="101">
        <v>7</v>
      </c>
      <c r="AK12" s="102">
        <v>6</v>
      </c>
      <c r="AL12" s="103">
        <v>13</v>
      </c>
      <c r="AM12" s="413">
        <v>0</v>
      </c>
      <c r="AN12" s="102">
        <v>14</v>
      </c>
      <c r="AO12" s="102">
        <v>10</v>
      </c>
      <c r="AP12" s="102">
        <v>9</v>
      </c>
      <c r="AQ12" s="102">
        <v>9</v>
      </c>
      <c r="AR12" s="102">
        <v>6</v>
      </c>
      <c r="AS12" s="103">
        <v>48</v>
      </c>
      <c r="AT12" s="104">
        <v>61</v>
      </c>
      <c r="AU12" s="101">
        <v>15</v>
      </c>
      <c r="AV12" s="102">
        <v>10</v>
      </c>
      <c r="AW12" s="103">
        <v>25</v>
      </c>
      <c r="AX12" s="413">
        <v>0</v>
      </c>
      <c r="AY12" s="102">
        <v>29</v>
      </c>
      <c r="AZ12" s="102">
        <v>13</v>
      </c>
      <c r="BA12" s="102">
        <v>10</v>
      </c>
      <c r="BB12" s="102">
        <v>6</v>
      </c>
      <c r="BC12" s="102">
        <v>2</v>
      </c>
      <c r="BD12" s="103">
        <v>60</v>
      </c>
      <c r="BE12" s="104">
        <v>85</v>
      </c>
      <c r="BF12" s="101">
        <v>19</v>
      </c>
      <c r="BG12" s="102">
        <v>13</v>
      </c>
      <c r="BH12" s="103">
        <v>32</v>
      </c>
      <c r="BI12" s="413">
        <v>0</v>
      </c>
      <c r="BJ12" s="102">
        <v>25</v>
      </c>
      <c r="BK12" s="102">
        <v>25</v>
      </c>
      <c r="BL12" s="102">
        <v>20</v>
      </c>
      <c r="BM12" s="102">
        <v>12</v>
      </c>
      <c r="BN12" s="102">
        <v>6</v>
      </c>
      <c r="BO12" s="103">
        <v>88</v>
      </c>
      <c r="BP12" s="104">
        <v>120</v>
      </c>
      <c r="BQ12" s="101">
        <v>10</v>
      </c>
      <c r="BR12" s="102">
        <v>5</v>
      </c>
      <c r="BS12" s="103">
        <v>15</v>
      </c>
      <c r="BT12" s="413">
        <v>0</v>
      </c>
      <c r="BU12" s="102">
        <v>32</v>
      </c>
      <c r="BV12" s="102">
        <v>22</v>
      </c>
      <c r="BW12" s="102">
        <v>24</v>
      </c>
      <c r="BX12" s="102">
        <v>16</v>
      </c>
      <c r="BY12" s="102">
        <v>4</v>
      </c>
      <c r="BZ12" s="103">
        <v>98</v>
      </c>
      <c r="CA12" s="104">
        <v>113</v>
      </c>
      <c r="CB12" s="101">
        <v>0</v>
      </c>
      <c r="CC12" s="102">
        <v>0</v>
      </c>
      <c r="CD12" s="103">
        <v>0</v>
      </c>
      <c r="CE12" s="413">
        <v>0</v>
      </c>
      <c r="CF12" s="102">
        <v>0</v>
      </c>
      <c r="CG12" s="102">
        <v>0</v>
      </c>
      <c r="CH12" s="102">
        <v>0</v>
      </c>
      <c r="CI12" s="102">
        <v>0</v>
      </c>
      <c r="CJ12" s="102">
        <v>0</v>
      </c>
      <c r="CK12" s="103">
        <v>0</v>
      </c>
      <c r="CL12" s="104">
        <v>0</v>
      </c>
      <c r="CM12" s="101">
        <v>58</v>
      </c>
      <c r="CN12" s="102">
        <v>43</v>
      </c>
      <c r="CO12" s="103">
        <v>101</v>
      </c>
      <c r="CP12" s="413">
        <v>0</v>
      </c>
      <c r="CQ12" s="102">
        <v>113</v>
      </c>
      <c r="CR12" s="102">
        <v>79</v>
      </c>
      <c r="CS12" s="102">
        <v>70</v>
      </c>
      <c r="CT12" s="102">
        <v>46</v>
      </c>
      <c r="CU12" s="102">
        <v>24</v>
      </c>
      <c r="CV12" s="103">
        <v>332</v>
      </c>
      <c r="CW12" s="104">
        <v>433</v>
      </c>
      <c r="CX12" s="105">
        <v>30</v>
      </c>
      <c r="CY12" s="97">
        <v>27</v>
      </c>
      <c r="CZ12" s="98">
        <v>57</v>
      </c>
      <c r="DA12" s="413">
        <v>0</v>
      </c>
      <c r="DB12" s="97">
        <v>48</v>
      </c>
      <c r="DC12" s="97">
        <v>47</v>
      </c>
      <c r="DD12" s="97">
        <v>23</v>
      </c>
      <c r="DE12" s="97">
        <v>19</v>
      </c>
      <c r="DF12" s="97">
        <v>12</v>
      </c>
      <c r="DG12" s="99">
        <v>149</v>
      </c>
      <c r="DH12" s="100">
        <v>206</v>
      </c>
      <c r="DI12" s="101">
        <v>1</v>
      </c>
      <c r="DJ12" s="102">
        <v>1</v>
      </c>
      <c r="DK12" s="103">
        <v>2</v>
      </c>
      <c r="DL12" s="413">
        <v>0</v>
      </c>
      <c r="DM12" s="102">
        <v>1</v>
      </c>
      <c r="DN12" s="102">
        <v>1</v>
      </c>
      <c r="DO12" s="102">
        <v>0</v>
      </c>
      <c r="DP12" s="102">
        <v>1</v>
      </c>
      <c r="DQ12" s="102">
        <v>0</v>
      </c>
      <c r="DR12" s="103">
        <v>3</v>
      </c>
      <c r="DS12" s="104">
        <v>5</v>
      </c>
      <c r="DT12" s="101">
        <v>1</v>
      </c>
      <c r="DU12" s="102">
        <v>1</v>
      </c>
      <c r="DV12" s="103">
        <v>2</v>
      </c>
      <c r="DW12" s="413">
        <v>0</v>
      </c>
      <c r="DX12" s="102">
        <v>1</v>
      </c>
      <c r="DY12" s="102">
        <v>2</v>
      </c>
      <c r="DZ12" s="102">
        <v>0</v>
      </c>
      <c r="EA12" s="102">
        <v>1</v>
      </c>
      <c r="EB12" s="102">
        <v>1</v>
      </c>
      <c r="EC12" s="103">
        <v>5</v>
      </c>
      <c r="ED12" s="104">
        <v>7</v>
      </c>
      <c r="EE12" s="101">
        <v>6</v>
      </c>
      <c r="EF12" s="102">
        <v>6</v>
      </c>
      <c r="EG12" s="103">
        <v>12</v>
      </c>
      <c r="EH12" s="413">
        <v>0</v>
      </c>
      <c r="EI12" s="102">
        <v>5</v>
      </c>
      <c r="EJ12" s="102">
        <v>2</v>
      </c>
      <c r="EK12" s="102">
        <v>4</v>
      </c>
      <c r="EL12" s="102">
        <v>1</v>
      </c>
      <c r="EM12" s="102">
        <v>0</v>
      </c>
      <c r="EN12" s="103">
        <v>12</v>
      </c>
      <c r="EO12" s="104">
        <v>24</v>
      </c>
      <c r="EP12" s="101">
        <v>8</v>
      </c>
      <c r="EQ12" s="102">
        <v>4</v>
      </c>
      <c r="ER12" s="103">
        <v>12</v>
      </c>
      <c r="ES12" s="413">
        <v>0</v>
      </c>
      <c r="ET12" s="102">
        <v>10</v>
      </c>
      <c r="EU12" s="102">
        <v>8</v>
      </c>
      <c r="EV12" s="102">
        <v>3</v>
      </c>
      <c r="EW12" s="102">
        <v>2</v>
      </c>
      <c r="EX12" s="102">
        <v>3</v>
      </c>
      <c r="EY12" s="103">
        <v>26</v>
      </c>
      <c r="EZ12" s="104">
        <v>38</v>
      </c>
      <c r="FA12" s="101">
        <v>8</v>
      </c>
      <c r="FB12" s="102">
        <v>6</v>
      </c>
      <c r="FC12" s="103">
        <v>14</v>
      </c>
      <c r="FD12" s="413">
        <v>0</v>
      </c>
      <c r="FE12" s="102">
        <v>13</v>
      </c>
      <c r="FF12" s="102">
        <v>16</v>
      </c>
      <c r="FG12" s="102">
        <v>2</v>
      </c>
      <c r="FH12" s="102">
        <v>8</v>
      </c>
      <c r="FI12" s="102">
        <v>4</v>
      </c>
      <c r="FJ12" s="103">
        <v>43</v>
      </c>
      <c r="FK12" s="104">
        <v>57</v>
      </c>
      <c r="FL12" s="101">
        <v>6</v>
      </c>
      <c r="FM12" s="102">
        <v>9</v>
      </c>
      <c r="FN12" s="103">
        <v>15</v>
      </c>
      <c r="FO12" s="413">
        <v>0</v>
      </c>
      <c r="FP12" s="102">
        <v>18</v>
      </c>
      <c r="FQ12" s="102">
        <v>18</v>
      </c>
      <c r="FR12" s="102">
        <v>14</v>
      </c>
      <c r="FS12" s="102">
        <v>6</v>
      </c>
      <c r="FT12" s="102">
        <v>4</v>
      </c>
      <c r="FU12" s="103">
        <v>60</v>
      </c>
      <c r="FV12" s="104">
        <v>75</v>
      </c>
      <c r="FW12" s="101">
        <v>0</v>
      </c>
      <c r="FX12" s="102">
        <v>0</v>
      </c>
      <c r="FY12" s="103">
        <v>0</v>
      </c>
      <c r="FZ12" s="413">
        <v>0</v>
      </c>
      <c r="GA12" s="102">
        <v>0</v>
      </c>
      <c r="GB12" s="102">
        <v>0</v>
      </c>
      <c r="GC12" s="102">
        <v>0</v>
      </c>
      <c r="GD12" s="102">
        <v>0</v>
      </c>
      <c r="GE12" s="102">
        <v>0</v>
      </c>
      <c r="GF12" s="103">
        <v>0</v>
      </c>
      <c r="GG12" s="104">
        <v>0</v>
      </c>
      <c r="GH12" s="101">
        <v>30</v>
      </c>
      <c r="GI12" s="102">
        <v>27</v>
      </c>
      <c r="GJ12" s="103">
        <v>57</v>
      </c>
      <c r="GK12" s="413">
        <v>0</v>
      </c>
      <c r="GL12" s="102">
        <v>48</v>
      </c>
      <c r="GM12" s="102">
        <v>47</v>
      </c>
      <c r="GN12" s="102">
        <v>23</v>
      </c>
      <c r="GO12" s="102">
        <v>19</v>
      </c>
      <c r="GP12" s="102">
        <v>12</v>
      </c>
      <c r="GQ12" s="103">
        <v>149</v>
      </c>
      <c r="GR12" s="104">
        <v>206</v>
      </c>
      <c r="GS12" s="105">
        <v>88</v>
      </c>
      <c r="GT12" s="97">
        <v>70</v>
      </c>
      <c r="GU12" s="98">
        <v>158</v>
      </c>
      <c r="GV12" s="413">
        <v>0</v>
      </c>
      <c r="GW12" s="97">
        <v>161</v>
      </c>
      <c r="GX12" s="97">
        <v>126</v>
      </c>
      <c r="GY12" s="97">
        <v>93</v>
      </c>
      <c r="GZ12" s="97">
        <v>65</v>
      </c>
      <c r="HA12" s="97">
        <v>36</v>
      </c>
      <c r="HB12" s="99">
        <v>481</v>
      </c>
      <c r="HC12" s="100">
        <v>639</v>
      </c>
      <c r="HD12" s="101">
        <v>3</v>
      </c>
      <c r="HE12" s="102">
        <v>4</v>
      </c>
      <c r="HF12" s="103">
        <v>7</v>
      </c>
      <c r="HG12" s="413">
        <v>0</v>
      </c>
      <c r="HH12" s="102">
        <v>6</v>
      </c>
      <c r="HI12" s="102">
        <v>5</v>
      </c>
      <c r="HJ12" s="102">
        <v>4</v>
      </c>
      <c r="HK12" s="102">
        <v>1</v>
      </c>
      <c r="HL12" s="102">
        <v>2</v>
      </c>
      <c r="HM12" s="103">
        <v>18</v>
      </c>
      <c r="HN12" s="104">
        <v>25</v>
      </c>
      <c r="HO12" s="101">
        <v>6</v>
      </c>
      <c r="HP12" s="102">
        <v>7</v>
      </c>
      <c r="HQ12" s="103">
        <v>13</v>
      </c>
      <c r="HR12" s="413">
        <v>0</v>
      </c>
      <c r="HS12" s="102">
        <v>9</v>
      </c>
      <c r="HT12" s="102">
        <v>7</v>
      </c>
      <c r="HU12" s="102">
        <v>3</v>
      </c>
      <c r="HV12" s="102">
        <v>4</v>
      </c>
      <c r="HW12" s="102">
        <v>5</v>
      </c>
      <c r="HX12" s="103">
        <v>28</v>
      </c>
      <c r="HY12" s="104">
        <v>41</v>
      </c>
      <c r="HZ12" s="101">
        <v>13</v>
      </c>
      <c r="IA12" s="102">
        <v>12</v>
      </c>
      <c r="IB12" s="103">
        <v>25</v>
      </c>
      <c r="IC12" s="413">
        <v>0</v>
      </c>
      <c r="ID12" s="102">
        <v>19</v>
      </c>
      <c r="IE12" s="102">
        <v>12</v>
      </c>
      <c r="IF12" s="102">
        <v>13</v>
      </c>
      <c r="IG12" s="102">
        <v>10</v>
      </c>
      <c r="IH12" s="102">
        <v>6</v>
      </c>
      <c r="II12" s="103">
        <v>60</v>
      </c>
      <c r="IJ12" s="104">
        <v>85</v>
      </c>
      <c r="IK12" s="101">
        <v>23</v>
      </c>
      <c r="IL12" s="102">
        <v>14</v>
      </c>
      <c r="IM12" s="103">
        <v>37</v>
      </c>
      <c r="IN12" s="413">
        <v>0</v>
      </c>
      <c r="IO12" s="102">
        <v>39</v>
      </c>
      <c r="IP12" s="102">
        <v>21</v>
      </c>
      <c r="IQ12" s="102">
        <v>13</v>
      </c>
      <c r="IR12" s="102">
        <v>8</v>
      </c>
      <c r="IS12" s="102">
        <v>5</v>
      </c>
      <c r="IT12" s="103">
        <v>86</v>
      </c>
      <c r="IU12" s="104">
        <v>123</v>
      </c>
      <c r="IV12" s="101">
        <v>27</v>
      </c>
      <c r="IW12" s="102">
        <v>19</v>
      </c>
      <c r="IX12" s="103">
        <v>46</v>
      </c>
      <c r="IY12" s="413">
        <v>0</v>
      </c>
      <c r="IZ12" s="102">
        <v>38</v>
      </c>
      <c r="JA12" s="102">
        <v>41</v>
      </c>
      <c r="JB12" s="102">
        <v>22</v>
      </c>
      <c r="JC12" s="102">
        <v>20</v>
      </c>
      <c r="JD12" s="102">
        <v>10</v>
      </c>
      <c r="JE12" s="103">
        <v>131</v>
      </c>
      <c r="JF12" s="104">
        <v>177</v>
      </c>
      <c r="JG12" s="101">
        <v>16</v>
      </c>
      <c r="JH12" s="102">
        <v>14</v>
      </c>
      <c r="JI12" s="103">
        <v>30</v>
      </c>
      <c r="JJ12" s="413">
        <v>0</v>
      </c>
      <c r="JK12" s="102">
        <v>50</v>
      </c>
      <c r="JL12" s="102">
        <v>40</v>
      </c>
      <c r="JM12" s="102">
        <v>38</v>
      </c>
      <c r="JN12" s="102">
        <v>22</v>
      </c>
      <c r="JO12" s="102">
        <v>8</v>
      </c>
      <c r="JP12" s="103">
        <v>158</v>
      </c>
      <c r="JQ12" s="104">
        <v>188</v>
      </c>
      <c r="JR12" s="101">
        <v>0</v>
      </c>
      <c r="JS12" s="102">
        <v>0</v>
      </c>
      <c r="JT12" s="103">
        <v>0</v>
      </c>
      <c r="JU12" s="413">
        <v>0</v>
      </c>
      <c r="JV12" s="102">
        <v>0</v>
      </c>
      <c r="JW12" s="102">
        <v>0</v>
      </c>
      <c r="JX12" s="102">
        <v>0</v>
      </c>
      <c r="JY12" s="102">
        <v>0</v>
      </c>
      <c r="JZ12" s="102">
        <v>0</v>
      </c>
      <c r="KA12" s="103">
        <v>0</v>
      </c>
      <c r="KB12" s="104">
        <v>0</v>
      </c>
      <c r="KC12" s="101">
        <v>88</v>
      </c>
      <c r="KD12" s="102">
        <v>70</v>
      </c>
      <c r="KE12" s="103">
        <v>158</v>
      </c>
      <c r="KF12" s="413">
        <v>0</v>
      </c>
      <c r="KG12" s="102">
        <v>161</v>
      </c>
      <c r="KH12" s="102">
        <v>126</v>
      </c>
      <c r="KI12" s="102">
        <v>93</v>
      </c>
      <c r="KJ12" s="102">
        <v>65</v>
      </c>
      <c r="KK12" s="102">
        <v>36</v>
      </c>
      <c r="KL12" s="103">
        <v>481</v>
      </c>
      <c r="KM12" s="104">
        <v>639</v>
      </c>
    </row>
    <row r="13" spans="2:299" s="70" customFormat="1" ht="21" customHeight="1" x14ac:dyDescent="0.2">
      <c r="B13" s="106" t="s">
        <v>9</v>
      </c>
      <c r="C13" s="96">
        <v>208</v>
      </c>
      <c r="D13" s="97">
        <v>115</v>
      </c>
      <c r="E13" s="98">
        <v>323</v>
      </c>
      <c r="F13" s="413">
        <v>0</v>
      </c>
      <c r="G13" s="97">
        <v>244</v>
      </c>
      <c r="H13" s="97">
        <v>144</v>
      </c>
      <c r="I13" s="97">
        <v>113</v>
      </c>
      <c r="J13" s="97">
        <v>86</v>
      </c>
      <c r="K13" s="97">
        <v>52</v>
      </c>
      <c r="L13" s="99">
        <v>639</v>
      </c>
      <c r="M13" s="100">
        <v>962</v>
      </c>
      <c r="N13" s="101">
        <v>3</v>
      </c>
      <c r="O13" s="102">
        <v>2</v>
      </c>
      <c r="P13" s="103">
        <v>5</v>
      </c>
      <c r="Q13" s="413">
        <v>0</v>
      </c>
      <c r="R13" s="102">
        <v>3</v>
      </c>
      <c r="S13" s="102">
        <v>6</v>
      </c>
      <c r="T13" s="102">
        <v>3</v>
      </c>
      <c r="U13" s="102">
        <v>1</v>
      </c>
      <c r="V13" s="102">
        <v>2</v>
      </c>
      <c r="W13" s="103">
        <v>15</v>
      </c>
      <c r="X13" s="104">
        <v>20</v>
      </c>
      <c r="Y13" s="101">
        <v>7</v>
      </c>
      <c r="Z13" s="102">
        <v>7</v>
      </c>
      <c r="AA13" s="103">
        <v>14</v>
      </c>
      <c r="AB13" s="413">
        <v>0</v>
      </c>
      <c r="AC13" s="102">
        <v>10</v>
      </c>
      <c r="AD13" s="102">
        <v>5</v>
      </c>
      <c r="AE13" s="102">
        <v>1</v>
      </c>
      <c r="AF13" s="102">
        <v>4</v>
      </c>
      <c r="AG13" s="102">
        <v>5</v>
      </c>
      <c r="AH13" s="103">
        <v>25</v>
      </c>
      <c r="AI13" s="104">
        <v>39</v>
      </c>
      <c r="AJ13" s="101">
        <v>18</v>
      </c>
      <c r="AK13" s="102">
        <v>12</v>
      </c>
      <c r="AL13" s="103">
        <v>30</v>
      </c>
      <c r="AM13" s="413">
        <v>0</v>
      </c>
      <c r="AN13" s="102">
        <v>15</v>
      </c>
      <c r="AO13" s="102">
        <v>9</v>
      </c>
      <c r="AP13" s="102">
        <v>11</v>
      </c>
      <c r="AQ13" s="102">
        <v>3</v>
      </c>
      <c r="AR13" s="102">
        <v>3</v>
      </c>
      <c r="AS13" s="103">
        <v>41</v>
      </c>
      <c r="AT13" s="104">
        <v>71</v>
      </c>
      <c r="AU13" s="101">
        <v>46</v>
      </c>
      <c r="AV13" s="102">
        <v>21</v>
      </c>
      <c r="AW13" s="103">
        <v>67</v>
      </c>
      <c r="AX13" s="413">
        <v>0</v>
      </c>
      <c r="AY13" s="102">
        <v>47</v>
      </c>
      <c r="AZ13" s="102">
        <v>23</v>
      </c>
      <c r="BA13" s="102">
        <v>24</v>
      </c>
      <c r="BB13" s="102">
        <v>9</v>
      </c>
      <c r="BC13" s="102">
        <v>8</v>
      </c>
      <c r="BD13" s="103">
        <v>111</v>
      </c>
      <c r="BE13" s="104">
        <v>178</v>
      </c>
      <c r="BF13" s="101">
        <v>77</v>
      </c>
      <c r="BG13" s="102">
        <v>44</v>
      </c>
      <c r="BH13" s="103">
        <v>121</v>
      </c>
      <c r="BI13" s="413">
        <v>0</v>
      </c>
      <c r="BJ13" s="102">
        <v>91</v>
      </c>
      <c r="BK13" s="102">
        <v>37</v>
      </c>
      <c r="BL13" s="102">
        <v>29</v>
      </c>
      <c r="BM13" s="102">
        <v>25</v>
      </c>
      <c r="BN13" s="102">
        <v>13</v>
      </c>
      <c r="BO13" s="103">
        <v>195</v>
      </c>
      <c r="BP13" s="104">
        <v>316</v>
      </c>
      <c r="BQ13" s="101">
        <v>57</v>
      </c>
      <c r="BR13" s="102">
        <v>29</v>
      </c>
      <c r="BS13" s="103">
        <v>86</v>
      </c>
      <c r="BT13" s="413">
        <v>0</v>
      </c>
      <c r="BU13" s="102">
        <v>78</v>
      </c>
      <c r="BV13" s="102">
        <v>64</v>
      </c>
      <c r="BW13" s="102">
        <v>45</v>
      </c>
      <c r="BX13" s="102">
        <v>44</v>
      </c>
      <c r="BY13" s="102">
        <v>21</v>
      </c>
      <c r="BZ13" s="103">
        <v>252</v>
      </c>
      <c r="CA13" s="104">
        <v>338</v>
      </c>
      <c r="CB13" s="101">
        <v>0</v>
      </c>
      <c r="CC13" s="102">
        <v>0</v>
      </c>
      <c r="CD13" s="103">
        <v>0</v>
      </c>
      <c r="CE13" s="413">
        <v>0</v>
      </c>
      <c r="CF13" s="102">
        <v>0</v>
      </c>
      <c r="CG13" s="102">
        <v>0</v>
      </c>
      <c r="CH13" s="102">
        <v>0</v>
      </c>
      <c r="CI13" s="102">
        <v>0</v>
      </c>
      <c r="CJ13" s="102">
        <v>0</v>
      </c>
      <c r="CK13" s="103">
        <v>0</v>
      </c>
      <c r="CL13" s="104">
        <v>0</v>
      </c>
      <c r="CM13" s="101">
        <v>208</v>
      </c>
      <c r="CN13" s="102">
        <v>115</v>
      </c>
      <c r="CO13" s="103">
        <v>323</v>
      </c>
      <c r="CP13" s="413">
        <v>0</v>
      </c>
      <c r="CQ13" s="102">
        <v>244</v>
      </c>
      <c r="CR13" s="102">
        <v>144</v>
      </c>
      <c r="CS13" s="102">
        <v>113</v>
      </c>
      <c r="CT13" s="102">
        <v>86</v>
      </c>
      <c r="CU13" s="102">
        <v>52</v>
      </c>
      <c r="CV13" s="103">
        <v>639</v>
      </c>
      <c r="CW13" s="104">
        <v>962</v>
      </c>
      <c r="CX13" s="105">
        <v>73</v>
      </c>
      <c r="CY13" s="97">
        <v>59</v>
      </c>
      <c r="CZ13" s="98">
        <v>132</v>
      </c>
      <c r="DA13" s="413">
        <v>0</v>
      </c>
      <c r="DB13" s="97">
        <v>84</v>
      </c>
      <c r="DC13" s="97">
        <v>65</v>
      </c>
      <c r="DD13" s="97">
        <v>40</v>
      </c>
      <c r="DE13" s="97">
        <v>49</v>
      </c>
      <c r="DF13" s="97">
        <v>18</v>
      </c>
      <c r="DG13" s="99">
        <v>256</v>
      </c>
      <c r="DH13" s="100">
        <v>388</v>
      </c>
      <c r="DI13" s="101">
        <v>2</v>
      </c>
      <c r="DJ13" s="102">
        <v>2</v>
      </c>
      <c r="DK13" s="103">
        <v>4</v>
      </c>
      <c r="DL13" s="413">
        <v>0</v>
      </c>
      <c r="DM13" s="102">
        <v>1</v>
      </c>
      <c r="DN13" s="102">
        <v>0</v>
      </c>
      <c r="DO13" s="102">
        <v>0</v>
      </c>
      <c r="DP13" s="102">
        <v>1</v>
      </c>
      <c r="DQ13" s="102">
        <v>2</v>
      </c>
      <c r="DR13" s="103">
        <v>4</v>
      </c>
      <c r="DS13" s="104">
        <v>8</v>
      </c>
      <c r="DT13" s="101">
        <v>2</v>
      </c>
      <c r="DU13" s="102">
        <v>7</v>
      </c>
      <c r="DV13" s="103">
        <v>9</v>
      </c>
      <c r="DW13" s="413">
        <v>0</v>
      </c>
      <c r="DX13" s="102">
        <v>2</v>
      </c>
      <c r="DY13" s="102">
        <v>0</v>
      </c>
      <c r="DZ13" s="102">
        <v>0</v>
      </c>
      <c r="EA13" s="102">
        <v>1</v>
      </c>
      <c r="EB13" s="102">
        <v>1</v>
      </c>
      <c r="EC13" s="103">
        <v>4</v>
      </c>
      <c r="ED13" s="104">
        <v>13</v>
      </c>
      <c r="EE13" s="101">
        <v>12</v>
      </c>
      <c r="EF13" s="102">
        <v>6</v>
      </c>
      <c r="EG13" s="103">
        <v>18</v>
      </c>
      <c r="EH13" s="413">
        <v>0</v>
      </c>
      <c r="EI13" s="102">
        <v>11</v>
      </c>
      <c r="EJ13" s="102">
        <v>8</v>
      </c>
      <c r="EK13" s="102">
        <v>4</v>
      </c>
      <c r="EL13" s="102">
        <v>4</v>
      </c>
      <c r="EM13" s="102">
        <v>0</v>
      </c>
      <c r="EN13" s="103">
        <v>27</v>
      </c>
      <c r="EO13" s="104">
        <v>45</v>
      </c>
      <c r="EP13" s="101">
        <v>24</v>
      </c>
      <c r="EQ13" s="102">
        <v>17</v>
      </c>
      <c r="ER13" s="103">
        <v>41</v>
      </c>
      <c r="ES13" s="413">
        <v>0</v>
      </c>
      <c r="ET13" s="102">
        <v>22</v>
      </c>
      <c r="EU13" s="102">
        <v>9</v>
      </c>
      <c r="EV13" s="102">
        <v>7</v>
      </c>
      <c r="EW13" s="102">
        <v>4</v>
      </c>
      <c r="EX13" s="102">
        <v>0</v>
      </c>
      <c r="EY13" s="103">
        <v>42</v>
      </c>
      <c r="EZ13" s="104">
        <v>83</v>
      </c>
      <c r="FA13" s="101">
        <v>21</v>
      </c>
      <c r="FB13" s="102">
        <v>14</v>
      </c>
      <c r="FC13" s="103">
        <v>35</v>
      </c>
      <c r="FD13" s="413">
        <v>0</v>
      </c>
      <c r="FE13" s="102">
        <v>28</v>
      </c>
      <c r="FF13" s="102">
        <v>15</v>
      </c>
      <c r="FG13" s="102">
        <v>6</v>
      </c>
      <c r="FH13" s="102">
        <v>10</v>
      </c>
      <c r="FI13" s="102">
        <v>5</v>
      </c>
      <c r="FJ13" s="103">
        <v>64</v>
      </c>
      <c r="FK13" s="104">
        <v>99</v>
      </c>
      <c r="FL13" s="101">
        <v>12</v>
      </c>
      <c r="FM13" s="102">
        <v>13</v>
      </c>
      <c r="FN13" s="103">
        <v>25</v>
      </c>
      <c r="FO13" s="413">
        <v>0</v>
      </c>
      <c r="FP13" s="102">
        <v>20</v>
      </c>
      <c r="FQ13" s="102">
        <v>33</v>
      </c>
      <c r="FR13" s="102">
        <v>23</v>
      </c>
      <c r="FS13" s="102">
        <v>29</v>
      </c>
      <c r="FT13" s="102">
        <v>10</v>
      </c>
      <c r="FU13" s="103">
        <v>115</v>
      </c>
      <c r="FV13" s="104">
        <v>140</v>
      </c>
      <c r="FW13" s="101">
        <v>0</v>
      </c>
      <c r="FX13" s="102">
        <v>0</v>
      </c>
      <c r="FY13" s="103">
        <v>0</v>
      </c>
      <c r="FZ13" s="413">
        <v>0</v>
      </c>
      <c r="GA13" s="102">
        <v>0</v>
      </c>
      <c r="GB13" s="102">
        <v>0</v>
      </c>
      <c r="GC13" s="102">
        <v>0</v>
      </c>
      <c r="GD13" s="102">
        <v>0</v>
      </c>
      <c r="GE13" s="102">
        <v>0</v>
      </c>
      <c r="GF13" s="103">
        <v>0</v>
      </c>
      <c r="GG13" s="104">
        <v>0</v>
      </c>
      <c r="GH13" s="101">
        <v>73</v>
      </c>
      <c r="GI13" s="102">
        <v>59</v>
      </c>
      <c r="GJ13" s="103">
        <v>132</v>
      </c>
      <c r="GK13" s="413">
        <v>0</v>
      </c>
      <c r="GL13" s="102">
        <v>84</v>
      </c>
      <c r="GM13" s="102">
        <v>65</v>
      </c>
      <c r="GN13" s="102">
        <v>40</v>
      </c>
      <c r="GO13" s="102">
        <v>49</v>
      </c>
      <c r="GP13" s="102">
        <v>18</v>
      </c>
      <c r="GQ13" s="103">
        <v>256</v>
      </c>
      <c r="GR13" s="104">
        <v>388</v>
      </c>
      <c r="GS13" s="105">
        <v>281</v>
      </c>
      <c r="GT13" s="97">
        <v>174</v>
      </c>
      <c r="GU13" s="98">
        <v>455</v>
      </c>
      <c r="GV13" s="413">
        <v>0</v>
      </c>
      <c r="GW13" s="97">
        <v>328</v>
      </c>
      <c r="GX13" s="97">
        <v>209</v>
      </c>
      <c r="GY13" s="97">
        <v>153</v>
      </c>
      <c r="GZ13" s="97">
        <v>135</v>
      </c>
      <c r="HA13" s="97">
        <v>70</v>
      </c>
      <c r="HB13" s="99">
        <v>895</v>
      </c>
      <c r="HC13" s="100">
        <v>1350</v>
      </c>
      <c r="HD13" s="101">
        <v>5</v>
      </c>
      <c r="HE13" s="102">
        <v>4</v>
      </c>
      <c r="HF13" s="103">
        <v>9</v>
      </c>
      <c r="HG13" s="413">
        <v>0</v>
      </c>
      <c r="HH13" s="102">
        <v>4</v>
      </c>
      <c r="HI13" s="102">
        <v>6</v>
      </c>
      <c r="HJ13" s="102">
        <v>3</v>
      </c>
      <c r="HK13" s="102">
        <v>2</v>
      </c>
      <c r="HL13" s="102">
        <v>4</v>
      </c>
      <c r="HM13" s="103">
        <v>19</v>
      </c>
      <c r="HN13" s="104">
        <v>28</v>
      </c>
      <c r="HO13" s="101">
        <v>9</v>
      </c>
      <c r="HP13" s="102">
        <v>14</v>
      </c>
      <c r="HQ13" s="103">
        <v>23</v>
      </c>
      <c r="HR13" s="413">
        <v>0</v>
      </c>
      <c r="HS13" s="102">
        <v>12</v>
      </c>
      <c r="HT13" s="102">
        <v>5</v>
      </c>
      <c r="HU13" s="102">
        <v>1</v>
      </c>
      <c r="HV13" s="102">
        <v>5</v>
      </c>
      <c r="HW13" s="102">
        <v>6</v>
      </c>
      <c r="HX13" s="103">
        <v>29</v>
      </c>
      <c r="HY13" s="104">
        <v>52</v>
      </c>
      <c r="HZ13" s="101">
        <v>30</v>
      </c>
      <c r="IA13" s="102">
        <v>18</v>
      </c>
      <c r="IB13" s="103">
        <v>48</v>
      </c>
      <c r="IC13" s="413">
        <v>0</v>
      </c>
      <c r="ID13" s="102">
        <v>26</v>
      </c>
      <c r="IE13" s="102">
        <v>17</v>
      </c>
      <c r="IF13" s="102">
        <v>15</v>
      </c>
      <c r="IG13" s="102">
        <v>7</v>
      </c>
      <c r="IH13" s="102">
        <v>3</v>
      </c>
      <c r="II13" s="103">
        <v>68</v>
      </c>
      <c r="IJ13" s="104">
        <v>116</v>
      </c>
      <c r="IK13" s="101">
        <v>70</v>
      </c>
      <c r="IL13" s="102">
        <v>38</v>
      </c>
      <c r="IM13" s="103">
        <v>108</v>
      </c>
      <c r="IN13" s="413">
        <v>0</v>
      </c>
      <c r="IO13" s="102">
        <v>69</v>
      </c>
      <c r="IP13" s="102">
        <v>32</v>
      </c>
      <c r="IQ13" s="102">
        <v>31</v>
      </c>
      <c r="IR13" s="102">
        <v>13</v>
      </c>
      <c r="IS13" s="102">
        <v>8</v>
      </c>
      <c r="IT13" s="103">
        <v>153</v>
      </c>
      <c r="IU13" s="104">
        <v>261</v>
      </c>
      <c r="IV13" s="101">
        <v>98</v>
      </c>
      <c r="IW13" s="102">
        <v>58</v>
      </c>
      <c r="IX13" s="103">
        <v>156</v>
      </c>
      <c r="IY13" s="413">
        <v>0</v>
      </c>
      <c r="IZ13" s="102">
        <v>119</v>
      </c>
      <c r="JA13" s="102">
        <v>52</v>
      </c>
      <c r="JB13" s="102">
        <v>35</v>
      </c>
      <c r="JC13" s="102">
        <v>35</v>
      </c>
      <c r="JD13" s="102">
        <v>18</v>
      </c>
      <c r="JE13" s="103">
        <v>259</v>
      </c>
      <c r="JF13" s="104">
        <v>415</v>
      </c>
      <c r="JG13" s="101">
        <v>69</v>
      </c>
      <c r="JH13" s="102">
        <v>42</v>
      </c>
      <c r="JI13" s="103">
        <v>111</v>
      </c>
      <c r="JJ13" s="413">
        <v>0</v>
      </c>
      <c r="JK13" s="102">
        <v>98</v>
      </c>
      <c r="JL13" s="102">
        <v>97</v>
      </c>
      <c r="JM13" s="102">
        <v>68</v>
      </c>
      <c r="JN13" s="102">
        <v>73</v>
      </c>
      <c r="JO13" s="102">
        <v>31</v>
      </c>
      <c r="JP13" s="103">
        <v>367</v>
      </c>
      <c r="JQ13" s="104">
        <v>478</v>
      </c>
      <c r="JR13" s="101">
        <v>0</v>
      </c>
      <c r="JS13" s="102">
        <v>0</v>
      </c>
      <c r="JT13" s="103">
        <v>0</v>
      </c>
      <c r="JU13" s="413">
        <v>0</v>
      </c>
      <c r="JV13" s="102">
        <v>0</v>
      </c>
      <c r="JW13" s="102">
        <v>0</v>
      </c>
      <c r="JX13" s="102">
        <v>0</v>
      </c>
      <c r="JY13" s="102">
        <v>0</v>
      </c>
      <c r="JZ13" s="102">
        <v>0</v>
      </c>
      <c r="KA13" s="103">
        <v>0</v>
      </c>
      <c r="KB13" s="104">
        <v>0</v>
      </c>
      <c r="KC13" s="101">
        <v>281</v>
      </c>
      <c r="KD13" s="102">
        <v>174</v>
      </c>
      <c r="KE13" s="103">
        <v>455</v>
      </c>
      <c r="KF13" s="413">
        <v>0</v>
      </c>
      <c r="KG13" s="102">
        <v>328</v>
      </c>
      <c r="KH13" s="102">
        <v>209</v>
      </c>
      <c r="KI13" s="102">
        <v>153</v>
      </c>
      <c r="KJ13" s="102">
        <v>135</v>
      </c>
      <c r="KK13" s="102">
        <v>70</v>
      </c>
      <c r="KL13" s="103">
        <v>895</v>
      </c>
      <c r="KM13" s="104">
        <v>1350</v>
      </c>
    </row>
    <row r="14" spans="2:299" s="70" customFormat="1" ht="21" customHeight="1" x14ac:dyDescent="0.2">
      <c r="B14" s="106" t="s">
        <v>10</v>
      </c>
      <c r="C14" s="96">
        <v>303</v>
      </c>
      <c r="D14" s="97">
        <v>194</v>
      </c>
      <c r="E14" s="98">
        <v>497</v>
      </c>
      <c r="F14" s="413">
        <v>0</v>
      </c>
      <c r="G14" s="97">
        <v>314</v>
      </c>
      <c r="H14" s="97">
        <v>149</v>
      </c>
      <c r="I14" s="97">
        <v>109</v>
      </c>
      <c r="J14" s="97">
        <v>93</v>
      </c>
      <c r="K14" s="97">
        <v>72</v>
      </c>
      <c r="L14" s="99">
        <v>737</v>
      </c>
      <c r="M14" s="100">
        <v>1234</v>
      </c>
      <c r="N14" s="101">
        <v>15</v>
      </c>
      <c r="O14" s="102">
        <v>7</v>
      </c>
      <c r="P14" s="103">
        <v>22</v>
      </c>
      <c r="Q14" s="413">
        <v>0</v>
      </c>
      <c r="R14" s="102">
        <v>8</v>
      </c>
      <c r="S14" s="102">
        <v>9</v>
      </c>
      <c r="T14" s="102">
        <v>3</v>
      </c>
      <c r="U14" s="102">
        <v>1</v>
      </c>
      <c r="V14" s="102">
        <v>4</v>
      </c>
      <c r="W14" s="103">
        <v>25</v>
      </c>
      <c r="X14" s="104">
        <v>47</v>
      </c>
      <c r="Y14" s="101">
        <v>13</v>
      </c>
      <c r="Z14" s="102">
        <v>11</v>
      </c>
      <c r="AA14" s="103">
        <v>24</v>
      </c>
      <c r="AB14" s="413">
        <v>0</v>
      </c>
      <c r="AC14" s="102">
        <v>20</v>
      </c>
      <c r="AD14" s="102">
        <v>15</v>
      </c>
      <c r="AE14" s="102">
        <v>7</v>
      </c>
      <c r="AF14" s="102">
        <v>11</v>
      </c>
      <c r="AG14" s="102">
        <v>7</v>
      </c>
      <c r="AH14" s="103">
        <v>60</v>
      </c>
      <c r="AI14" s="104">
        <v>84</v>
      </c>
      <c r="AJ14" s="101">
        <v>20</v>
      </c>
      <c r="AK14" s="102">
        <v>27</v>
      </c>
      <c r="AL14" s="103">
        <v>47</v>
      </c>
      <c r="AM14" s="413">
        <v>0</v>
      </c>
      <c r="AN14" s="102">
        <v>41</v>
      </c>
      <c r="AO14" s="102">
        <v>19</v>
      </c>
      <c r="AP14" s="102">
        <v>11</v>
      </c>
      <c r="AQ14" s="102">
        <v>8</v>
      </c>
      <c r="AR14" s="102">
        <v>14</v>
      </c>
      <c r="AS14" s="103">
        <v>93</v>
      </c>
      <c r="AT14" s="104">
        <v>140</v>
      </c>
      <c r="AU14" s="101">
        <v>62</v>
      </c>
      <c r="AV14" s="102">
        <v>40</v>
      </c>
      <c r="AW14" s="103">
        <v>102</v>
      </c>
      <c r="AX14" s="413">
        <v>0</v>
      </c>
      <c r="AY14" s="102">
        <v>84</v>
      </c>
      <c r="AZ14" s="102">
        <v>21</v>
      </c>
      <c r="BA14" s="102">
        <v>17</v>
      </c>
      <c r="BB14" s="102">
        <v>21</v>
      </c>
      <c r="BC14" s="102">
        <v>19</v>
      </c>
      <c r="BD14" s="103">
        <v>162</v>
      </c>
      <c r="BE14" s="104">
        <v>264</v>
      </c>
      <c r="BF14" s="101">
        <v>106</v>
      </c>
      <c r="BG14" s="102">
        <v>49</v>
      </c>
      <c r="BH14" s="103">
        <v>155</v>
      </c>
      <c r="BI14" s="413">
        <v>0</v>
      </c>
      <c r="BJ14" s="102">
        <v>72</v>
      </c>
      <c r="BK14" s="102">
        <v>41</v>
      </c>
      <c r="BL14" s="102">
        <v>36</v>
      </c>
      <c r="BM14" s="102">
        <v>15</v>
      </c>
      <c r="BN14" s="102">
        <v>14</v>
      </c>
      <c r="BO14" s="103">
        <v>178</v>
      </c>
      <c r="BP14" s="104">
        <v>333</v>
      </c>
      <c r="BQ14" s="101">
        <v>87</v>
      </c>
      <c r="BR14" s="102">
        <v>60</v>
      </c>
      <c r="BS14" s="103">
        <v>147</v>
      </c>
      <c r="BT14" s="413">
        <v>0</v>
      </c>
      <c r="BU14" s="102">
        <v>89</v>
      </c>
      <c r="BV14" s="102">
        <v>44</v>
      </c>
      <c r="BW14" s="102">
        <v>35</v>
      </c>
      <c r="BX14" s="102">
        <v>37</v>
      </c>
      <c r="BY14" s="102">
        <v>14</v>
      </c>
      <c r="BZ14" s="103">
        <v>219</v>
      </c>
      <c r="CA14" s="104">
        <v>366</v>
      </c>
      <c r="CB14" s="101">
        <v>0</v>
      </c>
      <c r="CC14" s="102">
        <v>0</v>
      </c>
      <c r="CD14" s="103">
        <v>0</v>
      </c>
      <c r="CE14" s="413">
        <v>0</v>
      </c>
      <c r="CF14" s="102">
        <v>0</v>
      </c>
      <c r="CG14" s="102">
        <v>0</v>
      </c>
      <c r="CH14" s="102">
        <v>0</v>
      </c>
      <c r="CI14" s="102">
        <v>0</v>
      </c>
      <c r="CJ14" s="102">
        <v>0</v>
      </c>
      <c r="CK14" s="103">
        <v>0</v>
      </c>
      <c r="CL14" s="104">
        <v>0</v>
      </c>
      <c r="CM14" s="101">
        <v>303</v>
      </c>
      <c r="CN14" s="102">
        <v>194</v>
      </c>
      <c r="CO14" s="103">
        <v>497</v>
      </c>
      <c r="CP14" s="413">
        <v>0</v>
      </c>
      <c r="CQ14" s="102">
        <v>314</v>
      </c>
      <c r="CR14" s="102">
        <v>149</v>
      </c>
      <c r="CS14" s="102">
        <v>109</v>
      </c>
      <c r="CT14" s="102">
        <v>93</v>
      </c>
      <c r="CU14" s="102">
        <v>72</v>
      </c>
      <c r="CV14" s="103">
        <v>737</v>
      </c>
      <c r="CW14" s="104">
        <v>1234</v>
      </c>
      <c r="CX14" s="105">
        <v>120</v>
      </c>
      <c r="CY14" s="97">
        <v>80</v>
      </c>
      <c r="CZ14" s="98">
        <v>200</v>
      </c>
      <c r="DA14" s="413">
        <v>0</v>
      </c>
      <c r="DB14" s="97">
        <v>121</v>
      </c>
      <c r="DC14" s="97">
        <v>55</v>
      </c>
      <c r="DD14" s="97">
        <v>46</v>
      </c>
      <c r="DE14" s="97">
        <v>54</v>
      </c>
      <c r="DF14" s="97">
        <v>34</v>
      </c>
      <c r="DG14" s="99">
        <v>310</v>
      </c>
      <c r="DH14" s="100">
        <v>510</v>
      </c>
      <c r="DI14" s="101">
        <v>5</v>
      </c>
      <c r="DJ14" s="102">
        <v>4</v>
      </c>
      <c r="DK14" s="103">
        <v>9</v>
      </c>
      <c r="DL14" s="413">
        <v>0</v>
      </c>
      <c r="DM14" s="102">
        <v>1</v>
      </c>
      <c r="DN14" s="102">
        <v>0</v>
      </c>
      <c r="DO14" s="102">
        <v>0</v>
      </c>
      <c r="DP14" s="102">
        <v>1</v>
      </c>
      <c r="DQ14" s="102">
        <v>0</v>
      </c>
      <c r="DR14" s="103">
        <v>2</v>
      </c>
      <c r="DS14" s="104">
        <v>11</v>
      </c>
      <c r="DT14" s="101">
        <v>7</v>
      </c>
      <c r="DU14" s="102">
        <v>4</v>
      </c>
      <c r="DV14" s="103">
        <v>11</v>
      </c>
      <c r="DW14" s="413">
        <v>0</v>
      </c>
      <c r="DX14" s="102">
        <v>3</v>
      </c>
      <c r="DY14" s="102">
        <v>5</v>
      </c>
      <c r="DZ14" s="102">
        <v>1</v>
      </c>
      <c r="EA14" s="102">
        <v>1</v>
      </c>
      <c r="EB14" s="102">
        <v>0</v>
      </c>
      <c r="EC14" s="103">
        <v>10</v>
      </c>
      <c r="ED14" s="104">
        <v>21</v>
      </c>
      <c r="EE14" s="101">
        <v>20</v>
      </c>
      <c r="EF14" s="102">
        <v>16</v>
      </c>
      <c r="EG14" s="103">
        <v>36</v>
      </c>
      <c r="EH14" s="413">
        <v>0</v>
      </c>
      <c r="EI14" s="102">
        <v>15</v>
      </c>
      <c r="EJ14" s="102">
        <v>2</v>
      </c>
      <c r="EK14" s="102">
        <v>4</v>
      </c>
      <c r="EL14" s="102">
        <v>1</v>
      </c>
      <c r="EM14" s="102">
        <v>3</v>
      </c>
      <c r="EN14" s="103">
        <v>25</v>
      </c>
      <c r="EO14" s="104">
        <v>61</v>
      </c>
      <c r="EP14" s="101">
        <v>31</v>
      </c>
      <c r="EQ14" s="102">
        <v>16</v>
      </c>
      <c r="ER14" s="103">
        <v>47</v>
      </c>
      <c r="ES14" s="413">
        <v>0</v>
      </c>
      <c r="ET14" s="102">
        <v>24</v>
      </c>
      <c r="EU14" s="102">
        <v>10</v>
      </c>
      <c r="EV14" s="102">
        <v>6</v>
      </c>
      <c r="EW14" s="102">
        <v>9</v>
      </c>
      <c r="EX14" s="102">
        <v>5</v>
      </c>
      <c r="EY14" s="103">
        <v>54</v>
      </c>
      <c r="EZ14" s="104">
        <v>101</v>
      </c>
      <c r="FA14" s="101">
        <v>34</v>
      </c>
      <c r="FB14" s="102">
        <v>24</v>
      </c>
      <c r="FC14" s="103">
        <v>58</v>
      </c>
      <c r="FD14" s="413">
        <v>0</v>
      </c>
      <c r="FE14" s="102">
        <v>32</v>
      </c>
      <c r="FF14" s="102">
        <v>16</v>
      </c>
      <c r="FG14" s="102">
        <v>13</v>
      </c>
      <c r="FH14" s="102">
        <v>11</v>
      </c>
      <c r="FI14" s="102">
        <v>11</v>
      </c>
      <c r="FJ14" s="103">
        <v>83</v>
      </c>
      <c r="FK14" s="104">
        <v>141</v>
      </c>
      <c r="FL14" s="101">
        <v>23</v>
      </c>
      <c r="FM14" s="102">
        <v>16</v>
      </c>
      <c r="FN14" s="103">
        <v>39</v>
      </c>
      <c r="FO14" s="413">
        <v>0</v>
      </c>
      <c r="FP14" s="102">
        <v>46</v>
      </c>
      <c r="FQ14" s="102">
        <v>22</v>
      </c>
      <c r="FR14" s="102">
        <v>22</v>
      </c>
      <c r="FS14" s="102">
        <v>31</v>
      </c>
      <c r="FT14" s="102">
        <v>15</v>
      </c>
      <c r="FU14" s="103">
        <v>136</v>
      </c>
      <c r="FV14" s="104">
        <v>175</v>
      </c>
      <c r="FW14" s="101">
        <v>0</v>
      </c>
      <c r="FX14" s="102">
        <v>0</v>
      </c>
      <c r="FY14" s="103">
        <v>0</v>
      </c>
      <c r="FZ14" s="413">
        <v>0</v>
      </c>
      <c r="GA14" s="102">
        <v>0</v>
      </c>
      <c r="GB14" s="102">
        <v>0</v>
      </c>
      <c r="GC14" s="102">
        <v>0</v>
      </c>
      <c r="GD14" s="102">
        <v>0</v>
      </c>
      <c r="GE14" s="102">
        <v>0</v>
      </c>
      <c r="GF14" s="103">
        <v>0</v>
      </c>
      <c r="GG14" s="104">
        <v>0</v>
      </c>
      <c r="GH14" s="101">
        <v>120</v>
      </c>
      <c r="GI14" s="102">
        <v>80</v>
      </c>
      <c r="GJ14" s="103">
        <v>200</v>
      </c>
      <c r="GK14" s="413">
        <v>0</v>
      </c>
      <c r="GL14" s="102">
        <v>121</v>
      </c>
      <c r="GM14" s="102">
        <v>55</v>
      </c>
      <c r="GN14" s="102">
        <v>46</v>
      </c>
      <c r="GO14" s="102">
        <v>54</v>
      </c>
      <c r="GP14" s="102">
        <v>34</v>
      </c>
      <c r="GQ14" s="103">
        <v>310</v>
      </c>
      <c r="GR14" s="104">
        <v>510</v>
      </c>
      <c r="GS14" s="105">
        <v>423</v>
      </c>
      <c r="GT14" s="97">
        <v>274</v>
      </c>
      <c r="GU14" s="98">
        <v>697</v>
      </c>
      <c r="GV14" s="413">
        <v>0</v>
      </c>
      <c r="GW14" s="97">
        <v>435</v>
      </c>
      <c r="GX14" s="97">
        <v>204</v>
      </c>
      <c r="GY14" s="97">
        <v>155</v>
      </c>
      <c r="GZ14" s="97">
        <v>147</v>
      </c>
      <c r="HA14" s="97">
        <v>106</v>
      </c>
      <c r="HB14" s="99">
        <v>1047</v>
      </c>
      <c r="HC14" s="100">
        <v>1744</v>
      </c>
      <c r="HD14" s="101">
        <v>20</v>
      </c>
      <c r="HE14" s="102">
        <v>11</v>
      </c>
      <c r="HF14" s="103">
        <v>31</v>
      </c>
      <c r="HG14" s="413">
        <v>0</v>
      </c>
      <c r="HH14" s="102">
        <v>9</v>
      </c>
      <c r="HI14" s="102">
        <v>9</v>
      </c>
      <c r="HJ14" s="102">
        <v>3</v>
      </c>
      <c r="HK14" s="102">
        <v>2</v>
      </c>
      <c r="HL14" s="102">
        <v>4</v>
      </c>
      <c r="HM14" s="103">
        <v>27</v>
      </c>
      <c r="HN14" s="104">
        <v>58</v>
      </c>
      <c r="HO14" s="101">
        <v>20</v>
      </c>
      <c r="HP14" s="102">
        <v>15</v>
      </c>
      <c r="HQ14" s="103">
        <v>35</v>
      </c>
      <c r="HR14" s="413">
        <v>0</v>
      </c>
      <c r="HS14" s="102">
        <v>23</v>
      </c>
      <c r="HT14" s="102">
        <v>20</v>
      </c>
      <c r="HU14" s="102">
        <v>8</v>
      </c>
      <c r="HV14" s="102">
        <v>12</v>
      </c>
      <c r="HW14" s="102">
        <v>7</v>
      </c>
      <c r="HX14" s="103">
        <v>70</v>
      </c>
      <c r="HY14" s="104">
        <v>105</v>
      </c>
      <c r="HZ14" s="101">
        <v>40</v>
      </c>
      <c r="IA14" s="102">
        <v>43</v>
      </c>
      <c r="IB14" s="103">
        <v>83</v>
      </c>
      <c r="IC14" s="413">
        <v>0</v>
      </c>
      <c r="ID14" s="102">
        <v>56</v>
      </c>
      <c r="IE14" s="102">
        <v>21</v>
      </c>
      <c r="IF14" s="102">
        <v>15</v>
      </c>
      <c r="IG14" s="102">
        <v>9</v>
      </c>
      <c r="IH14" s="102">
        <v>17</v>
      </c>
      <c r="II14" s="103">
        <v>118</v>
      </c>
      <c r="IJ14" s="104">
        <v>201</v>
      </c>
      <c r="IK14" s="101">
        <v>93</v>
      </c>
      <c r="IL14" s="102">
        <v>56</v>
      </c>
      <c r="IM14" s="103">
        <v>149</v>
      </c>
      <c r="IN14" s="413">
        <v>0</v>
      </c>
      <c r="IO14" s="102">
        <v>108</v>
      </c>
      <c r="IP14" s="102">
        <v>31</v>
      </c>
      <c r="IQ14" s="102">
        <v>23</v>
      </c>
      <c r="IR14" s="102">
        <v>30</v>
      </c>
      <c r="IS14" s="102">
        <v>24</v>
      </c>
      <c r="IT14" s="103">
        <v>216</v>
      </c>
      <c r="IU14" s="104">
        <v>365</v>
      </c>
      <c r="IV14" s="101">
        <v>140</v>
      </c>
      <c r="IW14" s="102">
        <v>73</v>
      </c>
      <c r="IX14" s="103">
        <v>213</v>
      </c>
      <c r="IY14" s="413">
        <v>0</v>
      </c>
      <c r="IZ14" s="102">
        <v>104</v>
      </c>
      <c r="JA14" s="102">
        <v>57</v>
      </c>
      <c r="JB14" s="102">
        <v>49</v>
      </c>
      <c r="JC14" s="102">
        <v>26</v>
      </c>
      <c r="JD14" s="102">
        <v>25</v>
      </c>
      <c r="JE14" s="103">
        <v>261</v>
      </c>
      <c r="JF14" s="104">
        <v>474</v>
      </c>
      <c r="JG14" s="101">
        <v>110</v>
      </c>
      <c r="JH14" s="102">
        <v>76</v>
      </c>
      <c r="JI14" s="103">
        <v>186</v>
      </c>
      <c r="JJ14" s="413">
        <v>0</v>
      </c>
      <c r="JK14" s="102">
        <v>135</v>
      </c>
      <c r="JL14" s="102">
        <v>66</v>
      </c>
      <c r="JM14" s="102">
        <v>57</v>
      </c>
      <c r="JN14" s="102">
        <v>68</v>
      </c>
      <c r="JO14" s="102">
        <v>29</v>
      </c>
      <c r="JP14" s="103">
        <v>355</v>
      </c>
      <c r="JQ14" s="104">
        <v>541</v>
      </c>
      <c r="JR14" s="101">
        <v>0</v>
      </c>
      <c r="JS14" s="102">
        <v>0</v>
      </c>
      <c r="JT14" s="103">
        <v>0</v>
      </c>
      <c r="JU14" s="413">
        <v>0</v>
      </c>
      <c r="JV14" s="102">
        <v>0</v>
      </c>
      <c r="JW14" s="102">
        <v>0</v>
      </c>
      <c r="JX14" s="102">
        <v>0</v>
      </c>
      <c r="JY14" s="102">
        <v>0</v>
      </c>
      <c r="JZ14" s="102">
        <v>0</v>
      </c>
      <c r="KA14" s="103">
        <v>0</v>
      </c>
      <c r="KB14" s="104">
        <v>0</v>
      </c>
      <c r="KC14" s="101">
        <v>423</v>
      </c>
      <c r="KD14" s="102">
        <v>274</v>
      </c>
      <c r="KE14" s="103">
        <v>697</v>
      </c>
      <c r="KF14" s="413">
        <v>0</v>
      </c>
      <c r="KG14" s="102">
        <v>435</v>
      </c>
      <c r="KH14" s="102">
        <v>204</v>
      </c>
      <c r="KI14" s="102">
        <v>155</v>
      </c>
      <c r="KJ14" s="102">
        <v>147</v>
      </c>
      <c r="KK14" s="102">
        <v>106</v>
      </c>
      <c r="KL14" s="103">
        <v>1047</v>
      </c>
      <c r="KM14" s="104">
        <v>1744</v>
      </c>
    </row>
    <row r="15" spans="2:299" s="70" customFormat="1" ht="21" customHeight="1" x14ac:dyDescent="0.2">
      <c r="B15" s="106" t="s">
        <v>11</v>
      </c>
      <c r="C15" s="96">
        <v>54</v>
      </c>
      <c r="D15" s="97">
        <v>40</v>
      </c>
      <c r="E15" s="98">
        <v>94</v>
      </c>
      <c r="F15" s="413">
        <v>0</v>
      </c>
      <c r="G15" s="97">
        <v>96</v>
      </c>
      <c r="H15" s="97">
        <v>68</v>
      </c>
      <c r="I15" s="97">
        <v>42</v>
      </c>
      <c r="J15" s="97">
        <v>26</v>
      </c>
      <c r="K15" s="97">
        <v>32</v>
      </c>
      <c r="L15" s="99">
        <v>264</v>
      </c>
      <c r="M15" s="100">
        <v>358</v>
      </c>
      <c r="N15" s="101">
        <v>1</v>
      </c>
      <c r="O15" s="102">
        <v>0</v>
      </c>
      <c r="P15" s="103">
        <v>1</v>
      </c>
      <c r="Q15" s="413">
        <v>0</v>
      </c>
      <c r="R15" s="102">
        <v>2</v>
      </c>
      <c r="S15" s="102">
        <v>5</v>
      </c>
      <c r="T15" s="102">
        <v>2</v>
      </c>
      <c r="U15" s="102">
        <v>0</v>
      </c>
      <c r="V15" s="102">
        <v>0</v>
      </c>
      <c r="W15" s="103">
        <v>9</v>
      </c>
      <c r="X15" s="104">
        <v>10</v>
      </c>
      <c r="Y15" s="101">
        <v>3</v>
      </c>
      <c r="Z15" s="102">
        <v>6</v>
      </c>
      <c r="AA15" s="103">
        <v>9</v>
      </c>
      <c r="AB15" s="413">
        <v>0</v>
      </c>
      <c r="AC15" s="102">
        <v>9</v>
      </c>
      <c r="AD15" s="102">
        <v>4</v>
      </c>
      <c r="AE15" s="102">
        <v>2</v>
      </c>
      <c r="AF15" s="102">
        <v>2</v>
      </c>
      <c r="AG15" s="102">
        <v>2</v>
      </c>
      <c r="AH15" s="103">
        <v>19</v>
      </c>
      <c r="AI15" s="104">
        <v>28</v>
      </c>
      <c r="AJ15" s="101">
        <v>6</v>
      </c>
      <c r="AK15" s="102">
        <v>1</v>
      </c>
      <c r="AL15" s="103">
        <v>7</v>
      </c>
      <c r="AM15" s="413">
        <v>0</v>
      </c>
      <c r="AN15" s="102">
        <v>18</v>
      </c>
      <c r="AO15" s="102">
        <v>8</v>
      </c>
      <c r="AP15" s="102">
        <v>6</v>
      </c>
      <c r="AQ15" s="102">
        <v>1</v>
      </c>
      <c r="AR15" s="102">
        <v>3</v>
      </c>
      <c r="AS15" s="103">
        <v>36</v>
      </c>
      <c r="AT15" s="104">
        <v>43</v>
      </c>
      <c r="AU15" s="101">
        <v>11</v>
      </c>
      <c r="AV15" s="102">
        <v>10</v>
      </c>
      <c r="AW15" s="103">
        <v>21</v>
      </c>
      <c r="AX15" s="413">
        <v>0</v>
      </c>
      <c r="AY15" s="102">
        <v>23</v>
      </c>
      <c r="AZ15" s="102">
        <v>12</v>
      </c>
      <c r="BA15" s="102">
        <v>9</v>
      </c>
      <c r="BB15" s="102">
        <v>8</v>
      </c>
      <c r="BC15" s="102">
        <v>15</v>
      </c>
      <c r="BD15" s="103">
        <v>67</v>
      </c>
      <c r="BE15" s="104">
        <v>88</v>
      </c>
      <c r="BF15" s="101">
        <v>22</v>
      </c>
      <c r="BG15" s="102">
        <v>15</v>
      </c>
      <c r="BH15" s="103">
        <v>37</v>
      </c>
      <c r="BI15" s="413">
        <v>0</v>
      </c>
      <c r="BJ15" s="102">
        <v>17</v>
      </c>
      <c r="BK15" s="102">
        <v>18</v>
      </c>
      <c r="BL15" s="102">
        <v>12</v>
      </c>
      <c r="BM15" s="102">
        <v>11</v>
      </c>
      <c r="BN15" s="102">
        <v>4</v>
      </c>
      <c r="BO15" s="103">
        <v>62</v>
      </c>
      <c r="BP15" s="104">
        <v>99</v>
      </c>
      <c r="BQ15" s="101">
        <v>11</v>
      </c>
      <c r="BR15" s="102">
        <v>8</v>
      </c>
      <c r="BS15" s="103">
        <v>19</v>
      </c>
      <c r="BT15" s="413">
        <v>0</v>
      </c>
      <c r="BU15" s="102">
        <v>27</v>
      </c>
      <c r="BV15" s="102">
        <v>21</v>
      </c>
      <c r="BW15" s="102">
        <v>11</v>
      </c>
      <c r="BX15" s="102">
        <v>4</v>
      </c>
      <c r="BY15" s="102">
        <v>8</v>
      </c>
      <c r="BZ15" s="103">
        <v>71</v>
      </c>
      <c r="CA15" s="104">
        <v>90</v>
      </c>
      <c r="CB15" s="101">
        <v>0</v>
      </c>
      <c r="CC15" s="102">
        <v>0</v>
      </c>
      <c r="CD15" s="103">
        <v>0</v>
      </c>
      <c r="CE15" s="413">
        <v>0</v>
      </c>
      <c r="CF15" s="102">
        <v>0</v>
      </c>
      <c r="CG15" s="102">
        <v>0</v>
      </c>
      <c r="CH15" s="102">
        <v>0</v>
      </c>
      <c r="CI15" s="102">
        <v>0</v>
      </c>
      <c r="CJ15" s="102">
        <v>0</v>
      </c>
      <c r="CK15" s="103">
        <v>0</v>
      </c>
      <c r="CL15" s="104">
        <v>0</v>
      </c>
      <c r="CM15" s="101">
        <v>54</v>
      </c>
      <c r="CN15" s="102">
        <v>40</v>
      </c>
      <c r="CO15" s="103">
        <v>94</v>
      </c>
      <c r="CP15" s="413">
        <v>0</v>
      </c>
      <c r="CQ15" s="102">
        <v>96</v>
      </c>
      <c r="CR15" s="102">
        <v>68</v>
      </c>
      <c r="CS15" s="102">
        <v>42</v>
      </c>
      <c r="CT15" s="102">
        <v>26</v>
      </c>
      <c r="CU15" s="102">
        <v>32</v>
      </c>
      <c r="CV15" s="103">
        <v>264</v>
      </c>
      <c r="CW15" s="104">
        <v>358</v>
      </c>
      <c r="CX15" s="105">
        <v>29</v>
      </c>
      <c r="CY15" s="97">
        <v>28</v>
      </c>
      <c r="CZ15" s="98">
        <v>57</v>
      </c>
      <c r="DA15" s="413">
        <v>0</v>
      </c>
      <c r="DB15" s="97">
        <v>40</v>
      </c>
      <c r="DC15" s="97">
        <v>32</v>
      </c>
      <c r="DD15" s="97">
        <v>19</v>
      </c>
      <c r="DE15" s="97">
        <v>29</v>
      </c>
      <c r="DF15" s="97">
        <v>13</v>
      </c>
      <c r="DG15" s="99">
        <v>133</v>
      </c>
      <c r="DH15" s="100">
        <v>190</v>
      </c>
      <c r="DI15" s="101">
        <v>0</v>
      </c>
      <c r="DJ15" s="102">
        <v>1</v>
      </c>
      <c r="DK15" s="103">
        <v>1</v>
      </c>
      <c r="DL15" s="413">
        <v>0</v>
      </c>
      <c r="DM15" s="102">
        <v>2</v>
      </c>
      <c r="DN15" s="102">
        <v>1</v>
      </c>
      <c r="DO15" s="102">
        <v>1</v>
      </c>
      <c r="DP15" s="102">
        <v>0</v>
      </c>
      <c r="DQ15" s="102">
        <v>0</v>
      </c>
      <c r="DR15" s="103">
        <v>4</v>
      </c>
      <c r="DS15" s="104">
        <v>5</v>
      </c>
      <c r="DT15" s="101">
        <v>1</v>
      </c>
      <c r="DU15" s="102">
        <v>1</v>
      </c>
      <c r="DV15" s="103">
        <v>2</v>
      </c>
      <c r="DW15" s="413">
        <v>0</v>
      </c>
      <c r="DX15" s="102">
        <v>2</v>
      </c>
      <c r="DY15" s="102">
        <v>2</v>
      </c>
      <c r="DZ15" s="102">
        <v>1</v>
      </c>
      <c r="EA15" s="102">
        <v>1</v>
      </c>
      <c r="EB15" s="102">
        <v>1</v>
      </c>
      <c r="EC15" s="103">
        <v>7</v>
      </c>
      <c r="ED15" s="104">
        <v>9</v>
      </c>
      <c r="EE15" s="101">
        <v>7</v>
      </c>
      <c r="EF15" s="102">
        <v>1</v>
      </c>
      <c r="EG15" s="103">
        <v>8</v>
      </c>
      <c r="EH15" s="413">
        <v>0</v>
      </c>
      <c r="EI15" s="102">
        <v>4</v>
      </c>
      <c r="EJ15" s="102">
        <v>3</v>
      </c>
      <c r="EK15" s="102">
        <v>0</v>
      </c>
      <c r="EL15" s="102">
        <v>2</v>
      </c>
      <c r="EM15" s="102">
        <v>1</v>
      </c>
      <c r="EN15" s="103">
        <v>10</v>
      </c>
      <c r="EO15" s="104">
        <v>18</v>
      </c>
      <c r="EP15" s="101">
        <v>6</v>
      </c>
      <c r="EQ15" s="102">
        <v>8</v>
      </c>
      <c r="ER15" s="103">
        <v>14</v>
      </c>
      <c r="ES15" s="413">
        <v>0</v>
      </c>
      <c r="ET15" s="102">
        <v>6</v>
      </c>
      <c r="EU15" s="102">
        <v>4</v>
      </c>
      <c r="EV15" s="102">
        <v>1</v>
      </c>
      <c r="EW15" s="102">
        <v>3</v>
      </c>
      <c r="EX15" s="102">
        <v>3</v>
      </c>
      <c r="EY15" s="103">
        <v>17</v>
      </c>
      <c r="EZ15" s="104">
        <v>31</v>
      </c>
      <c r="FA15" s="101">
        <v>13</v>
      </c>
      <c r="FB15" s="102">
        <v>9</v>
      </c>
      <c r="FC15" s="103">
        <v>22</v>
      </c>
      <c r="FD15" s="413">
        <v>0</v>
      </c>
      <c r="FE15" s="102">
        <v>12</v>
      </c>
      <c r="FF15" s="102">
        <v>7</v>
      </c>
      <c r="FG15" s="102">
        <v>4</v>
      </c>
      <c r="FH15" s="102">
        <v>1</v>
      </c>
      <c r="FI15" s="102">
        <v>3</v>
      </c>
      <c r="FJ15" s="103">
        <v>27</v>
      </c>
      <c r="FK15" s="104">
        <v>49</v>
      </c>
      <c r="FL15" s="101">
        <v>2</v>
      </c>
      <c r="FM15" s="102">
        <v>8</v>
      </c>
      <c r="FN15" s="103">
        <v>10</v>
      </c>
      <c r="FO15" s="413">
        <v>0</v>
      </c>
      <c r="FP15" s="102">
        <v>14</v>
      </c>
      <c r="FQ15" s="102">
        <v>15</v>
      </c>
      <c r="FR15" s="102">
        <v>12</v>
      </c>
      <c r="FS15" s="102">
        <v>22</v>
      </c>
      <c r="FT15" s="102">
        <v>5</v>
      </c>
      <c r="FU15" s="103">
        <v>68</v>
      </c>
      <c r="FV15" s="104">
        <v>78</v>
      </c>
      <c r="FW15" s="101">
        <v>0</v>
      </c>
      <c r="FX15" s="102">
        <v>0</v>
      </c>
      <c r="FY15" s="103">
        <v>0</v>
      </c>
      <c r="FZ15" s="413">
        <v>0</v>
      </c>
      <c r="GA15" s="102">
        <v>0</v>
      </c>
      <c r="GB15" s="102">
        <v>0</v>
      </c>
      <c r="GC15" s="102">
        <v>0</v>
      </c>
      <c r="GD15" s="102">
        <v>0</v>
      </c>
      <c r="GE15" s="102">
        <v>0</v>
      </c>
      <c r="GF15" s="103">
        <v>0</v>
      </c>
      <c r="GG15" s="104">
        <v>0</v>
      </c>
      <c r="GH15" s="101">
        <v>29</v>
      </c>
      <c r="GI15" s="102">
        <v>28</v>
      </c>
      <c r="GJ15" s="103">
        <v>57</v>
      </c>
      <c r="GK15" s="413">
        <v>0</v>
      </c>
      <c r="GL15" s="102">
        <v>40</v>
      </c>
      <c r="GM15" s="102">
        <v>32</v>
      </c>
      <c r="GN15" s="102">
        <v>19</v>
      </c>
      <c r="GO15" s="102">
        <v>29</v>
      </c>
      <c r="GP15" s="102">
        <v>13</v>
      </c>
      <c r="GQ15" s="103">
        <v>133</v>
      </c>
      <c r="GR15" s="104">
        <v>190</v>
      </c>
      <c r="GS15" s="105">
        <v>83</v>
      </c>
      <c r="GT15" s="97">
        <v>68</v>
      </c>
      <c r="GU15" s="98">
        <v>151</v>
      </c>
      <c r="GV15" s="413">
        <v>0</v>
      </c>
      <c r="GW15" s="97">
        <v>136</v>
      </c>
      <c r="GX15" s="97">
        <v>100</v>
      </c>
      <c r="GY15" s="97">
        <v>61</v>
      </c>
      <c r="GZ15" s="97">
        <v>55</v>
      </c>
      <c r="HA15" s="97">
        <v>45</v>
      </c>
      <c r="HB15" s="99">
        <v>397</v>
      </c>
      <c r="HC15" s="100">
        <v>548</v>
      </c>
      <c r="HD15" s="101">
        <v>1</v>
      </c>
      <c r="HE15" s="102">
        <v>1</v>
      </c>
      <c r="HF15" s="103">
        <v>2</v>
      </c>
      <c r="HG15" s="413">
        <v>0</v>
      </c>
      <c r="HH15" s="102">
        <v>4</v>
      </c>
      <c r="HI15" s="102">
        <v>6</v>
      </c>
      <c r="HJ15" s="102">
        <v>3</v>
      </c>
      <c r="HK15" s="102">
        <v>0</v>
      </c>
      <c r="HL15" s="102">
        <v>0</v>
      </c>
      <c r="HM15" s="103">
        <v>13</v>
      </c>
      <c r="HN15" s="104">
        <v>15</v>
      </c>
      <c r="HO15" s="101">
        <v>4</v>
      </c>
      <c r="HP15" s="102">
        <v>7</v>
      </c>
      <c r="HQ15" s="103">
        <v>11</v>
      </c>
      <c r="HR15" s="413">
        <v>0</v>
      </c>
      <c r="HS15" s="102">
        <v>11</v>
      </c>
      <c r="HT15" s="102">
        <v>6</v>
      </c>
      <c r="HU15" s="102">
        <v>3</v>
      </c>
      <c r="HV15" s="102">
        <v>3</v>
      </c>
      <c r="HW15" s="102">
        <v>3</v>
      </c>
      <c r="HX15" s="103">
        <v>26</v>
      </c>
      <c r="HY15" s="104">
        <v>37</v>
      </c>
      <c r="HZ15" s="101">
        <v>13</v>
      </c>
      <c r="IA15" s="102">
        <v>2</v>
      </c>
      <c r="IB15" s="103">
        <v>15</v>
      </c>
      <c r="IC15" s="413">
        <v>0</v>
      </c>
      <c r="ID15" s="102">
        <v>22</v>
      </c>
      <c r="IE15" s="102">
        <v>11</v>
      </c>
      <c r="IF15" s="102">
        <v>6</v>
      </c>
      <c r="IG15" s="102">
        <v>3</v>
      </c>
      <c r="IH15" s="102">
        <v>4</v>
      </c>
      <c r="II15" s="103">
        <v>46</v>
      </c>
      <c r="IJ15" s="104">
        <v>61</v>
      </c>
      <c r="IK15" s="101">
        <v>17</v>
      </c>
      <c r="IL15" s="102">
        <v>18</v>
      </c>
      <c r="IM15" s="103">
        <v>35</v>
      </c>
      <c r="IN15" s="413">
        <v>0</v>
      </c>
      <c r="IO15" s="102">
        <v>29</v>
      </c>
      <c r="IP15" s="102">
        <v>16</v>
      </c>
      <c r="IQ15" s="102">
        <v>10</v>
      </c>
      <c r="IR15" s="102">
        <v>11</v>
      </c>
      <c r="IS15" s="102">
        <v>18</v>
      </c>
      <c r="IT15" s="103">
        <v>84</v>
      </c>
      <c r="IU15" s="104">
        <v>119</v>
      </c>
      <c r="IV15" s="101">
        <v>35</v>
      </c>
      <c r="IW15" s="102">
        <v>24</v>
      </c>
      <c r="IX15" s="103">
        <v>59</v>
      </c>
      <c r="IY15" s="413">
        <v>0</v>
      </c>
      <c r="IZ15" s="102">
        <v>29</v>
      </c>
      <c r="JA15" s="102">
        <v>25</v>
      </c>
      <c r="JB15" s="102">
        <v>16</v>
      </c>
      <c r="JC15" s="102">
        <v>12</v>
      </c>
      <c r="JD15" s="102">
        <v>7</v>
      </c>
      <c r="JE15" s="103">
        <v>89</v>
      </c>
      <c r="JF15" s="104">
        <v>148</v>
      </c>
      <c r="JG15" s="101">
        <v>13</v>
      </c>
      <c r="JH15" s="102">
        <v>16</v>
      </c>
      <c r="JI15" s="103">
        <v>29</v>
      </c>
      <c r="JJ15" s="413">
        <v>0</v>
      </c>
      <c r="JK15" s="102">
        <v>41</v>
      </c>
      <c r="JL15" s="102">
        <v>36</v>
      </c>
      <c r="JM15" s="102">
        <v>23</v>
      </c>
      <c r="JN15" s="102">
        <v>26</v>
      </c>
      <c r="JO15" s="102">
        <v>13</v>
      </c>
      <c r="JP15" s="103">
        <v>139</v>
      </c>
      <c r="JQ15" s="104">
        <v>168</v>
      </c>
      <c r="JR15" s="101">
        <v>0</v>
      </c>
      <c r="JS15" s="102">
        <v>0</v>
      </c>
      <c r="JT15" s="103">
        <v>0</v>
      </c>
      <c r="JU15" s="413">
        <v>0</v>
      </c>
      <c r="JV15" s="102">
        <v>0</v>
      </c>
      <c r="JW15" s="102">
        <v>0</v>
      </c>
      <c r="JX15" s="102">
        <v>0</v>
      </c>
      <c r="JY15" s="102">
        <v>0</v>
      </c>
      <c r="JZ15" s="102">
        <v>0</v>
      </c>
      <c r="KA15" s="103">
        <v>0</v>
      </c>
      <c r="KB15" s="104">
        <v>0</v>
      </c>
      <c r="KC15" s="101">
        <v>83</v>
      </c>
      <c r="KD15" s="102">
        <v>68</v>
      </c>
      <c r="KE15" s="103">
        <v>151</v>
      </c>
      <c r="KF15" s="413">
        <v>0</v>
      </c>
      <c r="KG15" s="102">
        <v>136</v>
      </c>
      <c r="KH15" s="102">
        <v>100</v>
      </c>
      <c r="KI15" s="102">
        <v>61</v>
      </c>
      <c r="KJ15" s="102">
        <v>55</v>
      </c>
      <c r="KK15" s="102">
        <v>45</v>
      </c>
      <c r="KL15" s="103">
        <v>397</v>
      </c>
      <c r="KM15" s="104">
        <v>548</v>
      </c>
    </row>
    <row r="16" spans="2:299" s="70" customFormat="1" ht="21" customHeight="1" x14ac:dyDescent="0.2">
      <c r="B16" s="106" t="s">
        <v>12</v>
      </c>
      <c r="C16" s="96">
        <v>128</v>
      </c>
      <c r="D16" s="97">
        <v>115</v>
      </c>
      <c r="E16" s="98">
        <v>243</v>
      </c>
      <c r="F16" s="413">
        <v>0</v>
      </c>
      <c r="G16" s="97">
        <v>120</v>
      </c>
      <c r="H16" s="97">
        <v>105</v>
      </c>
      <c r="I16" s="97">
        <v>63</v>
      </c>
      <c r="J16" s="97">
        <v>74</v>
      </c>
      <c r="K16" s="97">
        <v>36</v>
      </c>
      <c r="L16" s="99">
        <v>398</v>
      </c>
      <c r="M16" s="100">
        <v>641</v>
      </c>
      <c r="N16" s="107">
        <v>3</v>
      </c>
      <c r="O16" s="102">
        <v>4</v>
      </c>
      <c r="P16" s="103">
        <v>7</v>
      </c>
      <c r="Q16" s="413">
        <v>0</v>
      </c>
      <c r="R16" s="102">
        <v>2</v>
      </c>
      <c r="S16" s="102">
        <v>2</v>
      </c>
      <c r="T16" s="102">
        <v>4</v>
      </c>
      <c r="U16" s="102">
        <v>1</v>
      </c>
      <c r="V16" s="102">
        <v>1</v>
      </c>
      <c r="W16" s="103">
        <v>10</v>
      </c>
      <c r="X16" s="104">
        <v>17</v>
      </c>
      <c r="Y16" s="101">
        <v>6</v>
      </c>
      <c r="Z16" s="102">
        <v>10</v>
      </c>
      <c r="AA16" s="103">
        <v>16</v>
      </c>
      <c r="AB16" s="413">
        <v>0</v>
      </c>
      <c r="AC16" s="102">
        <v>4</v>
      </c>
      <c r="AD16" s="102">
        <v>6</v>
      </c>
      <c r="AE16" s="102">
        <v>6</v>
      </c>
      <c r="AF16" s="102">
        <v>6</v>
      </c>
      <c r="AG16" s="102">
        <v>1</v>
      </c>
      <c r="AH16" s="103">
        <v>23</v>
      </c>
      <c r="AI16" s="104">
        <v>39</v>
      </c>
      <c r="AJ16" s="107">
        <v>13</v>
      </c>
      <c r="AK16" s="102">
        <v>11</v>
      </c>
      <c r="AL16" s="103">
        <v>24</v>
      </c>
      <c r="AM16" s="413">
        <v>0</v>
      </c>
      <c r="AN16" s="102">
        <v>15</v>
      </c>
      <c r="AO16" s="102">
        <v>14</v>
      </c>
      <c r="AP16" s="102">
        <v>7</v>
      </c>
      <c r="AQ16" s="102">
        <v>8</v>
      </c>
      <c r="AR16" s="102">
        <v>5</v>
      </c>
      <c r="AS16" s="103">
        <v>49</v>
      </c>
      <c r="AT16" s="104">
        <v>73</v>
      </c>
      <c r="AU16" s="101">
        <v>30</v>
      </c>
      <c r="AV16" s="102">
        <v>33</v>
      </c>
      <c r="AW16" s="103">
        <v>63</v>
      </c>
      <c r="AX16" s="413">
        <v>0</v>
      </c>
      <c r="AY16" s="102">
        <v>21</v>
      </c>
      <c r="AZ16" s="102">
        <v>27</v>
      </c>
      <c r="BA16" s="102">
        <v>13</v>
      </c>
      <c r="BB16" s="102">
        <v>13</v>
      </c>
      <c r="BC16" s="102">
        <v>12</v>
      </c>
      <c r="BD16" s="103">
        <v>86</v>
      </c>
      <c r="BE16" s="104">
        <v>149</v>
      </c>
      <c r="BF16" s="107">
        <v>38</v>
      </c>
      <c r="BG16" s="102">
        <v>21</v>
      </c>
      <c r="BH16" s="103">
        <v>59</v>
      </c>
      <c r="BI16" s="413">
        <v>0</v>
      </c>
      <c r="BJ16" s="102">
        <v>44</v>
      </c>
      <c r="BK16" s="102">
        <v>28</v>
      </c>
      <c r="BL16" s="102">
        <v>14</v>
      </c>
      <c r="BM16" s="102">
        <v>25</v>
      </c>
      <c r="BN16" s="102">
        <v>11</v>
      </c>
      <c r="BO16" s="103">
        <v>122</v>
      </c>
      <c r="BP16" s="104">
        <v>181</v>
      </c>
      <c r="BQ16" s="101">
        <v>38</v>
      </c>
      <c r="BR16" s="102">
        <v>36</v>
      </c>
      <c r="BS16" s="103">
        <v>74</v>
      </c>
      <c r="BT16" s="413">
        <v>0</v>
      </c>
      <c r="BU16" s="102">
        <v>34</v>
      </c>
      <c r="BV16" s="102">
        <v>28</v>
      </c>
      <c r="BW16" s="102">
        <v>19</v>
      </c>
      <c r="BX16" s="102">
        <v>21</v>
      </c>
      <c r="BY16" s="102">
        <v>6</v>
      </c>
      <c r="BZ16" s="103">
        <v>108</v>
      </c>
      <c r="CA16" s="104">
        <v>182</v>
      </c>
      <c r="CB16" s="101">
        <v>0</v>
      </c>
      <c r="CC16" s="102">
        <v>0</v>
      </c>
      <c r="CD16" s="103">
        <v>0</v>
      </c>
      <c r="CE16" s="413">
        <v>0</v>
      </c>
      <c r="CF16" s="102">
        <v>0</v>
      </c>
      <c r="CG16" s="102">
        <v>0</v>
      </c>
      <c r="CH16" s="102">
        <v>0</v>
      </c>
      <c r="CI16" s="102">
        <v>0</v>
      </c>
      <c r="CJ16" s="102">
        <v>0</v>
      </c>
      <c r="CK16" s="103">
        <v>0</v>
      </c>
      <c r="CL16" s="104">
        <v>0</v>
      </c>
      <c r="CM16" s="101">
        <v>128</v>
      </c>
      <c r="CN16" s="102">
        <v>115</v>
      </c>
      <c r="CO16" s="103">
        <v>243</v>
      </c>
      <c r="CP16" s="413">
        <v>0</v>
      </c>
      <c r="CQ16" s="102">
        <v>120</v>
      </c>
      <c r="CR16" s="102">
        <v>105</v>
      </c>
      <c r="CS16" s="102">
        <v>63</v>
      </c>
      <c r="CT16" s="102">
        <v>74</v>
      </c>
      <c r="CU16" s="102">
        <v>36</v>
      </c>
      <c r="CV16" s="103">
        <v>398</v>
      </c>
      <c r="CW16" s="104">
        <v>641</v>
      </c>
      <c r="CX16" s="105">
        <v>36</v>
      </c>
      <c r="CY16" s="97">
        <v>43</v>
      </c>
      <c r="CZ16" s="98">
        <v>79</v>
      </c>
      <c r="DA16" s="413">
        <v>0</v>
      </c>
      <c r="DB16" s="97">
        <v>34</v>
      </c>
      <c r="DC16" s="97">
        <v>36</v>
      </c>
      <c r="DD16" s="97">
        <v>21</v>
      </c>
      <c r="DE16" s="97">
        <v>34</v>
      </c>
      <c r="DF16" s="97">
        <v>16</v>
      </c>
      <c r="DG16" s="99">
        <v>141</v>
      </c>
      <c r="DH16" s="100">
        <v>220</v>
      </c>
      <c r="DI16" s="107">
        <v>1</v>
      </c>
      <c r="DJ16" s="102">
        <v>1</v>
      </c>
      <c r="DK16" s="103">
        <v>2</v>
      </c>
      <c r="DL16" s="413">
        <v>0</v>
      </c>
      <c r="DM16" s="102">
        <v>0</v>
      </c>
      <c r="DN16" s="102">
        <v>0</v>
      </c>
      <c r="DO16" s="102">
        <v>1</v>
      </c>
      <c r="DP16" s="102">
        <v>0</v>
      </c>
      <c r="DQ16" s="102">
        <v>0</v>
      </c>
      <c r="DR16" s="103">
        <v>1</v>
      </c>
      <c r="DS16" s="104">
        <v>3</v>
      </c>
      <c r="DT16" s="101">
        <v>2</v>
      </c>
      <c r="DU16" s="102">
        <v>1</v>
      </c>
      <c r="DV16" s="103">
        <v>3</v>
      </c>
      <c r="DW16" s="413">
        <v>0</v>
      </c>
      <c r="DX16" s="102">
        <v>1</v>
      </c>
      <c r="DY16" s="102">
        <v>1</v>
      </c>
      <c r="DZ16" s="102">
        <v>1</v>
      </c>
      <c r="EA16" s="102">
        <v>0</v>
      </c>
      <c r="EB16" s="102">
        <v>0</v>
      </c>
      <c r="EC16" s="103">
        <v>3</v>
      </c>
      <c r="ED16" s="104">
        <v>6</v>
      </c>
      <c r="EE16" s="107">
        <v>9</v>
      </c>
      <c r="EF16" s="102">
        <v>6</v>
      </c>
      <c r="EG16" s="103">
        <v>15</v>
      </c>
      <c r="EH16" s="413">
        <v>0</v>
      </c>
      <c r="EI16" s="102">
        <v>6</v>
      </c>
      <c r="EJ16" s="102">
        <v>5</v>
      </c>
      <c r="EK16" s="102">
        <v>0</v>
      </c>
      <c r="EL16" s="102">
        <v>1</v>
      </c>
      <c r="EM16" s="102">
        <v>1</v>
      </c>
      <c r="EN16" s="103">
        <v>13</v>
      </c>
      <c r="EO16" s="104">
        <v>28</v>
      </c>
      <c r="EP16" s="101">
        <v>9</v>
      </c>
      <c r="EQ16" s="102">
        <v>13</v>
      </c>
      <c r="ER16" s="103">
        <v>22</v>
      </c>
      <c r="ES16" s="413">
        <v>0</v>
      </c>
      <c r="ET16" s="102">
        <v>6</v>
      </c>
      <c r="EU16" s="102">
        <v>8</v>
      </c>
      <c r="EV16" s="102">
        <v>3</v>
      </c>
      <c r="EW16" s="102">
        <v>7</v>
      </c>
      <c r="EX16" s="102">
        <v>1</v>
      </c>
      <c r="EY16" s="103">
        <v>25</v>
      </c>
      <c r="EZ16" s="104">
        <v>47</v>
      </c>
      <c r="FA16" s="107">
        <v>11</v>
      </c>
      <c r="FB16" s="102">
        <v>7</v>
      </c>
      <c r="FC16" s="103">
        <v>18</v>
      </c>
      <c r="FD16" s="413">
        <v>0</v>
      </c>
      <c r="FE16" s="102">
        <v>12</v>
      </c>
      <c r="FF16" s="102">
        <v>8</v>
      </c>
      <c r="FG16" s="102">
        <v>7</v>
      </c>
      <c r="FH16" s="102">
        <v>11</v>
      </c>
      <c r="FI16" s="102">
        <v>7</v>
      </c>
      <c r="FJ16" s="103">
        <v>45</v>
      </c>
      <c r="FK16" s="104">
        <v>63</v>
      </c>
      <c r="FL16" s="101">
        <v>4</v>
      </c>
      <c r="FM16" s="102">
        <v>15</v>
      </c>
      <c r="FN16" s="103">
        <v>19</v>
      </c>
      <c r="FO16" s="413">
        <v>0</v>
      </c>
      <c r="FP16" s="102">
        <v>9</v>
      </c>
      <c r="FQ16" s="102">
        <v>14</v>
      </c>
      <c r="FR16" s="102">
        <v>9</v>
      </c>
      <c r="FS16" s="102">
        <v>15</v>
      </c>
      <c r="FT16" s="102">
        <v>7</v>
      </c>
      <c r="FU16" s="103">
        <v>54</v>
      </c>
      <c r="FV16" s="104">
        <v>73</v>
      </c>
      <c r="FW16" s="101">
        <v>0</v>
      </c>
      <c r="FX16" s="102">
        <v>0</v>
      </c>
      <c r="FY16" s="103">
        <v>0</v>
      </c>
      <c r="FZ16" s="413">
        <v>0</v>
      </c>
      <c r="GA16" s="102">
        <v>0</v>
      </c>
      <c r="GB16" s="102">
        <v>0</v>
      </c>
      <c r="GC16" s="102">
        <v>0</v>
      </c>
      <c r="GD16" s="102">
        <v>0</v>
      </c>
      <c r="GE16" s="102">
        <v>0</v>
      </c>
      <c r="GF16" s="103">
        <v>0</v>
      </c>
      <c r="GG16" s="104">
        <v>0</v>
      </c>
      <c r="GH16" s="101">
        <v>36</v>
      </c>
      <c r="GI16" s="102">
        <v>43</v>
      </c>
      <c r="GJ16" s="103">
        <v>79</v>
      </c>
      <c r="GK16" s="413">
        <v>0</v>
      </c>
      <c r="GL16" s="102">
        <v>34</v>
      </c>
      <c r="GM16" s="102">
        <v>36</v>
      </c>
      <c r="GN16" s="102">
        <v>21</v>
      </c>
      <c r="GO16" s="102">
        <v>34</v>
      </c>
      <c r="GP16" s="102">
        <v>16</v>
      </c>
      <c r="GQ16" s="103">
        <v>141</v>
      </c>
      <c r="GR16" s="104">
        <v>220</v>
      </c>
      <c r="GS16" s="105">
        <v>164</v>
      </c>
      <c r="GT16" s="97">
        <v>158</v>
      </c>
      <c r="GU16" s="98">
        <v>322</v>
      </c>
      <c r="GV16" s="413">
        <v>0</v>
      </c>
      <c r="GW16" s="97">
        <v>154</v>
      </c>
      <c r="GX16" s="97">
        <v>141</v>
      </c>
      <c r="GY16" s="97">
        <v>84</v>
      </c>
      <c r="GZ16" s="97">
        <v>108</v>
      </c>
      <c r="HA16" s="97">
        <v>52</v>
      </c>
      <c r="HB16" s="99">
        <v>539</v>
      </c>
      <c r="HC16" s="100">
        <v>861</v>
      </c>
      <c r="HD16" s="107">
        <v>4</v>
      </c>
      <c r="HE16" s="102">
        <v>5</v>
      </c>
      <c r="HF16" s="103">
        <v>9</v>
      </c>
      <c r="HG16" s="413">
        <v>0</v>
      </c>
      <c r="HH16" s="102">
        <v>2</v>
      </c>
      <c r="HI16" s="102">
        <v>2</v>
      </c>
      <c r="HJ16" s="102">
        <v>5</v>
      </c>
      <c r="HK16" s="102">
        <v>1</v>
      </c>
      <c r="HL16" s="102">
        <v>1</v>
      </c>
      <c r="HM16" s="103">
        <v>11</v>
      </c>
      <c r="HN16" s="104">
        <v>20</v>
      </c>
      <c r="HO16" s="101">
        <v>8</v>
      </c>
      <c r="HP16" s="102">
        <v>11</v>
      </c>
      <c r="HQ16" s="103">
        <v>19</v>
      </c>
      <c r="HR16" s="413">
        <v>0</v>
      </c>
      <c r="HS16" s="102">
        <v>5</v>
      </c>
      <c r="HT16" s="102">
        <v>7</v>
      </c>
      <c r="HU16" s="102">
        <v>7</v>
      </c>
      <c r="HV16" s="102">
        <v>6</v>
      </c>
      <c r="HW16" s="102">
        <v>1</v>
      </c>
      <c r="HX16" s="103">
        <v>26</v>
      </c>
      <c r="HY16" s="104">
        <v>45</v>
      </c>
      <c r="HZ16" s="107">
        <v>22</v>
      </c>
      <c r="IA16" s="102">
        <v>17</v>
      </c>
      <c r="IB16" s="103">
        <v>39</v>
      </c>
      <c r="IC16" s="413">
        <v>0</v>
      </c>
      <c r="ID16" s="102">
        <v>21</v>
      </c>
      <c r="IE16" s="102">
        <v>19</v>
      </c>
      <c r="IF16" s="102">
        <v>7</v>
      </c>
      <c r="IG16" s="102">
        <v>9</v>
      </c>
      <c r="IH16" s="102">
        <v>6</v>
      </c>
      <c r="II16" s="103">
        <v>62</v>
      </c>
      <c r="IJ16" s="104">
        <v>101</v>
      </c>
      <c r="IK16" s="101">
        <v>39</v>
      </c>
      <c r="IL16" s="102">
        <v>46</v>
      </c>
      <c r="IM16" s="103">
        <v>85</v>
      </c>
      <c r="IN16" s="413">
        <v>0</v>
      </c>
      <c r="IO16" s="102">
        <v>27</v>
      </c>
      <c r="IP16" s="102">
        <v>35</v>
      </c>
      <c r="IQ16" s="102">
        <v>16</v>
      </c>
      <c r="IR16" s="102">
        <v>20</v>
      </c>
      <c r="IS16" s="102">
        <v>13</v>
      </c>
      <c r="IT16" s="103">
        <v>111</v>
      </c>
      <c r="IU16" s="104">
        <v>196</v>
      </c>
      <c r="IV16" s="107">
        <v>49</v>
      </c>
      <c r="IW16" s="102">
        <v>28</v>
      </c>
      <c r="IX16" s="103">
        <v>77</v>
      </c>
      <c r="IY16" s="413">
        <v>0</v>
      </c>
      <c r="IZ16" s="102">
        <v>56</v>
      </c>
      <c r="JA16" s="102">
        <v>36</v>
      </c>
      <c r="JB16" s="102">
        <v>21</v>
      </c>
      <c r="JC16" s="102">
        <v>36</v>
      </c>
      <c r="JD16" s="102">
        <v>18</v>
      </c>
      <c r="JE16" s="103">
        <v>167</v>
      </c>
      <c r="JF16" s="104">
        <v>244</v>
      </c>
      <c r="JG16" s="101">
        <v>42</v>
      </c>
      <c r="JH16" s="102">
        <v>51</v>
      </c>
      <c r="JI16" s="103">
        <v>93</v>
      </c>
      <c r="JJ16" s="413">
        <v>0</v>
      </c>
      <c r="JK16" s="102">
        <v>43</v>
      </c>
      <c r="JL16" s="102">
        <v>42</v>
      </c>
      <c r="JM16" s="102">
        <v>28</v>
      </c>
      <c r="JN16" s="102">
        <v>36</v>
      </c>
      <c r="JO16" s="102">
        <v>13</v>
      </c>
      <c r="JP16" s="103">
        <v>162</v>
      </c>
      <c r="JQ16" s="104">
        <v>255</v>
      </c>
      <c r="JR16" s="101">
        <v>0</v>
      </c>
      <c r="JS16" s="102">
        <v>0</v>
      </c>
      <c r="JT16" s="103">
        <v>0</v>
      </c>
      <c r="JU16" s="413">
        <v>0</v>
      </c>
      <c r="JV16" s="102">
        <v>0</v>
      </c>
      <c r="JW16" s="102">
        <v>0</v>
      </c>
      <c r="JX16" s="102">
        <v>0</v>
      </c>
      <c r="JY16" s="102">
        <v>0</v>
      </c>
      <c r="JZ16" s="102">
        <v>0</v>
      </c>
      <c r="KA16" s="103">
        <v>0</v>
      </c>
      <c r="KB16" s="104">
        <v>0</v>
      </c>
      <c r="KC16" s="101">
        <v>164</v>
      </c>
      <c r="KD16" s="102">
        <v>158</v>
      </c>
      <c r="KE16" s="103">
        <v>322</v>
      </c>
      <c r="KF16" s="413">
        <v>0</v>
      </c>
      <c r="KG16" s="102">
        <v>154</v>
      </c>
      <c r="KH16" s="102">
        <v>141</v>
      </c>
      <c r="KI16" s="102">
        <v>84</v>
      </c>
      <c r="KJ16" s="102">
        <v>108</v>
      </c>
      <c r="KK16" s="102">
        <v>52</v>
      </c>
      <c r="KL16" s="103">
        <v>539</v>
      </c>
      <c r="KM16" s="104">
        <v>861</v>
      </c>
    </row>
    <row r="17" spans="2:299" s="70" customFormat="1" ht="21" customHeight="1" x14ac:dyDescent="0.2">
      <c r="B17" s="106" t="s">
        <v>13</v>
      </c>
      <c r="C17" s="96">
        <v>48</v>
      </c>
      <c r="D17" s="97">
        <v>44</v>
      </c>
      <c r="E17" s="98">
        <v>92</v>
      </c>
      <c r="F17" s="413">
        <v>0</v>
      </c>
      <c r="G17" s="97">
        <v>71</v>
      </c>
      <c r="H17" s="97">
        <v>65</v>
      </c>
      <c r="I17" s="97">
        <v>32</v>
      </c>
      <c r="J17" s="97">
        <v>19</v>
      </c>
      <c r="K17" s="97">
        <v>28</v>
      </c>
      <c r="L17" s="99">
        <v>215</v>
      </c>
      <c r="M17" s="100">
        <v>307</v>
      </c>
      <c r="N17" s="101">
        <v>1</v>
      </c>
      <c r="O17" s="102">
        <v>1</v>
      </c>
      <c r="P17" s="103">
        <v>2</v>
      </c>
      <c r="Q17" s="413">
        <v>0</v>
      </c>
      <c r="R17" s="102">
        <v>1</v>
      </c>
      <c r="S17" s="102">
        <v>1</v>
      </c>
      <c r="T17" s="102">
        <v>0</v>
      </c>
      <c r="U17" s="102">
        <v>0</v>
      </c>
      <c r="V17" s="102">
        <v>1</v>
      </c>
      <c r="W17" s="103">
        <v>3</v>
      </c>
      <c r="X17" s="104">
        <v>5</v>
      </c>
      <c r="Y17" s="101">
        <v>3</v>
      </c>
      <c r="Z17" s="102">
        <v>0</v>
      </c>
      <c r="AA17" s="103">
        <v>3</v>
      </c>
      <c r="AB17" s="413">
        <v>0</v>
      </c>
      <c r="AC17" s="102">
        <v>2</v>
      </c>
      <c r="AD17" s="102">
        <v>4</v>
      </c>
      <c r="AE17" s="102">
        <v>2</v>
      </c>
      <c r="AF17" s="102">
        <v>0</v>
      </c>
      <c r="AG17" s="102">
        <v>1</v>
      </c>
      <c r="AH17" s="103">
        <v>9</v>
      </c>
      <c r="AI17" s="104">
        <v>12</v>
      </c>
      <c r="AJ17" s="101">
        <v>3</v>
      </c>
      <c r="AK17" s="102">
        <v>3</v>
      </c>
      <c r="AL17" s="103">
        <v>6</v>
      </c>
      <c r="AM17" s="413">
        <v>0</v>
      </c>
      <c r="AN17" s="102">
        <v>1</v>
      </c>
      <c r="AO17" s="102">
        <v>8</v>
      </c>
      <c r="AP17" s="102">
        <v>4</v>
      </c>
      <c r="AQ17" s="102">
        <v>3</v>
      </c>
      <c r="AR17" s="102">
        <v>2</v>
      </c>
      <c r="AS17" s="103">
        <v>18</v>
      </c>
      <c r="AT17" s="104">
        <v>24</v>
      </c>
      <c r="AU17" s="101">
        <v>11</v>
      </c>
      <c r="AV17" s="102">
        <v>7</v>
      </c>
      <c r="AW17" s="103">
        <v>18</v>
      </c>
      <c r="AX17" s="413">
        <v>0</v>
      </c>
      <c r="AY17" s="102">
        <v>15</v>
      </c>
      <c r="AZ17" s="102">
        <v>10</v>
      </c>
      <c r="BA17" s="102">
        <v>6</v>
      </c>
      <c r="BB17" s="102">
        <v>2</v>
      </c>
      <c r="BC17" s="102">
        <v>6</v>
      </c>
      <c r="BD17" s="103">
        <v>39</v>
      </c>
      <c r="BE17" s="104">
        <v>57</v>
      </c>
      <c r="BF17" s="101">
        <v>13</v>
      </c>
      <c r="BG17" s="102">
        <v>17</v>
      </c>
      <c r="BH17" s="103">
        <v>30</v>
      </c>
      <c r="BI17" s="413">
        <v>0</v>
      </c>
      <c r="BJ17" s="102">
        <v>30</v>
      </c>
      <c r="BK17" s="102">
        <v>25</v>
      </c>
      <c r="BL17" s="102">
        <v>9</v>
      </c>
      <c r="BM17" s="102">
        <v>6</v>
      </c>
      <c r="BN17" s="102">
        <v>11</v>
      </c>
      <c r="BO17" s="103">
        <v>81</v>
      </c>
      <c r="BP17" s="104">
        <v>111</v>
      </c>
      <c r="BQ17" s="101">
        <v>17</v>
      </c>
      <c r="BR17" s="102">
        <v>16</v>
      </c>
      <c r="BS17" s="103">
        <v>33</v>
      </c>
      <c r="BT17" s="413">
        <v>0</v>
      </c>
      <c r="BU17" s="102">
        <v>22</v>
      </c>
      <c r="BV17" s="102">
        <v>17</v>
      </c>
      <c r="BW17" s="102">
        <v>11</v>
      </c>
      <c r="BX17" s="102">
        <v>8</v>
      </c>
      <c r="BY17" s="102">
        <v>7</v>
      </c>
      <c r="BZ17" s="103">
        <v>65</v>
      </c>
      <c r="CA17" s="104">
        <v>98</v>
      </c>
      <c r="CB17" s="101">
        <v>0</v>
      </c>
      <c r="CC17" s="102">
        <v>0</v>
      </c>
      <c r="CD17" s="103">
        <v>0</v>
      </c>
      <c r="CE17" s="413">
        <v>0</v>
      </c>
      <c r="CF17" s="102">
        <v>0</v>
      </c>
      <c r="CG17" s="102">
        <v>0</v>
      </c>
      <c r="CH17" s="102">
        <v>0</v>
      </c>
      <c r="CI17" s="102">
        <v>0</v>
      </c>
      <c r="CJ17" s="102">
        <v>0</v>
      </c>
      <c r="CK17" s="103">
        <v>0</v>
      </c>
      <c r="CL17" s="104">
        <v>0</v>
      </c>
      <c r="CM17" s="101">
        <v>48</v>
      </c>
      <c r="CN17" s="102">
        <v>44</v>
      </c>
      <c r="CO17" s="103">
        <v>92</v>
      </c>
      <c r="CP17" s="413">
        <v>0</v>
      </c>
      <c r="CQ17" s="102">
        <v>71</v>
      </c>
      <c r="CR17" s="102">
        <v>65</v>
      </c>
      <c r="CS17" s="102">
        <v>32</v>
      </c>
      <c r="CT17" s="102">
        <v>19</v>
      </c>
      <c r="CU17" s="102">
        <v>28</v>
      </c>
      <c r="CV17" s="103">
        <v>215</v>
      </c>
      <c r="CW17" s="104">
        <v>307</v>
      </c>
      <c r="CX17" s="105">
        <v>15</v>
      </c>
      <c r="CY17" s="97">
        <v>20</v>
      </c>
      <c r="CZ17" s="98">
        <v>35</v>
      </c>
      <c r="DA17" s="413">
        <v>0</v>
      </c>
      <c r="DB17" s="97">
        <v>23</v>
      </c>
      <c r="DC17" s="97">
        <v>19</v>
      </c>
      <c r="DD17" s="97">
        <v>12</v>
      </c>
      <c r="DE17" s="97">
        <v>7</v>
      </c>
      <c r="DF17" s="97">
        <v>7</v>
      </c>
      <c r="DG17" s="99">
        <v>68</v>
      </c>
      <c r="DH17" s="100">
        <v>103</v>
      </c>
      <c r="DI17" s="101">
        <v>0</v>
      </c>
      <c r="DJ17" s="102">
        <v>1</v>
      </c>
      <c r="DK17" s="103">
        <v>1</v>
      </c>
      <c r="DL17" s="413">
        <v>0</v>
      </c>
      <c r="DM17" s="102">
        <v>1</v>
      </c>
      <c r="DN17" s="102">
        <v>0</v>
      </c>
      <c r="DO17" s="102">
        <v>0</v>
      </c>
      <c r="DP17" s="102">
        <v>0</v>
      </c>
      <c r="DQ17" s="102">
        <v>0</v>
      </c>
      <c r="DR17" s="103">
        <v>1</v>
      </c>
      <c r="DS17" s="104">
        <v>2</v>
      </c>
      <c r="DT17" s="101">
        <v>2</v>
      </c>
      <c r="DU17" s="102">
        <v>1</v>
      </c>
      <c r="DV17" s="103">
        <v>3</v>
      </c>
      <c r="DW17" s="413">
        <v>0</v>
      </c>
      <c r="DX17" s="102">
        <v>2</v>
      </c>
      <c r="DY17" s="102">
        <v>2</v>
      </c>
      <c r="DZ17" s="102">
        <v>1</v>
      </c>
      <c r="EA17" s="102">
        <v>1</v>
      </c>
      <c r="EB17" s="102">
        <v>1</v>
      </c>
      <c r="EC17" s="103">
        <v>7</v>
      </c>
      <c r="ED17" s="104">
        <v>10</v>
      </c>
      <c r="EE17" s="101">
        <v>3</v>
      </c>
      <c r="EF17" s="102">
        <v>0</v>
      </c>
      <c r="EG17" s="103">
        <v>3</v>
      </c>
      <c r="EH17" s="413">
        <v>0</v>
      </c>
      <c r="EI17" s="102">
        <v>3</v>
      </c>
      <c r="EJ17" s="102">
        <v>3</v>
      </c>
      <c r="EK17" s="102">
        <v>4</v>
      </c>
      <c r="EL17" s="102">
        <v>0</v>
      </c>
      <c r="EM17" s="102">
        <v>1</v>
      </c>
      <c r="EN17" s="103">
        <v>11</v>
      </c>
      <c r="EO17" s="104">
        <v>14</v>
      </c>
      <c r="EP17" s="101">
        <v>4</v>
      </c>
      <c r="EQ17" s="102">
        <v>6</v>
      </c>
      <c r="ER17" s="103">
        <v>10</v>
      </c>
      <c r="ES17" s="413">
        <v>0</v>
      </c>
      <c r="ET17" s="102">
        <v>4</v>
      </c>
      <c r="EU17" s="102">
        <v>1</v>
      </c>
      <c r="EV17" s="102">
        <v>2</v>
      </c>
      <c r="EW17" s="102">
        <v>0</v>
      </c>
      <c r="EX17" s="102">
        <v>1</v>
      </c>
      <c r="EY17" s="103">
        <v>8</v>
      </c>
      <c r="EZ17" s="104">
        <v>18</v>
      </c>
      <c r="FA17" s="101">
        <v>4</v>
      </c>
      <c r="FB17" s="102">
        <v>9</v>
      </c>
      <c r="FC17" s="103">
        <v>13</v>
      </c>
      <c r="FD17" s="413">
        <v>0</v>
      </c>
      <c r="FE17" s="102">
        <v>5</v>
      </c>
      <c r="FF17" s="102">
        <v>3</v>
      </c>
      <c r="FG17" s="102">
        <v>1</v>
      </c>
      <c r="FH17" s="102">
        <v>1</v>
      </c>
      <c r="FI17" s="102">
        <v>1</v>
      </c>
      <c r="FJ17" s="103">
        <v>11</v>
      </c>
      <c r="FK17" s="104">
        <v>24</v>
      </c>
      <c r="FL17" s="101">
        <v>2</v>
      </c>
      <c r="FM17" s="102">
        <v>3</v>
      </c>
      <c r="FN17" s="103">
        <v>5</v>
      </c>
      <c r="FO17" s="413">
        <v>0</v>
      </c>
      <c r="FP17" s="102">
        <v>8</v>
      </c>
      <c r="FQ17" s="102">
        <v>10</v>
      </c>
      <c r="FR17" s="102">
        <v>4</v>
      </c>
      <c r="FS17" s="102">
        <v>5</v>
      </c>
      <c r="FT17" s="102">
        <v>3</v>
      </c>
      <c r="FU17" s="103">
        <v>30</v>
      </c>
      <c r="FV17" s="104">
        <v>35</v>
      </c>
      <c r="FW17" s="101">
        <v>0</v>
      </c>
      <c r="FX17" s="102">
        <v>0</v>
      </c>
      <c r="FY17" s="103">
        <v>0</v>
      </c>
      <c r="FZ17" s="413">
        <v>0</v>
      </c>
      <c r="GA17" s="102">
        <v>0</v>
      </c>
      <c r="GB17" s="102">
        <v>0</v>
      </c>
      <c r="GC17" s="102">
        <v>0</v>
      </c>
      <c r="GD17" s="102">
        <v>0</v>
      </c>
      <c r="GE17" s="102">
        <v>0</v>
      </c>
      <c r="GF17" s="103">
        <v>0</v>
      </c>
      <c r="GG17" s="104">
        <v>0</v>
      </c>
      <c r="GH17" s="101">
        <v>15</v>
      </c>
      <c r="GI17" s="102">
        <v>20</v>
      </c>
      <c r="GJ17" s="103">
        <v>35</v>
      </c>
      <c r="GK17" s="413">
        <v>0</v>
      </c>
      <c r="GL17" s="102">
        <v>23</v>
      </c>
      <c r="GM17" s="102">
        <v>19</v>
      </c>
      <c r="GN17" s="102">
        <v>12</v>
      </c>
      <c r="GO17" s="102">
        <v>7</v>
      </c>
      <c r="GP17" s="102">
        <v>7</v>
      </c>
      <c r="GQ17" s="103">
        <v>68</v>
      </c>
      <c r="GR17" s="104">
        <v>103</v>
      </c>
      <c r="GS17" s="105">
        <v>63</v>
      </c>
      <c r="GT17" s="97">
        <v>64</v>
      </c>
      <c r="GU17" s="98">
        <v>127</v>
      </c>
      <c r="GV17" s="413">
        <v>0</v>
      </c>
      <c r="GW17" s="97">
        <v>94</v>
      </c>
      <c r="GX17" s="97">
        <v>84</v>
      </c>
      <c r="GY17" s="97">
        <v>44</v>
      </c>
      <c r="GZ17" s="97">
        <v>26</v>
      </c>
      <c r="HA17" s="97">
        <v>35</v>
      </c>
      <c r="HB17" s="99">
        <v>283</v>
      </c>
      <c r="HC17" s="100">
        <v>410</v>
      </c>
      <c r="HD17" s="101">
        <v>1</v>
      </c>
      <c r="HE17" s="102">
        <v>2</v>
      </c>
      <c r="HF17" s="103">
        <v>3</v>
      </c>
      <c r="HG17" s="413">
        <v>0</v>
      </c>
      <c r="HH17" s="102">
        <v>2</v>
      </c>
      <c r="HI17" s="102">
        <v>1</v>
      </c>
      <c r="HJ17" s="102">
        <v>0</v>
      </c>
      <c r="HK17" s="102">
        <v>0</v>
      </c>
      <c r="HL17" s="102">
        <v>1</v>
      </c>
      <c r="HM17" s="103">
        <v>4</v>
      </c>
      <c r="HN17" s="104">
        <v>7</v>
      </c>
      <c r="HO17" s="101">
        <v>5</v>
      </c>
      <c r="HP17" s="102">
        <v>1</v>
      </c>
      <c r="HQ17" s="103">
        <v>6</v>
      </c>
      <c r="HR17" s="413">
        <v>0</v>
      </c>
      <c r="HS17" s="102">
        <v>4</v>
      </c>
      <c r="HT17" s="102">
        <v>6</v>
      </c>
      <c r="HU17" s="102">
        <v>3</v>
      </c>
      <c r="HV17" s="102">
        <v>1</v>
      </c>
      <c r="HW17" s="102">
        <v>2</v>
      </c>
      <c r="HX17" s="103">
        <v>16</v>
      </c>
      <c r="HY17" s="104">
        <v>22</v>
      </c>
      <c r="HZ17" s="101">
        <v>6</v>
      </c>
      <c r="IA17" s="102">
        <v>3</v>
      </c>
      <c r="IB17" s="103">
        <v>9</v>
      </c>
      <c r="IC17" s="413">
        <v>0</v>
      </c>
      <c r="ID17" s="102">
        <v>4</v>
      </c>
      <c r="IE17" s="102">
        <v>11</v>
      </c>
      <c r="IF17" s="102">
        <v>8</v>
      </c>
      <c r="IG17" s="102">
        <v>3</v>
      </c>
      <c r="IH17" s="102">
        <v>3</v>
      </c>
      <c r="II17" s="103">
        <v>29</v>
      </c>
      <c r="IJ17" s="104">
        <v>38</v>
      </c>
      <c r="IK17" s="101">
        <v>15</v>
      </c>
      <c r="IL17" s="102">
        <v>13</v>
      </c>
      <c r="IM17" s="103">
        <v>28</v>
      </c>
      <c r="IN17" s="413">
        <v>0</v>
      </c>
      <c r="IO17" s="102">
        <v>19</v>
      </c>
      <c r="IP17" s="102">
        <v>11</v>
      </c>
      <c r="IQ17" s="102">
        <v>8</v>
      </c>
      <c r="IR17" s="102">
        <v>2</v>
      </c>
      <c r="IS17" s="102">
        <v>7</v>
      </c>
      <c r="IT17" s="103">
        <v>47</v>
      </c>
      <c r="IU17" s="104">
        <v>75</v>
      </c>
      <c r="IV17" s="101">
        <v>17</v>
      </c>
      <c r="IW17" s="102">
        <v>26</v>
      </c>
      <c r="IX17" s="103">
        <v>43</v>
      </c>
      <c r="IY17" s="413">
        <v>0</v>
      </c>
      <c r="IZ17" s="102">
        <v>35</v>
      </c>
      <c r="JA17" s="102">
        <v>28</v>
      </c>
      <c r="JB17" s="102">
        <v>10</v>
      </c>
      <c r="JC17" s="102">
        <v>7</v>
      </c>
      <c r="JD17" s="102">
        <v>12</v>
      </c>
      <c r="JE17" s="103">
        <v>92</v>
      </c>
      <c r="JF17" s="104">
        <v>135</v>
      </c>
      <c r="JG17" s="101">
        <v>19</v>
      </c>
      <c r="JH17" s="102">
        <v>19</v>
      </c>
      <c r="JI17" s="103">
        <v>38</v>
      </c>
      <c r="JJ17" s="413">
        <v>0</v>
      </c>
      <c r="JK17" s="102">
        <v>30</v>
      </c>
      <c r="JL17" s="102">
        <v>27</v>
      </c>
      <c r="JM17" s="102">
        <v>15</v>
      </c>
      <c r="JN17" s="102">
        <v>13</v>
      </c>
      <c r="JO17" s="102">
        <v>10</v>
      </c>
      <c r="JP17" s="103">
        <v>95</v>
      </c>
      <c r="JQ17" s="104">
        <v>133</v>
      </c>
      <c r="JR17" s="101">
        <v>0</v>
      </c>
      <c r="JS17" s="102">
        <v>0</v>
      </c>
      <c r="JT17" s="103">
        <v>0</v>
      </c>
      <c r="JU17" s="413">
        <v>0</v>
      </c>
      <c r="JV17" s="102">
        <v>0</v>
      </c>
      <c r="JW17" s="102">
        <v>0</v>
      </c>
      <c r="JX17" s="102">
        <v>0</v>
      </c>
      <c r="JY17" s="102">
        <v>0</v>
      </c>
      <c r="JZ17" s="102">
        <v>0</v>
      </c>
      <c r="KA17" s="103">
        <v>0</v>
      </c>
      <c r="KB17" s="104">
        <v>0</v>
      </c>
      <c r="KC17" s="101">
        <v>63</v>
      </c>
      <c r="KD17" s="102">
        <v>64</v>
      </c>
      <c r="KE17" s="103">
        <v>127</v>
      </c>
      <c r="KF17" s="413">
        <v>0</v>
      </c>
      <c r="KG17" s="102">
        <v>94</v>
      </c>
      <c r="KH17" s="102">
        <v>84</v>
      </c>
      <c r="KI17" s="102">
        <v>44</v>
      </c>
      <c r="KJ17" s="102">
        <v>26</v>
      </c>
      <c r="KK17" s="102">
        <v>35</v>
      </c>
      <c r="KL17" s="103">
        <v>283</v>
      </c>
      <c r="KM17" s="104">
        <v>410</v>
      </c>
    </row>
    <row r="18" spans="2:299" s="70" customFormat="1" ht="21" customHeight="1" x14ac:dyDescent="0.2">
      <c r="B18" s="106" t="s">
        <v>15</v>
      </c>
      <c r="C18" s="96">
        <v>11</v>
      </c>
      <c r="D18" s="97">
        <v>16</v>
      </c>
      <c r="E18" s="98">
        <v>27</v>
      </c>
      <c r="F18" s="413">
        <v>0</v>
      </c>
      <c r="G18" s="97">
        <v>9</v>
      </c>
      <c r="H18" s="97">
        <v>10</v>
      </c>
      <c r="I18" s="97">
        <v>6</v>
      </c>
      <c r="J18" s="97">
        <v>4</v>
      </c>
      <c r="K18" s="97">
        <v>6</v>
      </c>
      <c r="L18" s="99">
        <v>35</v>
      </c>
      <c r="M18" s="100">
        <v>62</v>
      </c>
      <c r="N18" s="101">
        <v>1</v>
      </c>
      <c r="O18" s="102">
        <v>3</v>
      </c>
      <c r="P18" s="103">
        <v>4</v>
      </c>
      <c r="Q18" s="413">
        <v>0</v>
      </c>
      <c r="R18" s="102">
        <v>0</v>
      </c>
      <c r="S18" s="102">
        <v>0</v>
      </c>
      <c r="T18" s="102">
        <v>0</v>
      </c>
      <c r="U18" s="102">
        <v>0</v>
      </c>
      <c r="V18" s="102">
        <v>1</v>
      </c>
      <c r="W18" s="103">
        <v>1</v>
      </c>
      <c r="X18" s="104">
        <v>5</v>
      </c>
      <c r="Y18" s="101">
        <v>3</v>
      </c>
      <c r="Z18" s="102">
        <v>0</v>
      </c>
      <c r="AA18" s="103">
        <v>3</v>
      </c>
      <c r="AB18" s="413">
        <v>0</v>
      </c>
      <c r="AC18" s="102">
        <v>3</v>
      </c>
      <c r="AD18" s="102">
        <v>1</v>
      </c>
      <c r="AE18" s="102">
        <v>0</v>
      </c>
      <c r="AF18" s="102">
        <v>1</v>
      </c>
      <c r="AG18" s="102">
        <v>1</v>
      </c>
      <c r="AH18" s="103">
        <v>6</v>
      </c>
      <c r="AI18" s="104">
        <v>9</v>
      </c>
      <c r="AJ18" s="101">
        <v>3</v>
      </c>
      <c r="AK18" s="102">
        <v>1</v>
      </c>
      <c r="AL18" s="103">
        <v>4</v>
      </c>
      <c r="AM18" s="413">
        <v>0</v>
      </c>
      <c r="AN18" s="102">
        <v>0</v>
      </c>
      <c r="AO18" s="102">
        <v>1</v>
      </c>
      <c r="AP18" s="102">
        <v>1</v>
      </c>
      <c r="AQ18" s="102">
        <v>1</v>
      </c>
      <c r="AR18" s="102">
        <v>1</v>
      </c>
      <c r="AS18" s="103">
        <v>4</v>
      </c>
      <c r="AT18" s="104">
        <v>8</v>
      </c>
      <c r="AU18" s="101">
        <v>1</v>
      </c>
      <c r="AV18" s="102">
        <v>2</v>
      </c>
      <c r="AW18" s="103">
        <v>3</v>
      </c>
      <c r="AX18" s="413">
        <v>0</v>
      </c>
      <c r="AY18" s="102">
        <v>2</v>
      </c>
      <c r="AZ18" s="102">
        <v>1</v>
      </c>
      <c r="BA18" s="102">
        <v>2</v>
      </c>
      <c r="BB18" s="102">
        <v>1</v>
      </c>
      <c r="BC18" s="102">
        <v>2</v>
      </c>
      <c r="BD18" s="103">
        <v>8</v>
      </c>
      <c r="BE18" s="104">
        <v>11</v>
      </c>
      <c r="BF18" s="101">
        <v>1</v>
      </c>
      <c r="BG18" s="102">
        <v>7</v>
      </c>
      <c r="BH18" s="103">
        <v>8</v>
      </c>
      <c r="BI18" s="413">
        <v>0</v>
      </c>
      <c r="BJ18" s="102">
        <v>1</v>
      </c>
      <c r="BK18" s="102">
        <v>2</v>
      </c>
      <c r="BL18" s="102">
        <v>2</v>
      </c>
      <c r="BM18" s="102">
        <v>1</v>
      </c>
      <c r="BN18" s="102">
        <v>1</v>
      </c>
      <c r="BO18" s="103">
        <v>7</v>
      </c>
      <c r="BP18" s="104">
        <v>15</v>
      </c>
      <c r="BQ18" s="101">
        <v>2</v>
      </c>
      <c r="BR18" s="102">
        <v>3</v>
      </c>
      <c r="BS18" s="103">
        <v>5</v>
      </c>
      <c r="BT18" s="413">
        <v>0</v>
      </c>
      <c r="BU18" s="102">
        <v>3</v>
      </c>
      <c r="BV18" s="102">
        <v>5</v>
      </c>
      <c r="BW18" s="102">
        <v>1</v>
      </c>
      <c r="BX18" s="102">
        <v>0</v>
      </c>
      <c r="BY18" s="102">
        <v>0</v>
      </c>
      <c r="BZ18" s="103">
        <v>9</v>
      </c>
      <c r="CA18" s="104">
        <v>14</v>
      </c>
      <c r="CB18" s="101">
        <v>0</v>
      </c>
      <c r="CC18" s="102">
        <v>0</v>
      </c>
      <c r="CD18" s="103">
        <v>0</v>
      </c>
      <c r="CE18" s="413">
        <v>0</v>
      </c>
      <c r="CF18" s="102">
        <v>0</v>
      </c>
      <c r="CG18" s="102">
        <v>0</v>
      </c>
      <c r="CH18" s="102">
        <v>0</v>
      </c>
      <c r="CI18" s="102">
        <v>0</v>
      </c>
      <c r="CJ18" s="102">
        <v>0</v>
      </c>
      <c r="CK18" s="103">
        <v>0</v>
      </c>
      <c r="CL18" s="104">
        <v>0</v>
      </c>
      <c r="CM18" s="101">
        <v>11</v>
      </c>
      <c r="CN18" s="102">
        <v>16</v>
      </c>
      <c r="CO18" s="103">
        <v>27</v>
      </c>
      <c r="CP18" s="413">
        <v>0</v>
      </c>
      <c r="CQ18" s="102">
        <v>9</v>
      </c>
      <c r="CR18" s="102">
        <v>10</v>
      </c>
      <c r="CS18" s="102">
        <v>6</v>
      </c>
      <c r="CT18" s="102">
        <v>4</v>
      </c>
      <c r="CU18" s="102">
        <v>6</v>
      </c>
      <c r="CV18" s="103">
        <v>35</v>
      </c>
      <c r="CW18" s="104">
        <v>62</v>
      </c>
      <c r="CX18" s="105">
        <v>6</v>
      </c>
      <c r="CY18" s="97">
        <v>8</v>
      </c>
      <c r="CZ18" s="98">
        <v>14</v>
      </c>
      <c r="DA18" s="413">
        <v>0</v>
      </c>
      <c r="DB18" s="97">
        <v>6</v>
      </c>
      <c r="DC18" s="97">
        <v>11</v>
      </c>
      <c r="DD18" s="97">
        <v>2</v>
      </c>
      <c r="DE18" s="97">
        <v>1</v>
      </c>
      <c r="DF18" s="97">
        <v>2</v>
      </c>
      <c r="DG18" s="99">
        <v>22</v>
      </c>
      <c r="DH18" s="100">
        <v>36</v>
      </c>
      <c r="DI18" s="101">
        <v>1</v>
      </c>
      <c r="DJ18" s="102">
        <v>0</v>
      </c>
      <c r="DK18" s="103">
        <v>1</v>
      </c>
      <c r="DL18" s="413">
        <v>0</v>
      </c>
      <c r="DM18" s="102">
        <v>0</v>
      </c>
      <c r="DN18" s="102">
        <v>1</v>
      </c>
      <c r="DO18" s="102">
        <v>0</v>
      </c>
      <c r="DP18" s="102">
        <v>0</v>
      </c>
      <c r="DQ18" s="102">
        <v>0</v>
      </c>
      <c r="DR18" s="103">
        <v>1</v>
      </c>
      <c r="DS18" s="104">
        <v>2</v>
      </c>
      <c r="DT18" s="101">
        <v>0</v>
      </c>
      <c r="DU18" s="102">
        <v>1</v>
      </c>
      <c r="DV18" s="103">
        <v>1</v>
      </c>
      <c r="DW18" s="413">
        <v>0</v>
      </c>
      <c r="DX18" s="102">
        <v>0</v>
      </c>
      <c r="DY18" s="102">
        <v>1</v>
      </c>
      <c r="DZ18" s="102">
        <v>0</v>
      </c>
      <c r="EA18" s="102">
        <v>0</v>
      </c>
      <c r="EB18" s="102">
        <v>0</v>
      </c>
      <c r="EC18" s="103">
        <v>1</v>
      </c>
      <c r="ED18" s="104">
        <v>2</v>
      </c>
      <c r="EE18" s="101">
        <v>1</v>
      </c>
      <c r="EF18" s="102">
        <v>2</v>
      </c>
      <c r="EG18" s="103">
        <v>3</v>
      </c>
      <c r="EH18" s="413">
        <v>0</v>
      </c>
      <c r="EI18" s="102">
        <v>1</v>
      </c>
      <c r="EJ18" s="102">
        <v>2</v>
      </c>
      <c r="EK18" s="102">
        <v>1</v>
      </c>
      <c r="EL18" s="102">
        <v>0</v>
      </c>
      <c r="EM18" s="102">
        <v>1</v>
      </c>
      <c r="EN18" s="103">
        <v>5</v>
      </c>
      <c r="EO18" s="104">
        <v>8</v>
      </c>
      <c r="EP18" s="101">
        <v>1</v>
      </c>
      <c r="EQ18" s="102">
        <v>3</v>
      </c>
      <c r="ER18" s="103">
        <v>4</v>
      </c>
      <c r="ES18" s="413">
        <v>0</v>
      </c>
      <c r="ET18" s="102">
        <v>0</v>
      </c>
      <c r="EU18" s="102">
        <v>1</v>
      </c>
      <c r="EV18" s="102">
        <v>0</v>
      </c>
      <c r="EW18" s="102">
        <v>0</v>
      </c>
      <c r="EX18" s="102">
        <v>0</v>
      </c>
      <c r="EY18" s="103">
        <v>1</v>
      </c>
      <c r="EZ18" s="104">
        <v>5</v>
      </c>
      <c r="FA18" s="101">
        <v>1</v>
      </c>
      <c r="FB18" s="102">
        <v>1</v>
      </c>
      <c r="FC18" s="103">
        <v>2</v>
      </c>
      <c r="FD18" s="413">
        <v>0</v>
      </c>
      <c r="FE18" s="102">
        <v>3</v>
      </c>
      <c r="FF18" s="102">
        <v>1</v>
      </c>
      <c r="FG18" s="102">
        <v>0</v>
      </c>
      <c r="FH18" s="102">
        <v>0</v>
      </c>
      <c r="FI18" s="102">
        <v>1</v>
      </c>
      <c r="FJ18" s="103">
        <v>5</v>
      </c>
      <c r="FK18" s="104">
        <v>7</v>
      </c>
      <c r="FL18" s="101">
        <v>2</v>
      </c>
      <c r="FM18" s="102">
        <v>1</v>
      </c>
      <c r="FN18" s="103">
        <v>3</v>
      </c>
      <c r="FO18" s="413">
        <v>0</v>
      </c>
      <c r="FP18" s="102">
        <v>2</v>
      </c>
      <c r="FQ18" s="102">
        <v>5</v>
      </c>
      <c r="FR18" s="102">
        <v>1</v>
      </c>
      <c r="FS18" s="102">
        <v>1</v>
      </c>
      <c r="FT18" s="102">
        <v>0</v>
      </c>
      <c r="FU18" s="103">
        <v>9</v>
      </c>
      <c r="FV18" s="104">
        <v>12</v>
      </c>
      <c r="FW18" s="101">
        <v>0</v>
      </c>
      <c r="FX18" s="102">
        <v>0</v>
      </c>
      <c r="FY18" s="103">
        <v>0</v>
      </c>
      <c r="FZ18" s="413">
        <v>0</v>
      </c>
      <c r="GA18" s="102">
        <v>0</v>
      </c>
      <c r="GB18" s="102">
        <v>0</v>
      </c>
      <c r="GC18" s="102">
        <v>0</v>
      </c>
      <c r="GD18" s="102">
        <v>0</v>
      </c>
      <c r="GE18" s="102">
        <v>0</v>
      </c>
      <c r="GF18" s="103">
        <v>0</v>
      </c>
      <c r="GG18" s="104">
        <v>0</v>
      </c>
      <c r="GH18" s="101">
        <v>6</v>
      </c>
      <c r="GI18" s="102">
        <v>8</v>
      </c>
      <c r="GJ18" s="103">
        <v>14</v>
      </c>
      <c r="GK18" s="413">
        <v>0</v>
      </c>
      <c r="GL18" s="102">
        <v>6</v>
      </c>
      <c r="GM18" s="102">
        <v>11</v>
      </c>
      <c r="GN18" s="102">
        <v>2</v>
      </c>
      <c r="GO18" s="102">
        <v>1</v>
      </c>
      <c r="GP18" s="102">
        <v>2</v>
      </c>
      <c r="GQ18" s="103">
        <v>22</v>
      </c>
      <c r="GR18" s="104">
        <v>36</v>
      </c>
      <c r="GS18" s="105">
        <v>17</v>
      </c>
      <c r="GT18" s="97">
        <v>24</v>
      </c>
      <c r="GU18" s="98">
        <v>41</v>
      </c>
      <c r="GV18" s="413">
        <v>0</v>
      </c>
      <c r="GW18" s="97">
        <v>15</v>
      </c>
      <c r="GX18" s="97">
        <v>21</v>
      </c>
      <c r="GY18" s="97">
        <v>8</v>
      </c>
      <c r="GZ18" s="97">
        <v>5</v>
      </c>
      <c r="HA18" s="97">
        <v>8</v>
      </c>
      <c r="HB18" s="99">
        <v>57</v>
      </c>
      <c r="HC18" s="100">
        <v>98</v>
      </c>
      <c r="HD18" s="101">
        <v>2</v>
      </c>
      <c r="HE18" s="102">
        <v>3</v>
      </c>
      <c r="HF18" s="103">
        <v>5</v>
      </c>
      <c r="HG18" s="413">
        <v>0</v>
      </c>
      <c r="HH18" s="102">
        <v>0</v>
      </c>
      <c r="HI18" s="102">
        <v>1</v>
      </c>
      <c r="HJ18" s="102">
        <v>0</v>
      </c>
      <c r="HK18" s="102">
        <v>0</v>
      </c>
      <c r="HL18" s="102">
        <v>1</v>
      </c>
      <c r="HM18" s="103">
        <v>2</v>
      </c>
      <c r="HN18" s="104">
        <v>7</v>
      </c>
      <c r="HO18" s="101">
        <v>3</v>
      </c>
      <c r="HP18" s="102">
        <v>1</v>
      </c>
      <c r="HQ18" s="103">
        <v>4</v>
      </c>
      <c r="HR18" s="413">
        <v>0</v>
      </c>
      <c r="HS18" s="102">
        <v>3</v>
      </c>
      <c r="HT18" s="102">
        <v>2</v>
      </c>
      <c r="HU18" s="102">
        <v>0</v>
      </c>
      <c r="HV18" s="102">
        <v>1</v>
      </c>
      <c r="HW18" s="102">
        <v>1</v>
      </c>
      <c r="HX18" s="103">
        <v>7</v>
      </c>
      <c r="HY18" s="104">
        <v>11</v>
      </c>
      <c r="HZ18" s="101">
        <v>4</v>
      </c>
      <c r="IA18" s="102">
        <v>3</v>
      </c>
      <c r="IB18" s="103">
        <v>7</v>
      </c>
      <c r="IC18" s="413">
        <v>0</v>
      </c>
      <c r="ID18" s="102">
        <v>1</v>
      </c>
      <c r="IE18" s="102">
        <v>3</v>
      </c>
      <c r="IF18" s="102">
        <v>2</v>
      </c>
      <c r="IG18" s="102">
        <v>1</v>
      </c>
      <c r="IH18" s="102">
        <v>2</v>
      </c>
      <c r="II18" s="103">
        <v>9</v>
      </c>
      <c r="IJ18" s="104">
        <v>16</v>
      </c>
      <c r="IK18" s="101">
        <v>2</v>
      </c>
      <c r="IL18" s="102">
        <v>5</v>
      </c>
      <c r="IM18" s="103">
        <v>7</v>
      </c>
      <c r="IN18" s="413">
        <v>0</v>
      </c>
      <c r="IO18" s="102">
        <v>2</v>
      </c>
      <c r="IP18" s="102">
        <v>2</v>
      </c>
      <c r="IQ18" s="102">
        <v>2</v>
      </c>
      <c r="IR18" s="102">
        <v>1</v>
      </c>
      <c r="IS18" s="102">
        <v>2</v>
      </c>
      <c r="IT18" s="103">
        <v>9</v>
      </c>
      <c r="IU18" s="104">
        <v>16</v>
      </c>
      <c r="IV18" s="101">
        <v>2</v>
      </c>
      <c r="IW18" s="102">
        <v>8</v>
      </c>
      <c r="IX18" s="103">
        <v>10</v>
      </c>
      <c r="IY18" s="413">
        <v>0</v>
      </c>
      <c r="IZ18" s="102">
        <v>4</v>
      </c>
      <c r="JA18" s="102">
        <v>3</v>
      </c>
      <c r="JB18" s="102">
        <v>2</v>
      </c>
      <c r="JC18" s="102">
        <v>1</v>
      </c>
      <c r="JD18" s="102">
        <v>2</v>
      </c>
      <c r="JE18" s="103">
        <v>12</v>
      </c>
      <c r="JF18" s="104">
        <v>22</v>
      </c>
      <c r="JG18" s="101">
        <v>4</v>
      </c>
      <c r="JH18" s="102">
        <v>4</v>
      </c>
      <c r="JI18" s="103">
        <v>8</v>
      </c>
      <c r="JJ18" s="413">
        <v>0</v>
      </c>
      <c r="JK18" s="102">
        <v>5</v>
      </c>
      <c r="JL18" s="102">
        <v>10</v>
      </c>
      <c r="JM18" s="102">
        <v>2</v>
      </c>
      <c r="JN18" s="102">
        <v>1</v>
      </c>
      <c r="JO18" s="102">
        <v>0</v>
      </c>
      <c r="JP18" s="103">
        <v>18</v>
      </c>
      <c r="JQ18" s="104">
        <v>26</v>
      </c>
      <c r="JR18" s="101">
        <v>0</v>
      </c>
      <c r="JS18" s="102">
        <v>0</v>
      </c>
      <c r="JT18" s="103">
        <v>0</v>
      </c>
      <c r="JU18" s="413">
        <v>0</v>
      </c>
      <c r="JV18" s="102">
        <v>0</v>
      </c>
      <c r="JW18" s="102">
        <v>0</v>
      </c>
      <c r="JX18" s="102">
        <v>0</v>
      </c>
      <c r="JY18" s="102">
        <v>0</v>
      </c>
      <c r="JZ18" s="102">
        <v>0</v>
      </c>
      <c r="KA18" s="103">
        <v>0</v>
      </c>
      <c r="KB18" s="104">
        <v>0</v>
      </c>
      <c r="KC18" s="101">
        <v>17</v>
      </c>
      <c r="KD18" s="102">
        <v>24</v>
      </c>
      <c r="KE18" s="103">
        <v>41</v>
      </c>
      <c r="KF18" s="413">
        <v>0</v>
      </c>
      <c r="KG18" s="102">
        <v>15</v>
      </c>
      <c r="KH18" s="102">
        <v>21</v>
      </c>
      <c r="KI18" s="102">
        <v>8</v>
      </c>
      <c r="KJ18" s="102">
        <v>5</v>
      </c>
      <c r="KK18" s="102">
        <v>8</v>
      </c>
      <c r="KL18" s="103">
        <v>57</v>
      </c>
      <c r="KM18" s="104">
        <v>98</v>
      </c>
    </row>
    <row r="19" spans="2:299" s="70" customFormat="1" ht="21" customHeight="1" x14ac:dyDescent="0.2">
      <c r="B19" s="106" t="s">
        <v>16</v>
      </c>
      <c r="C19" s="96">
        <v>22</v>
      </c>
      <c r="D19" s="97">
        <v>28</v>
      </c>
      <c r="E19" s="98">
        <v>50</v>
      </c>
      <c r="F19" s="413">
        <v>0</v>
      </c>
      <c r="G19" s="97">
        <v>60</v>
      </c>
      <c r="H19" s="97">
        <v>67</v>
      </c>
      <c r="I19" s="97">
        <v>42</v>
      </c>
      <c r="J19" s="97">
        <v>26</v>
      </c>
      <c r="K19" s="97">
        <v>22</v>
      </c>
      <c r="L19" s="99">
        <v>217</v>
      </c>
      <c r="M19" s="100">
        <v>267</v>
      </c>
      <c r="N19" s="101">
        <v>0</v>
      </c>
      <c r="O19" s="102">
        <v>0</v>
      </c>
      <c r="P19" s="103">
        <v>0</v>
      </c>
      <c r="Q19" s="413">
        <v>0</v>
      </c>
      <c r="R19" s="102">
        <v>1</v>
      </c>
      <c r="S19" s="102">
        <v>2</v>
      </c>
      <c r="T19" s="102">
        <v>1</v>
      </c>
      <c r="U19" s="102">
        <v>1</v>
      </c>
      <c r="V19" s="102">
        <v>1</v>
      </c>
      <c r="W19" s="103">
        <v>6</v>
      </c>
      <c r="X19" s="104">
        <v>6</v>
      </c>
      <c r="Y19" s="101">
        <v>3</v>
      </c>
      <c r="Z19" s="102">
        <v>4</v>
      </c>
      <c r="AA19" s="103">
        <v>7</v>
      </c>
      <c r="AB19" s="413">
        <v>0</v>
      </c>
      <c r="AC19" s="102">
        <v>5</v>
      </c>
      <c r="AD19" s="102">
        <v>5</v>
      </c>
      <c r="AE19" s="102">
        <v>4</v>
      </c>
      <c r="AF19" s="102">
        <v>2</v>
      </c>
      <c r="AG19" s="102">
        <v>3</v>
      </c>
      <c r="AH19" s="103">
        <v>19</v>
      </c>
      <c r="AI19" s="104">
        <v>26</v>
      </c>
      <c r="AJ19" s="101">
        <v>6</v>
      </c>
      <c r="AK19" s="102">
        <v>5</v>
      </c>
      <c r="AL19" s="103">
        <v>11</v>
      </c>
      <c r="AM19" s="413">
        <v>0</v>
      </c>
      <c r="AN19" s="102">
        <v>10</v>
      </c>
      <c r="AO19" s="102">
        <v>9</v>
      </c>
      <c r="AP19" s="102">
        <v>2</v>
      </c>
      <c r="AQ19" s="102">
        <v>6</v>
      </c>
      <c r="AR19" s="102">
        <v>5</v>
      </c>
      <c r="AS19" s="103">
        <v>32</v>
      </c>
      <c r="AT19" s="104">
        <v>43</v>
      </c>
      <c r="AU19" s="101">
        <v>5</v>
      </c>
      <c r="AV19" s="102">
        <v>6</v>
      </c>
      <c r="AW19" s="103">
        <v>11</v>
      </c>
      <c r="AX19" s="413">
        <v>0</v>
      </c>
      <c r="AY19" s="102">
        <v>12</v>
      </c>
      <c r="AZ19" s="102">
        <v>16</v>
      </c>
      <c r="BA19" s="102">
        <v>14</v>
      </c>
      <c r="BB19" s="102">
        <v>5</v>
      </c>
      <c r="BC19" s="102">
        <v>4</v>
      </c>
      <c r="BD19" s="103">
        <v>51</v>
      </c>
      <c r="BE19" s="104">
        <v>62</v>
      </c>
      <c r="BF19" s="101">
        <v>5</v>
      </c>
      <c r="BG19" s="102">
        <v>6</v>
      </c>
      <c r="BH19" s="103">
        <v>11</v>
      </c>
      <c r="BI19" s="413">
        <v>0</v>
      </c>
      <c r="BJ19" s="102">
        <v>19</v>
      </c>
      <c r="BK19" s="102">
        <v>20</v>
      </c>
      <c r="BL19" s="102">
        <v>14</v>
      </c>
      <c r="BM19" s="102">
        <v>5</v>
      </c>
      <c r="BN19" s="102">
        <v>5</v>
      </c>
      <c r="BO19" s="103">
        <v>63</v>
      </c>
      <c r="BP19" s="104">
        <v>74</v>
      </c>
      <c r="BQ19" s="101">
        <v>3</v>
      </c>
      <c r="BR19" s="102">
        <v>7</v>
      </c>
      <c r="BS19" s="103">
        <v>10</v>
      </c>
      <c r="BT19" s="413">
        <v>0</v>
      </c>
      <c r="BU19" s="102">
        <v>13</v>
      </c>
      <c r="BV19" s="102">
        <v>15</v>
      </c>
      <c r="BW19" s="102">
        <v>7</v>
      </c>
      <c r="BX19" s="102">
        <v>7</v>
      </c>
      <c r="BY19" s="102">
        <v>4</v>
      </c>
      <c r="BZ19" s="103">
        <v>46</v>
      </c>
      <c r="CA19" s="104">
        <v>56</v>
      </c>
      <c r="CB19" s="101">
        <v>0</v>
      </c>
      <c r="CC19" s="102">
        <v>0</v>
      </c>
      <c r="CD19" s="103">
        <v>0</v>
      </c>
      <c r="CE19" s="413">
        <v>0</v>
      </c>
      <c r="CF19" s="102">
        <v>0</v>
      </c>
      <c r="CG19" s="102">
        <v>0</v>
      </c>
      <c r="CH19" s="102">
        <v>0</v>
      </c>
      <c r="CI19" s="102">
        <v>0</v>
      </c>
      <c r="CJ19" s="102">
        <v>0</v>
      </c>
      <c r="CK19" s="103">
        <v>0</v>
      </c>
      <c r="CL19" s="104">
        <v>0</v>
      </c>
      <c r="CM19" s="101">
        <v>22</v>
      </c>
      <c r="CN19" s="102">
        <v>28</v>
      </c>
      <c r="CO19" s="103">
        <v>50</v>
      </c>
      <c r="CP19" s="413">
        <v>0</v>
      </c>
      <c r="CQ19" s="102">
        <v>60</v>
      </c>
      <c r="CR19" s="102">
        <v>67</v>
      </c>
      <c r="CS19" s="102">
        <v>42</v>
      </c>
      <c r="CT19" s="102">
        <v>26</v>
      </c>
      <c r="CU19" s="102">
        <v>22</v>
      </c>
      <c r="CV19" s="103">
        <v>217</v>
      </c>
      <c r="CW19" s="104">
        <v>267</v>
      </c>
      <c r="CX19" s="105">
        <v>20</v>
      </c>
      <c r="CY19" s="97">
        <v>23</v>
      </c>
      <c r="CZ19" s="98">
        <v>43</v>
      </c>
      <c r="DA19" s="413">
        <v>0</v>
      </c>
      <c r="DB19" s="97">
        <v>20</v>
      </c>
      <c r="DC19" s="97">
        <v>29</v>
      </c>
      <c r="DD19" s="97">
        <v>11</v>
      </c>
      <c r="DE19" s="97">
        <v>13</v>
      </c>
      <c r="DF19" s="97">
        <v>7</v>
      </c>
      <c r="DG19" s="99">
        <v>80</v>
      </c>
      <c r="DH19" s="100">
        <v>123</v>
      </c>
      <c r="DI19" s="101">
        <v>0</v>
      </c>
      <c r="DJ19" s="102">
        <v>2</v>
      </c>
      <c r="DK19" s="103">
        <v>2</v>
      </c>
      <c r="DL19" s="413">
        <v>0</v>
      </c>
      <c r="DM19" s="102">
        <v>0</v>
      </c>
      <c r="DN19" s="102">
        <v>2</v>
      </c>
      <c r="DO19" s="102">
        <v>0</v>
      </c>
      <c r="DP19" s="102">
        <v>0</v>
      </c>
      <c r="DQ19" s="102">
        <v>0</v>
      </c>
      <c r="DR19" s="103">
        <v>2</v>
      </c>
      <c r="DS19" s="104">
        <v>4</v>
      </c>
      <c r="DT19" s="101">
        <v>1</v>
      </c>
      <c r="DU19" s="102">
        <v>4</v>
      </c>
      <c r="DV19" s="103">
        <v>5</v>
      </c>
      <c r="DW19" s="413">
        <v>0</v>
      </c>
      <c r="DX19" s="102">
        <v>0</v>
      </c>
      <c r="DY19" s="102">
        <v>1</v>
      </c>
      <c r="DZ19" s="102">
        <v>1</v>
      </c>
      <c r="EA19" s="102">
        <v>1</v>
      </c>
      <c r="EB19" s="102">
        <v>0</v>
      </c>
      <c r="EC19" s="103">
        <v>3</v>
      </c>
      <c r="ED19" s="104">
        <v>8</v>
      </c>
      <c r="EE19" s="101">
        <v>3</v>
      </c>
      <c r="EF19" s="102">
        <v>1</v>
      </c>
      <c r="EG19" s="103">
        <v>4</v>
      </c>
      <c r="EH19" s="413">
        <v>0</v>
      </c>
      <c r="EI19" s="102">
        <v>1</v>
      </c>
      <c r="EJ19" s="102">
        <v>2</v>
      </c>
      <c r="EK19" s="102">
        <v>0</v>
      </c>
      <c r="EL19" s="102">
        <v>2</v>
      </c>
      <c r="EM19" s="102">
        <v>2</v>
      </c>
      <c r="EN19" s="103">
        <v>7</v>
      </c>
      <c r="EO19" s="104">
        <v>11</v>
      </c>
      <c r="EP19" s="101">
        <v>6</v>
      </c>
      <c r="EQ19" s="102">
        <v>7</v>
      </c>
      <c r="ER19" s="103">
        <v>13</v>
      </c>
      <c r="ES19" s="413">
        <v>0</v>
      </c>
      <c r="ET19" s="102">
        <v>3</v>
      </c>
      <c r="EU19" s="102">
        <v>6</v>
      </c>
      <c r="EV19" s="102">
        <v>2</v>
      </c>
      <c r="EW19" s="102">
        <v>0</v>
      </c>
      <c r="EX19" s="102">
        <v>0</v>
      </c>
      <c r="EY19" s="103">
        <v>11</v>
      </c>
      <c r="EZ19" s="104">
        <v>24</v>
      </c>
      <c r="FA19" s="101">
        <v>7</v>
      </c>
      <c r="FB19" s="102">
        <v>5</v>
      </c>
      <c r="FC19" s="103">
        <v>12</v>
      </c>
      <c r="FD19" s="413">
        <v>0</v>
      </c>
      <c r="FE19" s="102">
        <v>12</v>
      </c>
      <c r="FF19" s="102">
        <v>8</v>
      </c>
      <c r="FG19" s="102">
        <v>2</v>
      </c>
      <c r="FH19" s="102">
        <v>3</v>
      </c>
      <c r="FI19" s="102">
        <v>0</v>
      </c>
      <c r="FJ19" s="103">
        <v>25</v>
      </c>
      <c r="FK19" s="104">
        <v>37</v>
      </c>
      <c r="FL19" s="101">
        <v>3</v>
      </c>
      <c r="FM19" s="102">
        <v>4</v>
      </c>
      <c r="FN19" s="103">
        <v>7</v>
      </c>
      <c r="FO19" s="413">
        <v>0</v>
      </c>
      <c r="FP19" s="102">
        <v>4</v>
      </c>
      <c r="FQ19" s="102">
        <v>10</v>
      </c>
      <c r="FR19" s="102">
        <v>6</v>
      </c>
      <c r="FS19" s="102">
        <v>7</v>
      </c>
      <c r="FT19" s="102">
        <v>5</v>
      </c>
      <c r="FU19" s="103">
        <v>32</v>
      </c>
      <c r="FV19" s="104">
        <v>39</v>
      </c>
      <c r="FW19" s="101">
        <v>0</v>
      </c>
      <c r="FX19" s="102">
        <v>0</v>
      </c>
      <c r="FY19" s="103">
        <v>0</v>
      </c>
      <c r="FZ19" s="413">
        <v>0</v>
      </c>
      <c r="GA19" s="102">
        <v>0</v>
      </c>
      <c r="GB19" s="102">
        <v>0</v>
      </c>
      <c r="GC19" s="102">
        <v>0</v>
      </c>
      <c r="GD19" s="102">
        <v>0</v>
      </c>
      <c r="GE19" s="102">
        <v>0</v>
      </c>
      <c r="GF19" s="103">
        <v>0</v>
      </c>
      <c r="GG19" s="104">
        <v>0</v>
      </c>
      <c r="GH19" s="101">
        <v>20</v>
      </c>
      <c r="GI19" s="102">
        <v>23</v>
      </c>
      <c r="GJ19" s="103">
        <v>43</v>
      </c>
      <c r="GK19" s="413">
        <v>0</v>
      </c>
      <c r="GL19" s="102">
        <v>20</v>
      </c>
      <c r="GM19" s="102">
        <v>29</v>
      </c>
      <c r="GN19" s="102">
        <v>11</v>
      </c>
      <c r="GO19" s="102">
        <v>13</v>
      </c>
      <c r="GP19" s="102">
        <v>7</v>
      </c>
      <c r="GQ19" s="103">
        <v>80</v>
      </c>
      <c r="GR19" s="104">
        <v>123</v>
      </c>
      <c r="GS19" s="105">
        <v>42</v>
      </c>
      <c r="GT19" s="97">
        <v>51</v>
      </c>
      <c r="GU19" s="98">
        <v>93</v>
      </c>
      <c r="GV19" s="413">
        <v>0</v>
      </c>
      <c r="GW19" s="97">
        <v>80</v>
      </c>
      <c r="GX19" s="97">
        <v>96</v>
      </c>
      <c r="GY19" s="97">
        <v>53</v>
      </c>
      <c r="GZ19" s="97">
        <v>39</v>
      </c>
      <c r="HA19" s="97">
        <v>29</v>
      </c>
      <c r="HB19" s="99">
        <v>297</v>
      </c>
      <c r="HC19" s="100">
        <v>390</v>
      </c>
      <c r="HD19" s="101">
        <v>0</v>
      </c>
      <c r="HE19" s="102">
        <v>2</v>
      </c>
      <c r="HF19" s="103">
        <v>2</v>
      </c>
      <c r="HG19" s="413">
        <v>0</v>
      </c>
      <c r="HH19" s="102">
        <v>1</v>
      </c>
      <c r="HI19" s="102">
        <v>4</v>
      </c>
      <c r="HJ19" s="102">
        <v>1</v>
      </c>
      <c r="HK19" s="102">
        <v>1</v>
      </c>
      <c r="HL19" s="102">
        <v>1</v>
      </c>
      <c r="HM19" s="103">
        <v>8</v>
      </c>
      <c r="HN19" s="104">
        <v>10</v>
      </c>
      <c r="HO19" s="101">
        <v>4</v>
      </c>
      <c r="HP19" s="102">
        <v>8</v>
      </c>
      <c r="HQ19" s="103">
        <v>12</v>
      </c>
      <c r="HR19" s="413">
        <v>0</v>
      </c>
      <c r="HS19" s="102">
        <v>5</v>
      </c>
      <c r="HT19" s="102">
        <v>6</v>
      </c>
      <c r="HU19" s="102">
        <v>5</v>
      </c>
      <c r="HV19" s="102">
        <v>3</v>
      </c>
      <c r="HW19" s="102">
        <v>3</v>
      </c>
      <c r="HX19" s="103">
        <v>22</v>
      </c>
      <c r="HY19" s="104">
        <v>34</v>
      </c>
      <c r="HZ19" s="101">
        <v>9</v>
      </c>
      <c r="IA19" s="102">
        <v>6</v>
      </c>
      <c r="IB19" s="103">
        <v>15</v>
      </c>
      <c r="IC19" s="413">
        <v>0</v>
      </c>
      <c r="ID19" s="102">
        <v>11</v>
      </c>
      <c r="IE19" s="102">
        <v>11</v>
      </c>
      <c r="IF19" s="102">
        <v>2</v>
      </c>
      <c r="IG19" s="102">
        <v>8</v>
      </c>
      <c r="IH19" s="102">
        <v>7</v>
      </c>
      <c r="II19" s="103">
        <v>39</v>
      </c>
      <c r="IJ19" s="104">
        <v>54</v>
      </c>
      <c r="IK19" s="101">
        <v>11</v>
      </c>
      <c r="IL19" s="102">
        <v>13</v>
      </c>
      <c r="IM19" s="103">
        <v>24</v>
      </c>
      <c r="IN19" s="413">
        <v>0</v>
      </c>
      <c r="IO19" s="102">
        <v>15</v>
      </c>
      <c r="IP19" s="102">
        <v>22</v>
      </c>
      <c r="IQ19" s="102">
        <v>16</v>
      </c>
      <c r="IR19" s="102">
        <v>5</v>
      </c>
      <c r="IS19" s="102">
        <v>4</v>
      </c>
      <c r="IT19" s="103">
        <v>62</v>
      </c>
      <c r="IU19" s="104">
        <v>86</v>
      </c>
      <c r="IV19" s="101">
        <v>12</v>
      </c>
      <c r="IW19" s="102">
        <v>11</v>
      </c>
      <c r="IX19" s="103">
        <v>23</v>
      </c>
      <c r="IY19" s="413">
        <v>0</v>
      </c>
      <c r="IZ19" s="102">
        <v>31</v>
      </c>
      <c r="JA19" s="102">
        <v>28</v>
      </c>
      <c r="JB19" s="102">
        <v>16</v>
      </c>
      <c r="JC19" s="102">
        <v>8</v>
      </c>
      <c r="JD19" s="102">
        <v>5</v>
      </c>
      <c r="JE19" s="103">
        <v>88</v>
      </c>
      <c r="JF19" s="104">
        <v>111</v>
      </c>
      <c r="JG19" s="101">
        <v>6</v>
      </c>
      <c r="JH19" s="102">
        <v>11</v>
      </c>
      <c r="JI19" s="103">
        <v>17</v>
      </c>
      <c r="JJ19" s="413">
        <v>0</v>
      </c>
      <c r="JK19" s="102">
        <v>17</v>
      </c>
      <c r="JL19" s="102">
        <v>25</v>
      </c>
      <c r="JM19" s="102">
        <v>13</v>
      </c>
      <c r="JN19" s="102">
        <v>14</v>
      </c>
      <c r="JO19" s="102">
        <v>9</v>
      </c>
      <c r="JP19" s="103">
        <v>78</v>
      </c>
      <c r="JQ19" s="104">
        <v>95</v>
      </c>
      <c r="JR19" s="101">
        <v>0</v>
      </c>
      <c r="JS19" s="102">
        <v>0</v>
      </c>
      <c r="JT19" s="103">
        <v>0</v>
      </c>
      <c r="JU19" s="413">
        <v>0</v>
      </c>
      <c r="JV19" s="102">
        <v>0</v>
      </c>
      <c r="JW19" s="102">
        <v>0</v>
      </c>
      <c r="JX19" s="102">
        <v>0</v>
      </c>
      <c r="JY19" s="102">
        <v>0</v>
      </c>
      <c r="JZ19" s="102">
        <v>0</v>
      </c>
      <c r="KA19" s="103">
        <v>0</v>
      </c>
      <c r="KB19" s="104">
        <v>0</v>
      </c>
      <c r="KC19" s="101">
        <v>42</v>
      </c>
      <c r="KD19" s="102">
        <v>51</v>
      </c>
      <c r="KE19" s="103">
        <v>93</v>
      </c>
      <c r="KF19" s="413">
        <v>0</v>
      </c>
      <c r="KG19" s="102">
        <v>80</v>
      </c>
      <c r="KH19" s="102">
        <v>96</v>
      </c>
      <c r="KI19" s="102">
        <v>53</v>
      </c>
      <c r="KJ19" s="102">
        <v>39</v>
      </c>
      <c r="KK19" s="102">
        <v>29</v>
      </c>
      <c r="KL19" s="103">
        <v>297</v>
      </c>
      <c r="KM19" s="104">
        <v>390</v>
      </c>
    </row>
    <row r="20" spans="2:299" s="70" customFormat="1" ht="21" customHeight="1" x14ac:dyDescent="0.2">
      <c r="B20" s="106" t="s">
        <v>17</v>
      </c>
      <c r="C20" s="96">
        <v>60</v>
      </c>
      <c r="D20" s="97">
        <v>64</v>
      </c>
      <c r="E20" s="98">
        <v>124</v>
      </c>
      <c r="F20" s="413">
        <v>0</v>
      </c>
      <c r="G20" s="97">
        <v>70</v>
      </c>
      <c r="H20" s="97">
        <v>92</v>
      </c>
      <c r="I20" s="97">
        <v>67</v>
      </c>
      <c r="J20" s="97">
        <v>44</v>
      </c>
      <c r="K20" s="97">
        <v>19</v>
      </c>
      <c r="L20" s="99">
        <v>292</v>
      </c>
      <c r="M20" s="100">
        <v>416</v>
      </c>
      <c r="N20" s="101">
        <v>3</v>
      </c>
      <c r="O20" s="102">
        <v>2</v>
      </c>
      <c r="P20" s="103">
        <v>5</v>
      </c>
      <c r="Q20" s="413">
        <v>0</v>
      </c>
      <c r="R20" s="102">
        <v>6</v>
      </c>
      <c r="S20" s="102">
        <v>4</v>
      </c>
      <c r="T20" s="102">
        <v>3</v>
      </c>
      <c r="U20" s="102">
        <v>3</v>
      </c>
      <c r="V20" s="102">
        <v>1</v>
      </c>
      <c r="W20" s="103">
        <v>17</v>
      </c>
      <c r="X20" s="104">
        <v>22</v>
      </c>
      <c r="Y20" s="101">
        <v>5</v>
      </c>
      <c r="Z20" s="102">
        <v>8</v>
      </c>
      <c r="AA20" s="103">
        <v>13</v>
      </c>
      <c r="AB20" s="413">
        <v>0</v>
      </c>
      <c r="AC20" s="102">
        <v>3</v>
      </c>
      <c r="AD20" s="102">
        <v>15</v>
      </c>
      <c r="AE20" s="102">
        <v>6</v>
      </c>
      <c r="AF20" s="102">
        <v>1</v>
      </c>
      <c r="AG20" s="102">
        <v>4</v>
      </c>
      <c r="AH20" s="103">
        <v>29</v>
      </c>
      <c r="AI20" s="104">
        <v>42</v>
      </c>
      <c r="AJ20" s="101">
        <v>9</v>
      </c>
      <c r="AK20" s="102">
        <v>7</v>
      </c>
      <c r="AL20" s="103">
        <v>16</v>
      </c>
      <c r="AM20" s="413">
        <v>0</v>
      </c>
      <c r="AN20" s="102">
        <v>7</v>
      </c>
      <c r="AO20" s="102">
        <v>12</v>
      </c>
      <c r="AP20" s="102">
        <v>8</v>
      </c>
      <c r="AQ20" s="102">
        <v>5</v>
      </c>
      <c r="AR20" s="102">
        <v>3</v>
      </c>
      <c r="AS20" s="103">
        <v>35</v>
      </c>
      <c r="AT20" s="104">
        <v>51</v>
      </c>
      <c r="AU20" s="101">
        <v>11</v>
      </c>
      <c r="AV20" s="102">
        <v>11</v>
      </c>
      <c r="AW20" s="103">
        <v>22</v>
      </c>
      <c r="AX20" s="413">
        <v>0</v>
      </c>
      <c r="AY20" s="102">
        <v>20</v>
      </c>
      <c r="AZ20" s="102">
        <v>24</v>
      </c>
      <c r="BA20" s="102">
        <v>9</v>
      </c>
      <c r="BB20" s="102">
        <v>13</v>
      </c>
      <c r="BC20" s="102">
        <v>7</v>
      </c>
      <c r="BD20" s="103">
        <v>73</v>
      </c>
      <c r="BE20" s="104">
        <v>95</v>
      </c>
      <c r="BF20" s="101">
        <v>24</v>
      </c>
      <c r="BG20" s="102">
        <v>20</v>
      </c>
      <c r="BH20" s="103">
        <v>44</v>
      </c>
      <c r="BI20" s="413">
        <v>0</v>
      </c>
      <c r="BJ20" s="102">
        <v>21</v>
      </c>
      <c r="BK20" s="102">
        <v>16</v>
      </c>
      <c r="BL20" s="102">
        <v>20</v>
      </c>
      <c r="BM20" s="102">
        <v>12</v>
      </c>
      <c r="BN20" s="102">
        <v>3</v>
      </c>
      <c r="BO20" s="103">
        <v>72</v>
      </c>
      <c r="BP20" s="104">
        <v>116</v>
      </c>
      <c r="BQ20" s="101">
        <v>8</v>
      </c>
      <c r="BR20" s="102">
        <v>16</v>
      </c>
      <c r="BS20" s="103">
        <v>24</v>
      </c>
      <c r="BT20" s="413">
        <v>0</v>
      </c>
      <c r="BU20" s="102">
        <v>13</v>
      </c>
      <c r="BV20" s="102">
        <v>21</v>
      </c>
      <c r="BW20" s="102">
        <v>21</v>
      </c>
      <c r="BX20" s="102">
        <v>10</v>
      </c>
      <c r="BY20" s="102">
        <v>1</v>
      </c>
      <c r="BZ20" s="103">
        <v>66</v>
      </c>
      <c r="CA20" s="104">
        <v>90</v>
      </c>
      <c r="CB20" s="101">
        <v>0</v>
      </c>
      <c r="CC20" s="102">
        <v>0</v>
      </c>
      <c r="CD20" s="103">
        <v>0</v>
      </c>
      <c r="CE20" s="413">
        <v>0</v>
      </c>
      <c r="CF20" s="102">
        <v>0</v>
      </c>
      <c r="CG20" s="102">
        <v>0</v>
      </c>
      <c r="CH20" s="102">
        <v>0</v>
      </c>
      <c r="CI20" s="102">
        <v>0</v>
      </c>
      <c r="CJ20" s="102">
        <v>0</v>
      </c>
      <c r="CK20" s="103">
        <v>0</v>
      </c>
      <c r="CL20" s="104">
        <v>0</v>
      </c>
      <c r="CM20" s="101">
        <v>60</v>
      </c>
      <c r="CN20" s="102">
        <v>64</v>
      </c>
      <c r="CO20" s="103">
        <v>124</v>
      </c>
      <c r="CP20" s="413">
        <v>0</v>
      </c>
      <c r="CQ20" s="102">
        <v>70</v>
      </c>
      <c r="CR20" s="102">
        <v>92</v>
      </c>
      <c r="CS20" s="102">
        <v>67</v>
      </c>
      <c r="CT20" s="102">
        <v>44</v>
      </c>
      <c r="CU20" s="102">
        <v>19</v>
      </c>
      <c r="CV20" s="103">
        <v>292</v>
      </c>
      <c r="CW20" s="104">
        <v>416</v>
      </c>
      <c r="CX20" s="105">
        <v>15</v>
      </c>
      <c r="CY20" s="97">
        <v>25</v>
      </c>
      <c r="CZ20" s="98">
        <v>40</v>
      </c>
      <c r="DA20" s="413">
        <v>0</v>
      </c>
      <c r="DB20" s="97">
        <v>37</v>
      </c>
      <c r="DC20" s="97">
        <v>44</v>
      </c>
      <c r="DD20" s="97">
        <v>33</v>
      </c>
      <c r="DE20" s="97">
        <v>24</v>
      </c>
      <c r="DF20" s="97">
        <v>21</v>
      </c>
      <c r="DG20" s="99">
        <v>159</v>
      </c>
      <c r="DH20" s="100">
        <v>199</v>
      </c>
      <c r="DI20" s="101">
        <v>1</v>
      </c>
      <c r="DJ20" s="102">
        <v>1</v>
      </c>
      <c r="DK20" s="103">
        <v>2</v>
      </c>
      <c r="DL20" s="413">
        <v>0</v>
      </c>
      <c r="DM20" s="102">
        <v>0</v>
      </c>
      <c r="DN20" s="102">
        <v>0</v>
      </c>
      <c r="DO20" s="102">
        <v>1</v>
      </c>
      <c r="DP20" s="102">
        <v>0</v>
      </c>
      <c r="DQ20" s="102">
        <v>0</v>
      </c>
      <c r="DR20" s="103">
        <v>1</v>
      </c>
      <c r="DS20" s="104">
        <v>3</v>
      </c>
      <c r="DT20" s="101">
        <v>5</v>
      </c>
      <c r="DU20" s="102">
        <v>1</v>
      </c>
      <c r="DV20" s="103">
        <v>6</v>
      </c>
      <c r="DW20" s="413">
        <v>0</v>
      </c>
      <c r="DX20" s="102">
        <v>0</v>
      </c>
      <c r="DY20" s="102">
        <v>0</v>
      </c>
      <c r="DZ20" s="102">
        <v>0</v>
      </c>
      <c r="EA20" s="102">
        <v>3</v>
      </c>
      <c r="EB20" s="102">
        <v>0</v>
      </c>
      <c r="EC20" s="103">
        <v>3</v>
      </c>
      <c r="ED20" s="104">
        <v>9</v>
      </c>
      <c r="EE20" s="101">
        <v>3</v>
      </c>
      <c r="EF20" s="102">
        <v>1</v>
      </c>
      <c r="EG20" s="103">
        <v>4</v>
      </c>
      <c r="EH20" s="413">
        <v>0</v>
      </c>
      <c r="EI20" s="102">
        <v>7</v>
      </c>
      <c r="EJ20" s="102">
        <v>4</v>
      </c>
      <c r="EK20" s="102">
        <v>7</v>
      </c>
      <c r="EL20" s="102">
        <v>5</v>
      </c>
      <c r="EM20" s="102">
        <v>2</v>
      </c>
      <c r="EN20" s="103">
        <v>25</v>
      </c>
      <c r="EO20" s="104">
        <v>29</v>
      </c>
      <c r="EP20" s="101">
        <v>1</v>
      </c>
      <c r="EQ20" s="102">
        <v>8</v>
      </c>
      <c r="ER20" s="103">
        <v>9</v>
      </c>
      <c r="ES20" s="413">
        <v>0</v>
      </c>
      <c r="ET20" s="102">
        <v>9</v>
      </c>
      <c r="EU20" s="102">
        <v>8</v>
      </c>
      <c r="EV20" s="102">
        <v>6</v>
      </c>
      <c r="EW20" s="102">
        <v>4</v>
      </c>
      <c r="EX20" s="102">
        <v>6</v>
      </c>
      <c r="EY20" s="103">
        <v>33</v>
      </c>
      <c r="EZ20" s="104">
        <v>42</v>
      </c>
      <c r="FA20" s="101">
        <v>5</v>
      </c>
      <c r="FB20" s="102">
        <v>10</v>
      </c>
      <c r="FC20" s="103">
        <v>15</v>
      </c>
      <c r="FD20" s="413">
        <v>0</v>
      </c>
      <c r="FE20" s="102">
        <v>10</v>
      </c>
      <c r="FF20" s="102">
        <v>14</v>
      </c>
      <c r="FG20" s="102">
        <v>5</v>
      </c>
      <c r="FH20" s="102">
        <v>2</v>
      </c>
      <c r="FI20" s="102">
        <v>7</v>
      </c>
      <c r="FJ20" s="103">
        <v>38</v>
      </c>
      <c r="FK20" s="104">
        <v>53</v>
      </c>
      <c r="FL20" s="101">
        <v>0</v>
      </c>
      <c r="FM20" s="102">
        <v>4</v>
      </c>
      <c r="FN20" s="103">
        <v>4</v>
      </c>
      <c r="FO20" s="413">
        <v>0</v>
      </c>
      <c r="FP20" s="102">
        <v>11</v>
      </c>
      <c r="FQ20" s="102">
        <v>18</v>
      </c>
      <c r="FR20" s="102">
        <v>14</v>
      </c>
      <c r="FS20" s="102">
        <v>10</v>
      </c>
      <c r="FT20" s="102">
        <v>6</v>
      </c>
      <c r="FU20" s="103">
        <v>59</v>
      </c>
      <c r="FV20" s="104">
        <v>63</v>
      </c>
      <c r="FW20" s="101">
        <v>0</v>
      </c>
      <c r="FX20" s="102">
        <v>0</v>
      </c>
      <c r="FY20" s="103">
        <v>0</v>
      </c>
      <c r="FZ20" s="413">
        <v>0</v>
      </c>
      <c r="GA20" s="102">
        <v>0</v>
      </c>
      <c r="GB20" s="102">
        <v>0</v>
      </c>
      <c r="GC20" s="102">
        <v>0</v>
      </c>
      <c r="GD20" s="102">
        <v>0</v>
      </c>
      <c r="GE20" s="102">
        <v>0</v>
      </c>
      <c r="GF20" s="103">
        <v>0</v>
      </c>
      <c r="GG20" s="104">
        <v>0</v>
      </c>
      <c r="GH20" s="101">
        <v>15</v>
      </c>
      <c r="GI20" s="102">
        <v>25</v>
      </c>
      <c r="GJ20" s="103">
        <v>40</v>
      </c>
      <c r="GK20" s="413">
        <v>0</v>
      </c>
      <c r="GL20" s="102">
        <v>37</v>
      </c>
      <c r="GM20" s="102">
        <v>44</v>
      </c>
      <c r="GN20" s="102">
        <v>33</v>
      </c>
      <c r="GO20" s="102">
        <v>24</v>
      </c>
      <c r="GP20" s="102">
        <v>21</v>
      </c>
      <c r="GQ20" s="103">
        <v>159</v>
      </c>
      <c r="GR20" s="104">
        <v>199</v>
      </c>
      <c r="GS20" s="105">
        <v>75</v>
      </c>
      <c r="GT20" s="97">
        <v>89</v>
      </c>
      <c r="GU20" s="98">
        <v>164</v>
      </c>
      <c r="GV20" s="413">
        <v>0</v>
      </c>
      <c r="GW20" s="97">
        <v>107</v>
      </c>
      <c r="GX20" s="97">
        <v>136</v>
      </c>
      <c r="GY20" s="97">
        <v>100</v>
      </c>
      <c r="GZ20" s="97">
        <v>68</v>
      </c>
      <c r="HA20" s="97">
        <v>40</v>
      </c>
      <c r="HB20" s="99">
        <v>451</v>
      </c>
      <c r="HC20" s="100">
        <v>615</v>
      </c>
      <c r="HD20" s="101">
        <v>4</v>
      </c>
      <c r="HE20" s="102">
        <v>3</v>
      </c>
      <c r="HF20" s="103">
        <v>7</v>
      </c>
      <c r="HG20" s="413">
        <v>0</v>
      </c>
      <c r="HH20" s="102">
        <v>6</v>
      </c>
      <c r="HI20" s="102">
        <v>4</v>
      </c>
      <c r="HJ20" s="102">
        <v>4</v>
      </c>
      <c r="HK20" s="102">
        <v>3</v>
      </c>
      <c r="HL20" s="102">
        <v>1</v>
      </c>
      <c r="HM20" s="103">
        <v>18</v>
      </c>
      <c r="HN20" s="104">
        <v>25</v>
      </c>
      <c r="HO20" s="101">
        <v>10</v>
      </c>
      <c r="HP20" s="102">
        <v>9</v>
      </c>
      <c r="HQ20" s="103">
        <v>19</v>
      </c>
      <c r="HR20" s="413">
        <v>0</v>
      </c>
      <c r="HS20" s="102">
        <v>3</v>
      </c>
      <c r="HT20" s="102">
        <v>15</v>
      </c>
      <c r="HU20" s="102">
        <v>6</v>
      </c>
      <c r="HV20" s="102">
        <v>4</v>
      </c>
      <c r="HW20" s="102">
        <v>4</v>
      </c>
      <c r="HX20" s="103">
        <v>32</v>
      </c>
      <c r="HY20" s="104">
        <v>51</v>
      </c>
      <c r="HZ20" s="101">
        <v>12</v>
      </c>
      <c r="IA20" s="102">
        <v>8</v>
      </c>
      <c r="IB20" s="103">
        <v>20</v>
      </c>
      <c r="IC20" s="413">
        <v>0</v>
      </c>
      <c r="ID20" s="102">
        <v>14</v>
      </c>
      <c r="IE20" s="102">
        <v>16</v>
      </c>
      <c r="IF20" s="102">
        <v>15</v>
      </c>
      <c r="IG20" s="102">
        <v>10</v>
      </c>
      <c r="IH20" s="102">
        <v>5</v>
      </c>
      <c r="II20" s="103">
        <v>60</v>
      </c>
      <c r="IJ20" s="104">
        <v>80</v>
      </c>
      <c r="IK20" s="101">
        <v>12</v>
      </c>
      <c r="IL20" s="102">
        <v>19</v>
      </c>
      <c r="IM20" s="103">
        <v>31</v>
      </c>
      <c r="IN20" s="413">
        <v>0</v>
      </c>
      <c r="IO20" s="102">
        <v>29</v>
      </c>
      <c r="IP20" s="102">
        <v>32</v>
      </c>
      <c r="IQ20" s="102">
        <v>15</v>
      </c>
      <c r="IR20" s="102">
        <v>17</v>
      </c>
      <c r="IS20" s="102">
        <v>13</v>
      </c>
      <c r="IT20" s="103">
        <v>106</v>
      </c>
      <c r="IU20" s="104">
        <v>137</v>
      </c>
      <c r="IV20" s="101">
        <v>29</v>
      </c>
      <c r="IW20" s="102">
        <v>30</v>
      </c>
      <c r="IX20" s="103">
        <v>59</v>
      </c>
      <c r="IY20" s="413">
        <v>0</v>
      </c>
      <c r="IZ20" s="102">
        <v>31</v>
      </c>
      <c r="JA20" s="102">
        <v>30</v>
      </c>
      <c r="JB20" s="102">
        <v>25</v>
      </c>
      <c r="JC20" s="102">
        <v>14</v>
      </c>
      <c r="JD20" s="102">
        <v>10</v>
      </c>
      <c r="JE20" s="103">
        <v>110</v>
      </c>
      <c r="JF20" s="104">
        <v>169</v>
      </c>
      <c r="JG20" s="101">
        <v>8</v>
      </c>
      <c r="JH20" s="102">
        <v>20</v>
      </c>
      <c r="JI20" s="103">
        <v>28</v>
      </c>
      <c r="JJ20" s="413">
        <v>0</v>
      </c>
      <c r="JK20" s="102">
        <v>24</v>
      </c>
      <c r="JL20" s="102">
        <v>39</v>
      </c>
      <c r="JM20" s="102">
        <v>35</v>
      </c>
      <c r="JN20" s="102">
        <v>20</v>
      </c>
      <c r="JO20" s="102">
        <v>7</v>
      </c>
      <c r="JP20" s="103">
        <v>125</v>
      </c>
      <c r="JQ20" s="104">
        <v>153</v>
      </c>
      <c r="JR20" s="101">
        <v>0</v>
      </c>
      <c r="JS20" s="102">
        <v>0</v>
      </c>
      <c r="JT20" s="103">
        <v>0</v>
      </c>
      <c r="JU20" s="413">
        <v>0</v>
      </c>
      <c r="JV20" s="102">
        <v>0</v>
      </c>
      <c r="JW20" s="102">
        <v>0</v>
      </c>
      <c r="JX20" s="102">
        <v>0</v>
      </c>
      <c r="JY20" s="102">
        <v>0</v>
      </c>
      <c r="JZ20" s="102">
        <v>0</v>
      </c>
      <c r="KA20" s="103">
        <v>0</v>
      </c>
      <c r="KB20" s="104">
        <v>0</v>
      </c>
      <c r="KC20" s="101">
        <v>75</v>
      </c>
      <c r="KD20" s="102">
        <v>89</v>
      </c>
      <c r="KE20" s="103">
        <v>164</v>
      </c>
      <c r="KF20" s="413">
        <v>0</v>
      </c>
      <c r="KG20" s="102">
        <v>107</v>
      </c>
      <c r="KH20" s="102">
        <v>136</v>
      </c>
      <c r="KI20" s="102">
        <v>100</v>
      </c>
      <c r="KJ20" s="102">
        <v>68</v>
      </c>
      <c r="KK20" s="102">
        <v>40</v>
      </c>
      <c r="KL20" s="103">
        <v>451</v>
      </c>
      <c r="KM20" s="104">
        <v>615</v>
      </c>
    </row>
    <row r="21" spans="2:299" s="70" customFormat="1" ht="21" customHeight="1" x14ac:dyDescent="0.2">
      <c r="B21" s="106" t="s">
        <v>18</v>
      </c>
      <c r="C21" s="96">
        <v>67</v>
      </c>
      <c r="D21" s="97">
        <v>68</v>
      </c>
      <c r="E21" s="98">
        <v>135</v>
      </c>
      <c r="F21" s="413">
        <v>0</v>
      </c>
      <c r="G21" s="97">
        <v>134</v>
      </c>
      <c r="H21" s="97">
        <v>104</v>
      </c>
      <c r="I21" s="97">
        <v>65</v>
      </c>
      <c r="J21" s="97">
        <v>42</v>
      </c>
      <c r="K21" s="97">
        <v>34</v>
      </c>
      <c r="L21" s="99">
        <v>379</v>
      </c>
      <c r="M21" s="100">
        <v>514</v>
      </c>
      <c r="N21" s="101">
        <v>5</v>
      </c>
      <c r="O21" s="102">
        <v>2</v>
      </c>
      <c r="P21" s="103">
        <v>7</v>
      </c>
      <c r="Q21" s="413">
        <v>0</v>
      </c>
      <c r="R21" s="102">
        <v>8</v>
      </c>
      <c r="S21" s="102">
        <v>6</v>
      </c>
      <c r="T21" s="102">
        <v>6</v>
      </c>
      <c r="U21" s="102">
        <v>2</v>
      </c>
      <c r="V21" s="102">
        <v>3</v>
      </c>
      <c r="W21" s="103">
        <v>25</v>
      </c>
      <c r="X21" s="104">
        <v>32</v>
      </c>
      <c r="Y21" s="101">
        <v>5</v>
      </c>
      <c r="Z21" s="102">
        <v>7</v>
      </c>
      <c r="AA21" s="103">
        <v>12</v>
      </c>
      <c r="AB21" s="413">
        <v>0</v>
      </c>
      <c r="AC21" s="102">
        <v>12</v>
      </c>
      <c r="AD21" s="102">
        <v>4</v>
      </c>
      <c r="AE21" s="102">
        <v>4</v>
      </c>
      <c r="AF21" s="102">
        <v>3</v>
      </c>
      <c r="AG21" s="102">
        <v>3</v>
      </c>
      <c r="AH21" s="103">
        <v>26</v>
      </c>
      <c r="AI21" s="104">
        <v>38</v>
      </c>
      <c r="AJ21" s="101">
        <v>9</v>
      </c>
      <c r="AK21" s="102">
        <v>9</v>
      </c>
      <c r="AL21" s="103">
        <v>18</v>
      </c>
      <c r="AM21" s="413">
        <v>0</v>
      </c>
      <c r="AN21" s="102">
        <v>18</v>
      </c>
      <c r="AO21" s="102">
        <v>12</v>
      </c>
      <c r="AP21" s="102">
        <v>7</v>
      </c>
      <c r="AQ21" s="102">
        <v>4</v>
      </c>
      <c r="AR21" s="102">
        <v>8</v>
      </c>
      <c r="AS21" s="103">
        <v>49</v>
      </c>
      <c r="AT21" s="104">
        <v>67</v>
      </c>
      <c r="AU21" s="101">
        <v>19</v>
      </c>
      <c r="AV21" s="102">
        <v>10</v>
      </c>
      <c r="AW21" s="103">
        <v>29</v>
      </c>
      <c r="AX21" s="413">
        <v>0</v>
      </c>
      <c r="AY21" s="102">
        <v>40</v>
      </c>
      <c r="AZ21" s="102">
        <v>23</v>
      </c>
      <c r="BA21" s="102">
        <v>14</v>
      </c>
      <c r="BB21" s="102">
        <v>10</v>
      </c>
      <c r="BC21" s="102">
        <v>10</v>
      </c>
      <c r="BD21" s="103">
        <v>97</v>
      </c>
      <c r="BE21" s="104">
        <v>126</v>
      </c>
      <c r="BF21" s="101">
        <v>17</v>
      </c>
      <c r="BG21" s="102">
        <v>26</v>
      </c>
      <c r="BH21" s="103">
        <v>43</v>
      </c>
      <c r="BI21" s="413">
        <v>0</v>
      </c>
      <c r="BJ21" s="102">
        <v>36</v>
      </c>
      <c r="BK21" s="102">
        <v>29</v>
      </c>
      <c r="BL21" s="102">
        <v>19</v>
      </c>
      <c r="BM21" s="102">
        <v>13</v>
      </c>
      <c r="BN21" s="102">
        <v>9</v>
      </c>
      <c r="BO21" s="103">
        <v>106</v>
      </c>
      <c r="BP21" s="104">
        <v>149</v>
      </c>
      <c r="BQ21" s="101">
        <v>12</v>
      </c>
      <c r="BR21" s="102">
        <v>14</v>
      </c>
      <c r="BS21" s="103">
        <v>26</v>
      </c>
      <c r="BT21" s="413">
        <v>0</v>
      </c>
      <c r="BU21" s="102">
        <v>20</v>
      </c>
      <c r="BV21" s="102">
        <v>30</v>
      </c>
      <c r="BW21" s="102">
        <v>15</v>
      </c>
      <c r="BX21" s="102">
        <v>10</v>
      </c>
      <c r="BY21" s="102">
        <v>1</v>
      </c>
      <c r="BZ21" s="103">
        <v>76</v>
      </c>
      <c r="CA21" s="104">
        <v>102</v>
      </c>
      <c r="CB21" s="101">
        <v>0</v>
      </c>
      <c r="CC21" s="102">
        <v>0</v>
      </c>
      <c r="CD21" s="103">
        <v>0</v>
      </c>
      <c r="CE21" s="413">
        <v>0</v>
      </c>
      <c r="CF21" s="102">
        <v>0</v>
      </c>
      <c r="CG21" s="102">
        <v>0</v>
      </c>
      <c r="CH21" s="102">
        <v>0</v>
      </c>
      <c r="CI21" s="102">
        <v>0</v>
      </c>
      <c r="CJ21" s="102">
        <v>0</v>
      </c>
      <c r="CK21" s="103">
        <v>0</v>
      </c>
      <c r="CL21" s="104">
        <v>0</v>
      </c>
      <c r="CM21" s="101">
        <v>67</v>
      </c>
      <c r="CN21" s="102">
        <v>68</v>
      </c>
      <c r="CO21" s="103">
        <v>135</v>
      </c>
      <c r="CP21" s="413">
        <v>0</v>
      </c>
      <c r="CQ21" s="102">
        <v>134</v>
      </c>
      <c r="CR21" s="102">
        <v>104</v>
      </c>
      <c r="CS21" s="102">
        <v>65</v>
      </c>
      <c r="CT21" s="102">
        <v>42</v>
      </c>
      <c r="CU21" s="102">
        <v>34</v>
      </c>
      <c r="CV21" s="103">
        <v>379</v>
      </c>
      <c r="CW21" s="104">
        <v>514</v>
      </c>
      <c r="CX21" s="105">
        <v>18</v>
      </c>
      <c r="CY21" s="97">
        <v>33</v>
      </c>
      <c r="CZ21" s="98">
        <v>51</v>
      </c>
      <c r="DA21" s="413">
        <v>0</v>
      </c>
      <c r="DB21" s="97">
        <v>44</v>
      </c>
      <c r="DC21" s="97">
        <v>38</v>
      </c>
      <c r="DD21" s="97">
        <v>39</v>
      </c>
      <c r="DE21" s="97">
        <v>26</v>
      </c>
      <c r="DF21" s="97">
        <v>20</v>
      </c>
      <c r="DG21" s="99">
        <v>167</v>
      </c>
      <c r="DH21" s="100">
        <v>218</v>
      </c>
      <c r="DI21" s="101">
        <v>0</v>
      </c>
      <c r="DJ21" s="102">
        <v>0</v>
      </c>
      <c r="DK21" s="103">
        <v>0</v>
      </c>
      <c r="DL21" s="413">
        <v>0</v>
      </c>
      <c r="DM21" s="102">
        <v>0</v>
      </c>
      <c r="DN21" s="102">
        <v>4</v>
      </c>
      <c r="DO21" s="102">
        <v>1</v>
      </c>
      <c r="DP21" s="102">
        <v>1</v>
      </c>
      <c r="DQ21" s="102">
        <v>1</v>
      </c>
      <c r="DR21" s="103">
        <v>7</v>
      </c>
      <c r="DS21" s="104">
        <v>7</v>
      </c>
      <c r="DT21" s="101">
        <v>1</v>
      </c>
      <c r="DU21" s="102">
        <v>4</v>
      </c>
      <c r="DV21" s="103">
        <v>5</v>
      </c>
      <c r="DW21" s="413">
        <v>0</v>
      </c>
      <c r="DX21" s="102">
        <v>2</v>
      </c>
      <c r="DY21" s="102">
        <v>2</v>
      </c>
      <c r="DZ21" s="102">
        <v>0</v>
      </c>
      <c r="EA21" s="102">
        <v>4</v>
      </c>
      <c r="EB21" s="102">
        <v>1</v>
      </c>
      <c r="EC21" s="103">
        <v>9</v>
      </c>
      <c r="ED21" s="104">
        <v>14</v>
      </c>
      <c r="EE21" s="101">
        <v>2</v>
      </c>
      <c r="EF21" s="102">
        <v>8</v>
      </c>
      <c r="EG21" s="103">
        <v>10</v>
      </c>
      <c r="EH21" s="413">
        <v>0</v>
      </c>
      <c r="EI21" s="102">
        <v>8</v>
      </c>
      <c r="EJ21" s="102">
        <v>5</v>
      </c>
      <c r="EK21" s="102">
        <v>4</v>
      </c>
      <c r="EL21" s="102">
        <v>2</v>
      </c>
      <c r="EM21" s="102">
        <v>1</v>
      </c>
      <c r="EN21" s="103">
        <v>20</v>
      </c>
      <c r="EO21" s="104">
        <v>30</v>
      </c>
      <c r="EP21" s="101">
        <v>6</v>
      </c>
      <c r="EQ21" s="102">
        <v>8</v>
      </c>
      <c r="ER21" s="103">
        <v>14</v>
      </c>
      <c r="ES21" s="413">
        <v>0</v>
      </c>
      <c r="ET21" s="102">
        <v>8</v>
      </c>
      <c r="EU21" s="102">
        <v>5</v>
      </c>
      <c r="EV21" s="102">
        <v>5</v>
      </c>
      <c r="EW21" s="102">
        <v>2</v>
      </c>
      <c r="EX21" s="102">
        <v>3</v>
      </c>
      <c r="EY21" s="103">
        <v>23</v>
      </c>
      <c r="EZ21" s="104">
        <v>37</v>
      </c>
      <c r="FA21" s="101">
        <v>9</v>
      </c>
      <c r="FB21" s="102">
        <v>11</v>
      </c>
      <c r="FC21" s="103">
        <v>20</v>
      </c>
      <c r="FD21" s="413">
        <v>0</v>
      </c>
      <c r="FE21" s="102">
        <v>11</v>
      </c>
      <c r="FF21" s="102">
        <v>15</v>
      </c>
      <c r="FG21" s="102">
        <v>11</v>
      </c>
      <c r="FH21" s="102">
        <v>11</v>
      </c>
      <c r="FI21" s="102">
        <v>6</v>
      </c>
      <c r="FJ21" s="103">
        <v>54</v>
      </c>
      <c r="FK21" s="104">
        <v>74</v>
      </c>
      <c r="FL21" s="101">
        <v>0</v>
      </c>
      <c r="FM21" s="102">
        <v>2</v>
      </c>
      <c r="FN21" s="103">
        <v>2</v>
      </c>
      <c r="FO21" s="413">
        <v>0</v>
      </c>
      <c r="FP21" s="102">
        <v>15</v>
      </c>
      <c r="FQ21" s="102">
        <v>7</v>
      </c>
      <c r="FR21" s="102">
        <v>18</v>
      </c>
      <c r="FS21" s="102">
        <v>6</v>
      </c>
      <c r="FT21" s="102">
        <v>8</v>
      </c>
      <c r="FU21" s="103">
        <v>54</v>
      </c>
      <c r="FV21" s="104">
        <v>56</v>
      </c>
      <c r="FW21" s="101">
        <v>0</v>
      </c>
      <c r="FX21" s="102">
        <v>0</v>
      </c>
      <c r="FY21" s="103">
        <v>0</v>
      </c>
      <c r="FZ21" s="413">
        <v>0</v>
      </c>
      <c r="GA21" s="102">
        <v>0</v>
      </c>
      <c r="GB21" s="102">
        <v>0</v>
      </c>
      <c r="GC21" s="102">
        <v>0</v>
      </c>
      <c r="GD21" s="102">
        <v>0</v>
      </c>
      <c r="GE21" s="102">
        <v>0</v>
      </c>
      <c r="GF21" s="103">
        <v>0</v>
      </c>
      <c r="GG21" s="104">
        <v>0</v>
      </c>
      <c r="GH21" s="101">
        <v>18</v>
      </c>
      <c r="GI21" s="102">
        <v>33</v>
      </c>
      <c r="GJ21" s="103">
        <v>51</v>
      </c>
      <c r="GK21" s="413">
        <v>0</v>
      </c>
      <c r="GL21" s="102">
        <v>44</v>
      </c>
      <c r="GM21" s="102">
        <v>38</v>
      </c>
      <c r="GN21" s="102">
        <v>39</v>
      </c>
      <c r="GO21" s="102">
        <v>26</v>
      </c>
      <c r="GP21" s="102">
        <v>20</v>
      </c>
      <c r="GQ21" s="103">
        <v>167</v>
      </c>
      <c r="GR21" s="104">
        <v>218</v>
      </c>
      <c r="GS21" s="105">
        <v>85</v>
      </c>
      <c r="GT21" s="97">
        <v>101</v>
      </c>
      <c r="GU21" s="98">
        <v>186</v>
      </c>
      <c r="GV21" s="413">
        <v>0</v>
      </c>
      <c r="GW21" s="97">
        <v>178</v>
      </c>
      <c r="GX21" s="97">
        <v>142</v>
      </c>
      <c r="GY21" s="97">
        <v>104</v>
      </c>
      <c r="GZ21" s="97">
        <v>68</v>
      </c>
      <c r="HA21" s="97">
        <v>54</v>
      </c>
      <c r="HB21" s="99">
        <v>546</v>
      </c>
      <c r="HC21" s="100">
        <v>732</v>
      </c>
      <c r="HD21" s="101">
        <v>5</v>
      </c>
      <c r="HE21" s="102">
        <v>2</v>
      </c>
      <c r="HF21" s="103">
        <v>7</v>
      </c>
      <c r="HG21" s="413">
        <v>0</v>
      </c>
      <c r="HH21" s="102">
        <v>8</v>
      </c>
      <c r="HI21" s="102">
        <v>10</v>
      </c>
      <c r="HJ21" s="102">
        <v>7</v>
      </c>
      <c r="HK21" s="102">
        <v>3</v>
      </c>
      <c r="HL21" s="102">
        <v>4</v>
      </c>
      <c r="HM21" s="103">
        <v>32</v>
      </c>
      <c r="HN21" s="104">
        <v>39</v>
      </c>
      <c r="HO21" s="101">
        <v>6</v>
      </c>
      <c r="HP21" s="102">
        <v>11</v>
      </c>
      <c r="HQ21" s="103">
        <v>17</v>
      </c>
      <c r="HR21" s="413">
        <v>0</v>
      </c>
      <c r="HS21" s="102">
        <v>14</v>
      </c>
      <c r="HT21" s="102">
        <v>6</v>
      </c>
      <c r="HU21" s="102">
        <v>4</v>
      </c>
      <c r="HV21" s="102">
        <v>7</v>
      </c>
      <c r="HW21" s="102">
        <v>4</v>
      </c>
      <c r="HX21" s="103">
        <v>35</v>
      </c>
      <c r="HY21" s="104">
        <v>52</v>
      </c>
      <c r="HZ21" s="101">
        <v>11</v>
      </c>
      <c r="IA21" s="102">
        <v>17</v>
      </c>
      <c r="IB21" s="103">
        <v>28</v>
      </c>
      <c r="IC21" s="413">
        <v>0</v>
      </c>
      <c r="ID21" s="102">
        <v>26</v>
      </c>
      <c r="IE21" s="102">
        <v>17</v>
      </c>
      <c r="IF21" s="102">
        <v>11</v>
      </c>
      <c r="IG21" s="102">
        <v>6</v>
      </c>
      <c r="IH21" s="102">
        <v>9</v>
      </c>
      <c r="II21" s="103">
        <v>69</v>
      </c>
      <c r="IJ21" s="104">
        <v>97</v>
      </c>
      <c r="IK21" s="101">
        <v>25</v>
      </c>
      <c r="IL21" s="102">
        <v>18</v>
      </c>
      <c r="IM21" s="103">
        <v>43</v>
      </c>
      <c r="IN21" s="413">
        <v>0</v>
      </c>
      <c r="IO21" s="102">
        <v>48</v>
      </c>
      <c r="IP21" s="102">
        <v>28</v>
      </c>
      <c r="IQ21" s="102">
        <v>19</v>
      </c>
      <c r="IR21" s="102">
        <v>12</v>
      </c>
      <c r="IS21" s="102">
        <v>13</v>
      </c>
      <c r="IT21" s="103">
        <v>120</v>
      </c>
      <c r="IU21" s="104">
        <v>163</v>
      </c>
      <c r="IV21" s="101">
        <v>26</v>
      </c>
      <c r="IW21" s="102">
        <v>37</v>
      </c>
      <c r="IX21" s="103">
        <v>63</v>
      </c>
      <c r="IY21" s="413">
        <v>0</v>
      </c>
      <c r="IZ21" s="102">
        <v>47</v>
      </c>
      <c r="JA21" s="102">
        <v>44</v>
      </c>
      <c r="JB21" s="102">
        <v>30</v>
      </c>
      <c r="JC21" s="102">
        <v>24</v>
      </c>
      <c r="JD21" s="102">
        <v>15</v>
      </c>
      <c r="JE21" s="103">
        <v>160</v>
      </c>
      <c r="JF21" s="104">
        <v>223</v>
      </c>
      <c r="JG21" s="101">
        <v>12</v>
      </c>
      <c r="JH21" s="102">
        <v>16</v>
      </c>
      <c r="JI21" s="103">
        <v>28</v>
      </c>
      <c r="JJ21" s="413">
        <v>0</v>
      </c>
      <c r="JK21" s="102">
        <v>35</v>
      </c>
      <c r="JL21" s="102">
        <v>37</v>
      </c>
      <c r="JM21" s="102">
        <v>33</v>
      </c>
      <c r="JN21" s="102">
        <v>16</v>
      </c>
      <c r="JO21" s="102">
        <v>9</v>
      </c>
      <c r="JP21" s="103">
        <v>130</v>
      </c>
      <c r="JQ21" s="104">
        <v>158</v>
      </c>
      <c r="JR21" s="101">
        <v>0</v>
      </c>
      <c r="JS21" s="102">
        <v>0</v>
      </c>
      <c r="JT21" s="103">
        <v>0</v>
      </c>
      <c r="JU21" s="413">
        <v>0</v>
      </c>
      <c r="JV21" s="102">
        <v>0</v>
      </c>
      <c r="JW21" s="102">
        <v>0</v>
      </c>
      <c r="JX21" s="102">
        <v>0</v>
      </c>
      <c r="JY21" s="102">
        <v>0</v>
      </c>
      <c r="JZ21" s="102">
        <v>0</v>
      </c>
      <c r="KA21" s="103">
        <v>0</v>
      </c>
      <c r="KB21" s="104">
        <v>0</v>
      </c>
      <c r="KC21" s="101">
        <v>85</v>
      </c>
      <c r="KD21" s="102">
        <v>101</v>
      </c>
      <c r="KE21" s="103">
        <v>186</v>
      </c>
      <c r="KF21" s="413">
        <v>0</v>
      </c>
      <c r="KG21" s="102">
        <v>178</v>
      </c>
      <c r="KH21" s="102">
        <v>142</v>
      </c>
      <c r="KI21" s="102">
        <v>104</v>
      </c>
      <c r="KJ21" s="102">
        <v>68</v>
      </c>
      <c r="KK21" s="102">
        <v>54</v>
      </c>
      <c r="KL21" s="103">
        <v>546</v>
      </c>
      <c r="KM21" s="104">
        <v>732</v>
      </c>
    </row>
    <row r="22" spans="2:299" s="70" customFormat="1" ht="21" customHeight="1" x14ac:dyDescent="0.2">
      <c r="B22" s="106" t="s">
        <v>19</v>
      </c>
      <c r="C22" s="96">
        <v>44</v>
      </c>
      <c r="D22" s="97">
        <v>24</v>
      </c>
      <c r="E22" s="98">
        <v>68</v>
      </c>
      <c r="F22" s="413">
        <v>0</v>
      </c>
      <c r="G22" s="97">
        <v>52</v>
      </c>
      <c r="H22" s="97">
        <v>41</v>
      </c>
      <c r="I22" s="97">
        <v>24</v>
      </c>
      <c r="J22" s="97">
        <v>17</v>
      </c>
      <c r="K22" s="97">
        <v>7</v>
      </c>
      <c r="L22" s="99">
        <v>141</v>
      </c>
      <c r="M22" s="100">
        <v>209</v>
      </c>
      <c r="N22" s="107">
        <v>0</v>
      </c>
      <c r="O22" s="102">
        <v>2</v>
      </c>
      <c r="P22" s="103">
        <v>2</v>
      </c>
      <c r="Q22" s="413">
        <v>0</v>
      </c>
      <c r="R22" s="102">
        <v>2</v>
      </c>
      <c r="S22" s="102">
        <v>0</v>
      </c>
      <c r="T22" s="102">
        <v>0</v>
      </c>
      <c r="U22" s="102">
        <v>1</v>
      </c>
      <c r="V22" s="102">
        <v>0</v>
      </c>
      <c r="W22" s="103">
        <v>3</v>
      </c>
      <c r="X22" s="104">
        <v>5</v>
      </c>
      <c r="Y22" s="101">
        <v>3</v>
      </c>
      <c r="Z22" s="102">
        <v>3</v>
      </c>
      <c r="AA22" s="103">
        <v>6</v>
      </c>
      <c r="AB22" s="413">
        <v>0</v>
      </c>
      <c r="AC22" s="102">
        <v>4</v>
      </c>
      <c r="AD22" s="102">
        <v>3</v>
      </c>
      <c r="AE22" s="102">
        <v>2</v>
      </c>
      <c r="AF22" s="102">
        <v>4</v>
      </c>
      <c r="AG22" s="102">
        <v>0</v>
      </c>
      <c r="AH22" s="103">
        <v>13</v>
      </c>
      <c r="AI22" s="104">
        <v>19</v>
      </c>
      <c r="AJ22" s="107">
        <v>4</v>
      </c>
      <c r="AK22" s="102">
        <v>6</v>
      </c>
      <c r="AL22" s="103">
        <v>10</v>
      </c>
      <c r="AM22" s="413">
        <v>0</v>
      </c>
      <c r="AN22" s="102">
        <v>8</v>
      </c>
      <c r="AO22" s="102">
        <v>4</v>
      </c>
      <c r="AP22" s="102">
        <v>3</v>
      </c>
      <c r="AQ22" s="102">
        <v>3</v>
      </c>
      <c r="AR22" s="102">
        <v>3</v>
      </c>
      <c r="AS22" s="103">
        <v>21</v>
      </c>
      <c r="AT22" s="104">
        <v>31</v>
      </c>
      <c r="AU22" s="101">
        <v>13</v>
      </c>
      <c r="AV22" s="102">
        <v>4</v>
      </c>
      <c r="AW22" s="103">
        <v>17</v>
      </c>
      <c r="AX22" s="413">
        <v>0</v>
      </c>
      <c r="AY22" s="102">
        <v>11</v>
      </c>
      <c r="AZ22" s="102">
        <v>9</v>
      </c>
      <c r="BA22" s="102">
        <v>6</v>
      </c>
      <c r="BB22" s="102">
        <v>4</v>
      </c>
      <c r="BC22" s="102">
        <v>1</v>
      </c>
      <c r="BD22" s="103">
        <v>31</v>
      </c>
      <c r="BE22" s="104">
        <v>48</v>
      </c>
      <c r="BF22" s="107">
        <v>12</v>
      </c>
      <c r="BG22" s="102">
        <v>3</v>
      </c>
      <c r="BH22" s="103">
        <v>15</v>
      </c>
      <c r="BI22" s="413">
        <v>0</v>
      </c>
      <c r="BJ22" s="102">
        <v>12</v>
      </c>
      <c r="BK22" s="102">
        <v>13</v>
      </c>
      <c r="BL22" s="102">
        <v>2</v>
      </c>
      <c r="BM22" s="102">
        <v>4</v>
      </c>
      <c r="BN22" s="102">
        <v>3</v>
      </c>
      <c r="BO22" s="103">
        <v>34</v>
      </c>
      <c r="BP22" s="104">
        <v>49</v>
      </c>
      <c r="BQ22" s="101">
        <v>12</v>
      </c>
      <c r="BR22" s="102">
        <v>6</v>
      </c>
      <c r="BS22" s="103">
        <v>18</v>
      </c>
      <c r="BT22" s="413">
        <v>0</v>
      </c>
      <c r="BU22" s="102">
        <v>15</v>
      </c>
      <c r="BV22" s="102">
        <v>12</v>
      </c>
      <c r="BW22" s="102">
        <v>11</v>
      </c>
      <c r="BX22" s="102">
        <v>1</v>
      </c>
      <c r="BY22" s="102">
        <v>0</v>
      </c>
      <c r="BZ22" s="103">
        <v>39</v>
      </c>
      <c r="CA22" s="104">
        <v>57</v>
      </c>
      <c r="CB22" s="101">
        <v>0</v>
      </c>
      <c r="CC22" s="102">
        <v>0</v>
      </c>
      <c r="CD22" s="103">
        <v>0</v>
      </c>
      <c r="CE22" s="413">
        <v>0</v>
      </c>
      <c r="CF22" s="102">
        <v>0</v>
      </c>
      <c r="CG22" s="102">
        <v>0</v>
      </c>
      <c r="CH22" s="102">
        <v>0</v>
      </c>
      <c r="CI22" s="102">
        <v>0</v>
      </c>
      <c r="CJ22" s="102">
        <v>0</v>
      </c>
      <c r="CK22" s="103">
        <v>0</v>
      </c>
      <c r="CL22" s="104">
        <v>0</v>
      </c>
      <c r="CM22" s="101">
        <v>44</v>
      </c>
      <c r="CN22" s="102">
        <v>24</v>
      </c>
      <c r="CO22" s="103">
        <v>68</v>
      </c>
      <c r="CP22" s="413">
        <v>0</v>
      </c>
      <c r="CQ22" s="102">
        <v>52</v>
      </c>
      <c r="CR22" s="102">
        <v>41</v>
      </c>
      <c r="CS22" s="102">
        <v>24</v>
      </c>
      <c r="CT22" s="102">
        <v>17</v>
      </c>
      <c r="CU22" s="102">
        <v>7</v>
      </c>
      <c r="CV22" s="103">
        <v>141</v>
      </c>
      <c r="CW22" s="104">
        <v>209</v>
      </c>
      <c r="CX22" s="105">
        <v>11</v>
      </c>
      <c r="CY22" s="97">
        <v>6</v>
      </c>
      <c r="CZ22" s="98">
        <v>17</v>
      </c>
      <c r="DA22" s="413">
        <v>0</v>
      </c>
      <c r="DB22" s="97">
        <v>20</v>
      </c>
      <c r="DC22" s="97">
        <v>9</v>
      </c>
      <c r="DD22" s="97">
        <v>11</v>
      </c>
      <c r="DE22" s="97">
        <v>5</v>
      </c>
      <c r="DF22" s="97">
        <v>4</v>
      </c>
      <c r="DG22" s="99">
        <v>49</v>
      </c>
      <c r="DH22" s="100">
        <v>66</v>
      </c>
      <c r="DI22" s="107">
        <v>1</v>
      </c>
      <c r="DJ22" s="102">
        <v>0</v>
      </c>
      <c r="DK22" s="103">
        <v>1</v>
      </c>
      <c r="DL22" s="413">
        <v>0</v>
      </c>
      <c r="DM22" s="102">
        <v>0</v>
      </c>
      <c r="DN22" s="102">
        <v>0</v>
      </c>
      <c r="DO22" s="102">
        <v>1</v>
      </c>
      <c r="DP22" s="102">
        <v>0</v>
      </c>
      <c r="DQ22" s="102">
        <v>0</v>
      </c>
      <c r="DR22" s="103">
        <v>1</v>
      </c>
      <c r="DS22" s="104">
        <v>2</v>
      </c>
      <c r="DT22" s="101">
        <v>0</v>
      </c>
      <c r="DU22" s="102">
        <v>0</v>
      </c>
      <c r="DV22" s="103">
        <v>0</v>
      </c>
      <c r="DW22" s="413">
        <v>0</v>
      </c>
      <c r="DX22" s="102">
        <v>1</v>
      </c>
      <c r="DY22" s="102">
        <v>1</v>
      </c>
      <c r="DZ22" s="102">
        <v>0</v>
      </c>
      <c r="EA22" s="102">
        <v>1</v>
      </c>
      <c r="EB22" s="102">
        <v>0</v>
      </c>
      <c r="EC22" s="103">
        <v>3</v>
      </c>
      <c r="ED22" s="104">
        <v>3</v>
      </c>
      <c r="EE22" s="107">
        <v>1</v>
      </c>
      <c r="EF22" s="102">
        <v>2</v>
      </c>
      <c r="EG22" s="103">
        <v>3</v>
      </c>
      <c r="EH22" s="413">
        <v>0</v>
      </c>
      <c r="EI22" s="102">
        <v>3</v>
      </c>
      <c r="EJ22" s="102">
        <v>1</v>
      </c>
      <c r="EK22" s="102">
        <v>0</v>
      </c>
      <c r="EL22" s="102">
        <v>2</v>
      </c>
      <c r="EM22" s="102">
        <v>0</v>
      </c>
      <c r="EN22" s="103">
        <v>6</v>
      </c>
      <c r="EO22" s="104">
        <v>9</v>
      </c>
      <c r="EP22" s="101">
        <v>5</v>
      </c>
      <c r="EQ22" s="102">
        <v>1</v>
      </c>
      <c r="ER22" s="103">
        <v>6</v>
      </c>
      <c r="ES22" s="413">
        <v>0</v>
      </c>
      <c r="ET22" s="102">
        <v>3</v>
      </c>
      <c r="EU22" s="102">
        <v>1</v>
      </c>
      <c r="EV22" s="102">
        <v>3</v>
      </c>
      <c r="EW22" s="102">
        <v>1</v>
      </c>
      <c r="EX22" s="102">
        <v>1</v>
      </c>
      <c r="EY22" s="103">
        <v>9</v>
      </c>
      <c r="EZ22" s="104">
        <v>15</v>
      </c>
      <c r="FA22" s="107">
        <v>2</v>
      </c>
      <c r="FB22" s="102">
        <v>2</v>
      </c>
      <c r="FC22" s="103">
        <v>4</v>
      </c>
      <c r="FD22" s="413">
        <v>0</v>
      </c>
      <c r="FE22" s="102">
        <v>6</v>
      </c>
      <c r="FF22" s="102">
        <v>1</v>
      </c>
      <c r="FG22" s="102">
        <v>3</v>
      </c>
      <c r="FH22" s="102">
        <v>0</v>
      </c>
      <c r="FI22" s="102">
        <v>1</v>
      </c>
      <c r="FJ22" s="103">
        <v>11</v>
      </c>
      <c r="FK22" s="104">
        <v>15</v>
      </c>
      <c r="FL22" s="101">
        <v>2</v>
      </c>
      <c r="FM22" s="102">
        <v>1</v>
      </c>
      <c r="FN22" s="103">
        <v>3</v>
      </c>
      <c r="FO22" s="413">
        <v>0</v>
      </c>
      <c r="FP22" s="102">
        <v>7</v>
      </c>
      <c r="FQ22" s="102">
        <v>5</v>
      </c>
      <c r="FR22" s="102">
        <v>4</v>
      </c>
      <c r="FS22" s="102">
        <v>1</v>
      </c>
      <c r="FT22" s="102">
        <v>2</v>
      </c>
      <c r="FU22" s="103">
        <v>19</v>
      </c>
      <c r="FV22" s="104">
        <v>22</v>
      </c>
      <c r="FW22" s="101">
        <v>0</v>
      </c>
      <c r="FX22" s="102">
        <v>0</v>
      </c>
      <c r="FY22" s="103">
        <v>0</v>
      </c>
      <c r="FZ22" s="413">
        <v>0</v>
      </c>
      <c r="GA22" s="102">
        <v>0</v>
      </c>
      <c r="GB22" s="102">
        <v>0</v>
      </c>
      <c r="GC22" s="102">
        <v>0</v>
      </c>
      <c r="GD22" s="102">
        <v>0</v>
      </c>
      <c r="GE22" s="102">
        <v>0</v>
      </c>
      <c r="GF22" s="103">
        <v>0</v>
      </c>
      <c r="GG22" s="104">
        <v>0</v>
      </c>
      <c r="GH22" s="101">
        <v>11</v>
      </c>
      <c r="GI22" s="102">
        <v>6</v>
      </c>
      <c r="GJ22" s="103">
        <v>17</v>
      </c>
      <c r="GK22" s="413">
        <v>0</v>
      </c>
      <c r="GL22" s="102">
        <v>20</v>
      </c>
      <c r="GM22" s="102">
        <v>9</v>
      </c>
      <c r="GN22" s="102">
        <v>11</v>
      </c>
      <c r="GO22" s="102">
        <v>5</v>
      </c>
      <c r="GP22" s="102">
        <v>4</v>
      </c>
      <c r="GQ22" s="103">
        <v>49</v>
      </c>
      <c r="GR22" s="104">
        <v>66</v>
      </c>
      <c r="GS22" s="105">
        <v>55</v>
      </c>
      <c r="GT22" s="97">
        <v>30</v>
      </c>
      <c r="GU22" s="98">
        <v>85</v>
      </c>
      <c r="GV22" s="413">
        <v>0</v>
      </c>
      <c r="GW22" s="97">
        <v>72</v>
      </c>
      <c r="GX22" s="97">
        <v>50</v>
      </c>
      <c r="GY22" s="97">
        <v>35</v>
      </c>
      <c r="GZ22" s="97">
        <v>22</v>
      </c>
      <c r="HA22" s="97">
        <v>11</v>
      </c>
      <c r="HB22" s="99">
        <v>190</v>
      </c>
      <c r="HC22" s="100">
        <v>275</v>
      </c>
      <c r="HD22" s="107">
        <v>1</v>
      </c>
      <c r="HE22" s="102">
        <v>2</v>
      </c>
      <c r="HF22" s="103">
        <v>3</v>
      </c>
      <c r="HG22" s="413">
        <v>0</v>
      </c>
      <c r="HH22" s="102">
        <v>2</v>
      </c>
      <c r="HI22" s="102">
        <v>0</v>
      </c>
      <c r="HJ22" s="102">
        <v>1</v>
      </c>
      <c r="HK22" s="102">
        <v>1</v>
      </c>
      <c r="HL22" s="102">
        <v>0</v>
      </c>
      <c r="HM22" s="103">
        <v>4</v>
      </c>
      <c r="HN22" s="104">
        <v>7</v>
      </c>
      <c r="HO22" s="101">
        <v>3</v>
      </c>
      <c r="HP22" s="102">
        <v>3</v>
      </c>
      <c r="HQ22" s="103">
        <v>6</v>
      </c>
      <c r="HR22" s="413">
        <v>0</v>
      </c>
      <c r="HS22" s="102">
        <v>5</v>
      </c>
      <c r="HT22" s="102">
        <v>4</v>
      </c>
      <c r="HU22" s="102">
        <v>2</v>
      </c>
      <c r="HV22" s="102">
        <v>5</v>
      </c>
      <c r="HW22" s="102">
        <v>0</v>
      </c>
      <c r="HX22" s="103">
        <v>16</v>
      </c>
      <c r="HY22" s="104">
        <v>22</v>
      </c>
      <c r="HZ22" s="107">
        <v>5</v>
      </c>
      <c r="IA22" s="102">
        <v>8</v>
      </c>
      <c r="IB22" s="103">
        <v>13</v>
      </c>
      <c r="IC22" s="413">
        <v>0</v>
      </c>
      <c r="ID22" s="102">
        <v>11</v>
      </c>
      <c r="IE22" s="102">
        <v>5</v>
      </c>
      <c r="IF22" s="102">
        <v>3</v>
      </c>
      <c r="IG22" s="102">
        <v>5</v>
      </c>
      <c r="IH22" s="102">
        <v>3</v>
      </c>
      <c r="II22" s="103">
        <v>27</v>
      </c>
      <c r="IJ22" s="104">
        <v>40</v>
      </c>
      <c r="IK22" s="101">
        <v>18</v>
      </c>
      <c r="IL22" s="102">
        <v>5</v>
      </c>
      <c r="IM22" s="103">
        <v>23</v>
      </c>
      <c r="IN22" s="413">
        <v>0</v>
      </c>
      <c r="IO22" s="102">
        <v>14</v>
      </c>
      <c r="IP22" s="102">
        <v>10</v>
      </c>
      <c r="IQ22" s="102">
        <v>9</v>
      </c>
      <c r="IR22" s="102">
        <v>5</v>
      </c>
      <c r="IS22" s="102">
        <v>2</v>
      </c>
      <c r="IT22" s="103">
        <v>40</v>
      </c>
      <c r="IU22" s="104">
        <v>63</v>
      </c>
      <c r="IV22" s="107">
        <v>14</v>
      </c>
      <c r="IW22" s="102">
        <v>5</v>
      </c>
      <c r="IX22" s="103">
        <v>19</v>
      </c>
      <c r="IY22" s="413">
        <v>0</v>
      </c>
      <c r="IZ22" s="102">
        <v>18</v>
      </c>
      <c r="JA22" s="102">
        <v>14</v>
      </c>
      <c r="JB22" s="102">
        <v>5</v>
      </c>
      <c r="JC22" s="102">
        <v>4</v>
      </c>
      <c r="JD22" s="102">
        <v>4</v>
      </c>
      <c r="JE22" s="103">
        <v>45</v>
      </c>
      <c r="JF22" s="104">
        <v>64</v>
      </c>
      <c r="JG22" s="101">
        <v>14</v>
      </c>
      <c r="JH22" s="102">
        <v>7</v>
      </c>
      <c r="JI22" s="103">
        <v>21</v>
      </c>
      <c r="JJ22" s="413">
        <v>0</v>
      </c>
      <c r="JK22" s="102">
        <v>22</v>
      </c>
      <c r="JL22" s="102">
        <v>17</v>
      </c>
      <c r="JM22" s="102">
        <v>15</v>
      </c>
      <c r="JN22" s="102">
        <v>2</v>
      </c>
      <c r="JO22" s="102">
        <v>2</v>
      </c>
      <c r="JP22" s="103">
        <v>58</v>
      </c>
      <c r="JQ22" s="104">
        <v>79</v>
      </c>
      <c r="JR22" s="101">
        <v>0</v>
      </c>
      <c r="JS22" s="102">
        <v>0</v>
      </c>
      <c r="JT22" s="103">
        <v>0</v>
      </c>
      <c r="JU22" s="413">
        <v>0</v>
      </c>
      <c r="JV22" s="102">
        <v>0</v>
      </c>
      <c r="JW22" s="102">
        <v>0</v>
      </c>
      <c r="JX22" s="102">
        <v>0</v>
      </c>
      <c r="JY22" s="102">
        <v>0</v>
      </c>
      <c r="JZ22" s="102">
        <v>0</v>
      </c>
      <c r="KA22" s="103">
        <v>0</v>
      </c>
      <c r="KB22" s="104">
        <v>0</v>
      </c>
      <c r="KC22" s="101">
        <v>55</v>
      </c>
      <c r="KD22" s="102">
        <v>30</v>
      </c>
      <c r="KE22" s="103">
        <v>85</v>
      </c>
      <c r="KF22" s="413">
        <v>0</v>
      </c>
      <c r="KG22" s="102">
        <v>72</v>
      </c>
      <c r="KH22" s="102">
        <v>50</v>
      </c>
      <c r="KI22" s="102">
        <v>35</v>
      </c>
      <c r="KJ22" s="102">
        <v>22</v>
      </c>
      <c r="KK22" s="102">
        <v>11</v>
      </c>
      <c r="KL22" s="103">
        <v>190</v>
      </c>
      <c r="KM22" s="104">
        <v>275</v>
      </c>
    </row>
    <row r="23" spans="2:299" s="70" customFormat="1" ht="21" customHeight="1" x14ac:dyDescent="0.2">
      <c r="B23" s="106" t="s">
        <v>20</v>
      </c>
      <c r="C23" s="96">
        <v>35</v>
      </c>
      <c r="D23" s="97">
        <v>43</v>
      </c>
      <c r="E23" s="98">
        <v>78</v>
      </c>
      <c r="F23" s="413">
        <v>0</v>
      </c>
      <c r="G23" s="97">
        <v>82</v>
      </c>
      <c r="H23" s="97">
        <v>52</v>
      </c>
      <c r="I23" s="97">
        <v>32</v>
      </c>
      <c r="J23" s="97">
        <v>29</v>
      </c>
      <c r="K23" s="97">
        <v>17</v>
      </c>
      <c r="L23" s="99">
        <v>212</v>
      </c>
      <c r="M23" s="100">
        <v>290</v>
      </c>
      <c r="N23" s="101">
        <v>0</v>
      </c>
      <c r="O23" s="102">
        <v>1</v>
      </c>
      <c r="P23" s="103">
        <v>1</v>
      </c>
      <c r="Q23" s="413">
        <v>0</v>
      </c>
      <c r="R23" s="102">
        <v>1</v>
      </c>
      <c r="S23" s="102">
        <v>0</v>
      </c>
      <c r="T23" s="102">
        <v>0</v>
      </c>
      <c r="U23" s="102">
        <v>1</v>
      </c>
      <c r="V23" s="102">
        <v>1</v>
      </c>
      <c r="W23" s="103">
        <v>3</v>
      </c>
      <c r="X23" s="104">
        <v>4</v>
      </c>
      <c r="Y23" s="101">
        <v>4</v>
      </c>
      <c r="Z23" s="102">
        <v>3</v>
      </c>
      <c r="AA23" s="103">
        <v>7</v>
      </c>
      <c r="AB23" s="413">
        <v>0</v>
      </c>
      <c r="AC23" s="102">
        <v>9</v>
      </c>
      <c r="AD23" s="102">
        <v>8</v>
      </c>
      <c r="AE23" s="102">
        <v>3</v>
      </c>
      <c r="AF23" s="102">
        <v>3</v>
      </c>
      <c r="AG23" s="102">
        <v>2</v>
      </c>
      <c r="AH23" s="103">
        <v>25</v>
      </c>
      <c r="AI23" s="104">
        <v>32</v>
      </c>
      <c r="AJ23" s="101">
        <v>6</v>
      </c>
      <c r="AK23" s="102">
        <v>6</v>
      </c>
      <c r="AL23" s="103">
        <v>12</v>
      </c>
      <c r="AM23" s="413">
        <v>0</v>
      </c>
      <c r="AN23" s="102">
        <v>12</v>
      </c>
      <c r="AO23" s="102">
        <v>4</v>
      </c>
      <c r="AP23" s="102">
        <v>5</v>
      </c>
      <c r="AQ23" s="102">
        <v>4</v>
      </c>
      <c r="AR23" s="102">
        <v>2</v>
      </c>
      <c r="AS23" s="103">
        <v>27</v>
      </c>
      <c r="AT23" s="104">
        <v>39</v>
      </c>
      <c r="AU23" s="101">
        <v>9</v>
      </c>
      <c r="AV23" s="102">
        <v>5</v>
      </c>
      <c r="AW23" s="103">
        <v>14</v>
      </c>
      <c r="AX23" s="413">
        <v>0</v>
      </c>
      <c r="AY23" s="102">
        <v>21</v>
      </c>
      <c r="AZ23" s="102">
        <v>6</v>
      </c>
      <c r="BA23" s="102">
        <v>8</v>
      </c>
      <c r="BB23" s="102">
        <v>11</v>
      </c>
      <c r="BC23" s="102">
        <v>5</v>
      </c>
      <c r="BD23" s="103">
        <v>51</v>
      </c>
      <c r="BE23" s="104">
        <v>65</v>
      </c>
      <c r="BF23" s="101">
        <v>10</v>
      </c>
      <c r="BG23" s="102">
        <v>16</v>
      </c>
      <c r="BH23" s="103">
        <v>26</v>
      </c>
      <c r="BI23" s="413">
        <v>0</v>
      </c>
      <c r="BJ23" s="102">
        <v>23</v>
      </c>
      <c r="BK23" s="102">
        <v>21</v>
      </c>
      <c r="BL23" s="102">
        <v>11</v>
      </c>
      <c r="BM23" s="102">
        <v>5</v>
      </c>
      <c r="BN23" s="102">
        <v>3</v>
      </c>
      <c r="BO23" s="103">
        <v>63</v>
      </c>
      <c r="BP23" s="104">
        <v>89</v>
      </c>
      <c r="BQ23" s="101">
        <v>6</v>
      </c>
      <c r="BR23" s="102">
        <v>12</v>
      </c>
      <c r="BS23" s="103">
        <v>18</v>
      </c>
      <c r="BT23" s="413">
        <v>0</v>
      </c>
      <c r="BU23" s="102">
        <v>16</v>
      </c>
      <c r="BV23" s="102">
        <v>13</v>
      </c>
      <c r="BW23" s="102">
        <v>5</v>
      </c>
      <c r="BX23" s="102">
        <v>5</v>
      </c>
      <c r="BY23" s="102">
        <v>4</v>
      </c>
      <c r="BZ23" s="103">
        <v>43</v>
      </c>
      <c r="CA23" s="104">
        <v>61</v>
      </c>
      <c r="CB23" s="101">
        <v>0</v>
      </c>
      <c r="CC23" s="102">
        <v>0</v>
      </c>
      <c r="CD23" s="103">
        <v>0</v>
      </c>
      <c r="CE23" s="413">
        <v>0</v>
      </c>
      <c r="CF23" s="102">
        <v>0</v>
      </c>
      <c r="CG23" s="102">
        <v>0</v>
      </c>
      <c r="CH23" s="102">
        <v>0</v>
      </c>
      <c r="CI23" s="102">
        <v>0</v>
      </c>
      <c r="CJ23" s="102">
        <v>0</v>
      </c>
      <c r="CK23" s="103">
        <v>0</v>
      </c>
      <c r="CL23" s="104">
        <v>0</v>
      </c>
      <c r="CM23" s="101">
        <v>35</v>
      </c>
      <c r="CN23" s="102">
        <v>43</v>
      </c>
      <c r="CO23" s="103">
        <v>78</v>
      </c>
      <c r="CP23" s="413">
        <v>0</v>
      </c>
      <c r="CQ23" s="102">
        <v>82</v>
      </c>
      <c r="CR23" s="102">
        <v>52</v>
      </c>
      <c r="CS23" s="102">
        <v>32</v>
      </c>
      <c r="CT23" s="102">
        <v>29</v>
      </c>
      <c r="CU23" s="102">
        <v>17</v>
      </c>
      <c r="CV23" s="103">
        <v>212</v>
      </c>
      <c r="CW23" s="104">
        <v>290</v>
      </c>
      <c r="CX23" s="105">
        <v>18</v>
      </c>
      <c r="CY23" s="97">
        <v>15</v>
      </c>
      <c r="CZ23" s="98">
        <v>33</v>
      </c>
      <c r="DA23" s="413">
        <v>0</v>
      </c>
      <c r="DB23" s="97">
        <v>20</v>
      </c>
      <c r="DC23" s="97">
        <v>26</v>
      </c>
      <c r="DD23" s="97">
        <v>12</v>
      </c>
      <c r="DE23" s="97">
        <v>11</v>
      </c>
      <c r="DF23" s="97">
        <v>6</v>
      </c>
      <c r="DG23" s="99">
        <v>75</v>
      </c>
      <c r="DH23" s="100">
        <v>108</v>
      </c>
      <c r="DI23" s="101">
        <v>1</v>
      </c>
      <c r="DJ23" s="102">
        <v>0</v>
      </c>
      <c r="DK23" s="103">
        <v>1</v>
      </c>
      <c r="DL23" s="413">
        <v>0</v>
      </c>
      <c r="DM23" s="102">
        <v>0</v>
      </c>
      <c r="DN23" s="102">
        <v>1</v>
      </c>
      <c r="DO23" s="102">
        <v>0</v>
      </c>
      <c r="DP23" s="102">
        <v>0</v>
      </c>
      <c r="DQ23" s="102">
        <v>0</v>
      </c>
      <c r="DR23" s="103">
        <v>1</v>
      </c>
      <c r="DS23" s="104">
        <v>2</v>
      </c>
      <c r="DT23" s="101">
        <v>2</v>
      </c>
      <c r="DU23" s="102">
        <v>2</v>
      </c>
      <c r="DV23" s="103">
        <v>4</v>
      </c>
      <c r="DW23" s="413">
        <v>0</v>
      </c>
      <c r="DX23" s="102">
        <v>1</v>
      </c>
      <c r="DY23" s="102">
        <v>0</v>
      </c>
      <c r="DZ23" s="102">
        <v>0</v>
      </c>
      <c r="EA23" s="102">
        <v>0</v>
      </c>
      <c r="EB23" s="102">
        <v>0</v>
      </c>
      <c r="EC23" s="103">
        <v>1</v>
      </c>
      <c r="ED23" s="104">
        <v>5</v>
      </c>
      <c r="EE23" s="101">
        <v>2</v>
      </c>
      <c r="EF23" s="102">
        <v>1</v>
      </c>
      <c r="EG23" s="103">
        <v>3</v>
      </c>
      <c r="EH23" s="413">
        <v>0</v>
      </c>
      <c r="EI23" s="102">
        <v>2</v>
      </c>
      <c r="EJ23" s="102">
        <v>2</v>
      </c>
      <c r="EK23" s="102">
        <v>3</v>
      </c>
      <c r="EL23" s="102">
        <v>3</v>
      </c>
      <c r="EM23" s="102">
        <v>0</v>
      </c>
      <c r="EN23" s="103">
        <v>10</v>
      </c>
      <c r="EO23" s="104">
        <v>13</v>
      </c>
      <c r="EP23" s="101">
        <v>4</v>
      </c>
      <c r="EQ23" s="102">
        <v>5</v>
      </c>
      <c r="ER23" s="103">
        <v>9</v>
      </c>
      <c r="ES23" s="413">
        <v>0</v>
      </c>
      <c r="ET23" s="102">
        <v>4</v>
      </c>
      <c r="EU23" s="102">
        <v>8</v>
      </c>
      <c r="EV23" s="102">
        <v>3</v>
      </c>
      <c r="EW23" s="102">
        <v>1</v>
      </c>
      <c r="EX23" s="102">
        <v>1</v>
      </c>
      <c r="EY23" s="103">
        <v>17</v>
      </c>
      <c r="EZ23" s="104">
        <v>26</v>
      </c>
      <c r="FA23" s="101">
        <v>4</v>
      </c>
      <c r="FB23" s="102">
        <v>2</v>
      </c>
      <c r="FC23" s="103">
        <v>6</v>
      </c>
      <c r="FD23" s="413">
        <v>0</v>
      </c>
      <c r="FE23" s="102">
        <v>8</v>
      </c>
      <c r="FF23" s="102">
        <v>8</v>
      </c>
      <c r="FG23" s="102">
        <v>2</v>
      </c>
      <c r="FH23" s="102">
        <v>0</v>
      </c>
      <c r="FI23" s="102">
        <v>2</v>
      </c>
      <c r="FJ23" s="103">
        <v>20</v>
      </c>
      <c r="FK23" s="104">
        <v>26</v>
      </c>
      <c r="FL23" s="101">
        <v>5</v>
      </c>
      <c r="FM23" s="102">
        <v>5</v>
      </c>
      <c r="FN23" s="103">
        <v>10</v>
      </c>
      <c r="FO23" s="413">
        <v>0</v>
      </c>
      <c r="FP23" s="102">
        <v>5</v>
      </c>
      <c r="FQ23" s="102">
        <v>7</v>
      </c>
      <c r="FR23" s="102">
        <v>4</v>
      </c>
      <c r="FS23" s="102">
        <v>7</v>
      </c>
      <c r="FT23" s="102">
        <v>3</v>
      </c>
      <c r="FU23" s="103">
        <v>26</v>
      </c>
      <c r="FV23" s="104">
        <v>36</v>
      </c>
      <c r="FW23" s="101">
        <v>0</v>
      </c>
      <c r="FX23" s="102">
        <v>0</v>
      </c>
      <c r="FY23" s="103">
        <v>0</v>
      </c>
      <c r="FZ23" s="413">
        <v>0</v>
      </c>
      <c r="GA23" s="102">
        <v>0</v>
      </c>
      <c r="GB23" s="102">
        <v>0</v>
      </c>
      <c r="GC23" s="102">
        <v>0</v>
      </c>
      <c r="GD23" s="102">
        <v>0</v>
      </c>
      <c r="GE23" s="102">
        <v>0</v>
      </c>
      <c r="GF23" s="103">
        <v>0</v>
      </c>
      <c r="GG23" s="104">
        <v>0</v>
      </c>
      <c r="GH23" s="101">
        <v>18</v>
      </c>
      <c r="GI23" s="102">
        <v>15</v>
      </c>
      <c r="GJ23" s="103">
        <v>33</v>
      </c>
      <c r="GK23" s="413">
        <v>0</v>
      </c>
      <c r="GL23" s="102">
        <v>20</v>
      </c>
      <c r="GM23" s="102">
        <v>26</v>
      </c>
      <c r="GN23" s="102">
        <v>12</v>
      </c>
      <c r="GO23" s="102">
        <v>11</v>
      </c>
      <c r="GP23" s="102">
        <v>6</v>
      </c>
      <c r="GQ23" s="103">
        <v>75</v>
      </c>
      <c r="GR23" s="104">
        <v>108</v>
      </c>
      <c r="GS23" s="105">
        <v>53</v>
      </c>
      <c r="GT23" s="97">
        <v>58</v>
      </c>
      <c r="GU23" s="98">
        <v>111</v>
      </c>
      <c r="GV23" s="413">
        <v>0</v>
      </c>
      <c r="GW23" s="97">
        <v>102</v>
      </c>
      <c r="GX23" s="97">
        <v>78</v>
      </c>
      <c r="GY23" s="97">
        <v>44</v>
      </c>
      <c r="GZ23" s="97">
        <v>40</v>
      </c>
      <c r="HA23" s="97">
        <v>23</v>
      </c>
      <c r="HB23" s="99">
        <v>287</v>
      </c>
      <c r="HC23" s="100">
        <v>398</v>
      </c>
      <c r="HD23" s="101">
        <v>1</v>
      </c>
      <c r="HE23" s="102">
        <v>1</v>
      </c>
      <c r="HF23" s="103">
        <v>2</v>
      </c>
      <c r="HG23" s="413">
        <v>0</v>
      </c>
      <c r="HH23" s="102">
        <v>1</v>
      </c>
      <c r="HI23" s="102">
        <v>1</v>
      </c>
      <c r="HJ23" s="102">
        <v>0</v>
      </c>
      <c r="HK23" s="102">
        <v>1</v>
      </c>
      <c r="HL23" s="102">
        <v>1</v>
      </c>
      <c r="HM23" s="103">
        <v>4</v>
      </c>
      <c r="HN23" s="104">
        <v>6</v>
      </c>
      <c r="HO23" s="101">
        <v>6</v>
      </c>
      <c r="HP23" s="102">
        <v>5</v>
      </c>
      <c r="HQ23" s="103">
        <v>11</v>
      </c>
      <c r="HR23" s="413">
        <v>0</v>
      </c>
      <c r="HS23" s="102">
        <v>10</v>
      </c>
      <c r="HT23" s="102">
        <v>8</v>
      </c>
      <c r="HU23" s="102">
        <v>3</v>
      </c>
      <c r="HV23" s="102">
        <v>3</v>
      </c>
      <c r="HW23" s="102">
        <v>2</v>
      </c>
      <c r="HX23" s="103">
        <v>26</v>
      </c>
      <c r="HY23" s="104">
        <v>37</v>
      </c>
      <c r="HZ23" s="101">
        <v>8</v>
      </c>
      <c r="IA23" s="102">
        <v>7</v>
      </c>
      <c r="IB23" s="103">
        <v>15</v>
      </c>
      <c r="IC23" s="413">
        <v>0</v>
      </c>
      <c r="ID23" s="102">
        <v>14</v>
      </c>
      <c r="IE23" s="102">
        <v>6</v>
      </c>
      <c r="IF23" s="102">
        <v>8</v>
      </c>
      <c r="IG23" s="102">
        <v>7</v>
      </c>
      <c r="IH23" s="102">
        <v>2</v>
      </c>
      <c r="II23" s="103">
        <v>37</v>
      </c>
      <c r="IJ23" s="104">
        <v>52</v>
      </c>
      <c r="IK23" s="101">
        <v>13</v>
      </c>
      <c r="IL23" s="102">
        <v>10</v>
      </c>
      <c r="IM23" s="103">
        <v>23</v>
      </c>
      <c r="IN23" s="413">
        <v>0</v>
      </c>
      <c r="IO23" s="102">
        <v>25</v>
      </c>
      <c r="IP23" s="102">
        <v>14</v>
      </c>
      <c r="IQ23" s="102">
        <v>11</v>
      </c>
      <c r="IR23" s="102">
        <v>12</v>
      </c>
      <c r="IS23" s="102">
        <v>6</v>
      </c>
      <c r="IT23" s="103">
        <v>68</v>
      </c>
      <c r="IU23" s="104">
        <v>91</v>
      </c>
      <c r="IV23" s="101">
        <v>14</v>
      </c>
      <c r="IW23" s="102">
        <v>18</v>
      </c>
      <c r="IX23" s="103">
        <v>32</v>
      </c>
      <c r="IY23" s="413">
        <v>0</v>
      </c>
      <c r="IZ23" s="102">
        <v>31</v>
      </c>
      <c r="JA23" s="102">
        <v>29</v>
      </c>
      <c r="JB23" s="102">
        <v>13</v>
      </c>
      <c r="JC23" s="102">
        <v>5</v>
      </c>
      <c r="JD23" s="102">
        <v>5</v>
      </c>
      <c r="JE23" s="103">
        <v>83</v>
      </c>
      <c r="JF23" s="104">
        <v>115</v>
      </c>
      <c r="JG23" s="101">
        <v>11</v>
      </c>
      <c r="JH23" s="102">
        <v>17</v>
      </c>
      <c r="JI23" s="103">
        <v>28</v>
      </c>
      <c r="JJ23" s="413">
        <v>0</v>
      </c>
      <c r="JK23" s="102">
        <v>21</v>
      </c>
      <c r="JL23" s="102">
        <v>20</v>
      </c>
      <c r="JM23" s="102">
        <v>9</v>
      </c>
      <c r="JN23" s="102">
        <v>12</v>
      </c>
      <c r="JO23" s="102">
        <v>7</v>
      </c>
      <c r="JP23" s="103">
        <v>69</v>
      </c>
      <c r="JQ23" s="104">
        <v>97</v>
      </c>
      <c r="JR23" s="101">
        <v>0</v>
      </c>
      <c r="JS23" s="102">
        <v>0</v>
      </c>
      <c r="JT23" s="103">
        <v>0</v>
      </c>
      <c r="JU23" s="413">
        <v>0</v>
      </c>
      <c r="JV23" s="102">
        <v>0</v>
      </c>
      <c r="JW23" s="102">
        <v>0</v>
      </c>
      <c r="JX23" s="102">
        <v>0</v>
      </c>
      <c r="JY23" s="102">
        <v>0</v>
      </c>
      <c r="JZ23" s="102">
        <v>0</v>
      </c>
      <c r="KA23" s="103">
        <v>0</v>
      </c>
      <c r="KB23" s="104">
        <v>0</v>
      </c>
      <c r="KC23" s="101">
        <v>53</v>
      </c>
      <c r="KD23" s="102">
        <v>58</v>
      </c>
      <c r="KE23" s="103">
        <v>111</v>
      </c>
      <c r="KF23" s="413">
        <v>0</v>
      </c>
      <c r="KG23" s="102">
        <v>102</v>
      </c>
      <c r="KH23" s="102">
        <v>78</v>
      </c>
      <c r="KI23" s="102">
        <v>44</v>
      </c>
      <c r="KJ23" s="102">
        <v>40</v>
      </c>
      <c r="KK23" s="102">
        <v>23</v>
      </c>
      <c r="KL23" s="103">
        <v>287</v>
      </c>
      <c r="KM23" s="104">
        <v>398</v>
      </c>
    </row>
    <row r="24" spans="2:299" s="70" customFormat="1" ht="21" customHeight="1" x14ac:dyDescent="0.2">
      <c r="B24" s="106" t="s">
        <v>21</v>
      </c>
      <c r="C24" s="96">
        <v>39</v>
      </c>
      <c r="D24" s="97">
        <v>27</v>
      </c>
      <c r="E24" s="98">
        <v>66</v>
      </c>
      <c r="F24" s="413">
        <v>0</v>
      </c>
      <c r="G24" s="97">
        <v>52</v>
      </c>
      <c r="H24" s="97">
        <v>32</v>
      </c>
      <c r="I24" s="97">
        <v>22</v>
      </c>
      <c r="J24" s="97">
        <v>17</v>
      </c>
      <c r="K24" s="97">
        <v>11</v>
      </c>
      <c r="L24" s="99">
        <v>134</v>
      </c>
      <c r="M24" s="100">
        <v>200</v>
      </c>
      <c r="N24" s="101">
        <v>0</v>
      </c>
      <c r="O24" s="102">
        <v>1</v>
      </c>
      <c r="P24" s="103">
        <v>1</v>
      </c>
      <c r="Q24" s="413">
        <v>0</v>
      </c>
      <c r="R24" s="102">
        <v>2</v>
      </c>
      <c r="S24" s="102">
        <v>1</v>
      </c>
      <c r="T24" s="102">
        <v>2</v>
      </c>
      <c r="U24" s="102">
        <v>0</v>
      </c>
      <c r="V24" s="102">
        <v>1</v>
      </c>
      <c r="W24" s="103">
        <v>6</v>
      </c>
      <c r="X24" s="104">
        <v>7</v>
      </c>
      <c r="Y24" s="101">
        <v>0</v>
      </c>
      <c r="Z24" s="102">
        <v>6</v>
      </c>
      <c r="AA24" s="103">
        <v>6</v>
      </c>
      <c r="AB24" s="413">
        <v>0</v>
      </c>
      <c r="AC24" s="102">
        <v>4</v>
      </c>
      <c r="AD24" s="102">
        <v>7</v>
      </c>
      <c r="AE24" s="102">
        <v>0</v>
      </c>
      <c r="AF24" s="102">
        <v>1</v>
      </c>
      <c r="AG24" s="102">
        <v>0</v>
      </c>
      <c r="AH24" s="103">
        <v>12</v>
      </c>
      <c r="AI24" s="104">
        <v>18</v>
      </c>
      <c r="AJ24" s="101">
        <v>10</v>
      </c>
      <c r="AK24" s="102">
        <v>3</v>
      </c>
      <c r="AL24" s="103">
        <v>13</v>
      </c>
      <c r="AM24" s="413">
        <v>0</v>
      </c>
      <c r="AN24" s="102">
        <v>12</v>
      </c>
      <c r="AO24" s="102">
        <v>3</v>
      </c>
      <c r="AP24" s="102">
        <v>4</v>
      </c>
      <c r="AQ24" s="102">
        <v>3</v>
      </c>
      <c r="AR24" s="102">
        <v>1</v>
      </c>
      <c r="AS24" s="103">
        <v>23</v>
      </c>
      <c r="AT24" s="104">
        <v>36</v>
      </c>
      <c r="AU24" s="101">
        <v>8</v>
      </c>
      <c r="AV24" s="102">
        <v>5</v>
      </c>
      <c r="AW24" s="103">
        <v>13</v>
      </c>
      <c r="AX24" s="413">
        <v>0</v>
      </c>
      <c r="AY24" s="102">
        <v>10</v>
      </c>
      <c r="AZ24" s="102">
        <v>6</v>
      </c>
      <c r="BA24" s="102">
        <v>3</v>
      </c>
      <c r="BB24" s="102">
        <v>4</v>
      </c>
      <c r="BC24" s="102">
        <v>5</v>
      </c>
      <c r="BD24" s="103">
        <v>28</v>
      </c>
      <c r="BE24" s="104">
        <v>41</v>
      </c>
      <c r="BF24" s="101">
        <v>13</v>
      </c>
      <c r="BG24" s="102">
        <v>7</v>
      </c>
      <c r="BH24" s="103">
        <v>20</v>
      </c>
      <c r="BI24" s="413">
        <v>0</v>
      </c>
      <c r="BJ24" s="102">
        <v>16</v>
      </c>
      <c r="BK24" s="102">
        <v>9</v>
      </c>
      <c r="BL24" s="102">
        <v>4</v>
      </c>
      <c r="BM24" s="102">
        <v>7</v>
      </c>
      <c r="BN24" s="102">
        <v>3</v>
      </c>
      <c r="BO24" s="103">
        <v>39</v>
      </c>
      <c r="BP24" s="104">
        <v>59</v>
      </c>
      <c r="BQ24" s="101">
        <v>8</v>
      </c>
      <c r="BR24" s="102">
        <v>5</v>
      </c>
      <c r="BS24" s="103">
        <v>13</v>
      </c>
      <c r="BT24" s="413">
        <v>0</v>
      </c>
      <c r="BU24" s="102">
        <v>8</v>
      </c>
      <c r="BV24" s="102">
        <v>6</v>
      </c>
      <c r="BW24" s="102">
        <v>9</v>
      </c>
      <c r="BX24" s="102">
        <v>2</v>
      </c>
      <c r="BY24" s="102">
        <v>1</v>
      </c>
      <c r="BZ24" s="103">
        <v>26</v>
      </c>
      <c r="CA24" s="104">
        <v>39</v>
      </c>
      <c r="CB24" s="101">
        <v>0</v>
      </c>
      <c r="CC24" s="102">
        <v>0</v>
      </c>
      <c r="CD24" s="103">
        <v>0</v>
      </c>
      <c r="CE24" s="413">
        <v>0</v>
      </c>
      <c r="CF24" s="102">
        <v>0</v>
      </c>
      <c r="CG24" s="102">
        <v>0</v>
      </c>
      <c r="CH24" s="102">
        <v>0</v>
      </c>
      <c r="CI24" s="102">
        <v>0</v>
      </c>
      <c r="CJ24" s="102">
        <v>0</v>
      </c>
      <c r="CK24" s="103">
        <v>0</v>
      </c>
      <c r="CL24" s="104">
        <v>0</v>
      </c>
      <c r="CM24" s="101">
        <v>39</v>
      </c>
      <c r="CN24" s="102">
        <v>27</v>
      </c>
      <c r="CO24" s="103">
        <v>66</v>
      </c>
      <c r="CP24" s="413">
        <v>0</v>
      </c>
      <c r="CQ24" s="102">
        <v>52</v>
      </c>
      <c r="CR24" s="102">
        <v>32</v>
      </c>
      <c r="CS24" s="102">
        <v>22</v>
      </c>
      <c r="CT24" s="102">
        <v>17</v>
      </c>
      <c r="CU24" s="102">
        <v>11</v>
      </c>
      <c r="CV24" s="103">
        <v>134</v>
      </c>
      <c r="CW24" s="104">
        <v>200</v>
      </c>
      <c r="CX24" s="105">
        <v>8</v>
      </c>
      <c r="CY24" s="97">
        <v>9</v>
      </c>
      <c r="CZ24" s="98">
        <v>17</v>
      </c>
      <c r="DA24" s="413">
        <v>0</v>
      </c>
      <c r="DB24" s="97">
        <v>18</v>
      </c>
      <c r="DC24" s="97">
        <v>17</v>
      </c>
      <c r="DD24" s="97">
        <v>9</v>
      </c>
      <c r="DE24" s="97">
        <v>4</v>
      </c>
      <c r="DF24" s="97">
        <v>3</v>
      </c>
      <c r="DG24" s="99">
        <v>51</v>
      </c>
      <c r="DH24" s="100">
        <v>68</v>
      </c>
      <c r="DI24" s="101">
        <v>0</v>
      </c>
      <c r="DJ24" s="102">
        <v>0</v>
      </c>
      <c r="DK24" s="103">
        <v>0</v>
      </c>
      <c r="DL24" s="413">
        <v>0</v>
      </c>
      <c r="DM24" s="102">
        <v>0</v>
      </c>
      <c r="DN24" s="102">
        <v>0</v>
      </c>
      <c r="DO24" s="102">
        <v>0</v>
      </c>
      <c r="DP24" s="102">
        <v>0</v>
      </c>
      <c r="DQ24" s="102">
        <v>0</v>
      </c>
      <c r="DR24" s="103">
        <v>0</v>
      </c>
      <c r="DS24" s="104">
        <v>0</v>
      </c>
      <c r="DT24" s="101">
        <v>0</v>
      </c>
      <c r="DU24" s="102">
        <v>1</v>
      </c>
      <c r="DV24" s="103">
        <v>1</v>
      </c>
      <c r="DW24" s="413">
        <v>0</v>
      </c>
      <c r="DX24" s="102">
        <v>1</v>
      </c>
      <c r="DY24" s="102">
        <v>1</v>
      </c>
      <c r="DZ24" s="102">
        <v>0</v>
      </c>
      <c r="EA24" s="102">
        <v>0</v>
      </c>
      <c r="EB24" s="102">
        <v>1</v>
      </c>
      <c r="EC24" s="103">
        <v>3</v>
      </c>
      <c r="ED24" s="104">
        <v>4</v>
      </c>
      <c r="EE24" s="101">
        <v>0</v>
      </c>
      <c r="EF24" s="102">
        <v>1</v>
      </c>
      <c r="EG24" s="103">
        <v>1</v>
      </c>
      <c r="EH24" s="413">
        <v>0</v>
      </c>
      <c r="EI24" s="102">
        <v>3</v>
      </c>
      <c r="EJ24" s="102">
        <v>1</v>
      </c>
      <c r="EK24" s="102">
        <v>0</v>
      </c>
      <c r="EL24" s="102">
        <v>0</v>
      </c>
      <c r="EM24" s="102">
        <v>1</v>
      </c>
      <c r="EN24" s="103">
        <v>5</v>
      </c>
      <c r="EO24" s="104">
        <v>6</v>
      </c>
      <c r="EP24" s="101">
        <v>6</v>
      </c>
      <c r="EQ24" s="102">
        <v>1</v>
      </c>
      <c r="ER24" s="103">
        <v>7</v>
      </c>
      <c r="ES24" s="413">
        <v>0</v>
      </c>
      <c r="ET24" s="102">
        <v>2</v>
      </c>
      <c r="EU24" s="102">
        <v>4</v>
      </c>
      <c r="EV24" s="102">
        <v>0</v>
      </c>
      <c r="EW24" s="102">
        <v>0</v>
      </c>
      <c r="EX24" s="102">
        <v>1</v>
      </c>
      <c r="EY24" s="103">
        <v>7</v>
      </c>
      <c r="EZ24" s="104">
        <v>14</v>
      </c>
      <c r="FA24" s="101">
        <v>0</v>
      </c>
      <c r="FB24" s="102">
        <v>4</v>
      </c>
      <c r="FC24" s="103">
        <v>4</v>
      </c>
      <c r="FD24" s="413">
        <v>0</v>
      </c>
      <c r="FE24" s="102">
        <v>4</v>
      </c>
      <c r="FF24" s="102">
        <v>4</v>
      </c>
      <c r="FG24" s="102">
        <v>2</v>
      </c>
      <c r="FH24" s="102">
        <v>1</v>
      </c>
      <c r="FI24" s="102">
        <v>0</v>
      </c>
      <c r="FJ24" s="103">
        <v>11</v>
      </c>
      <c r="FK24" s="104">
        <v>15</v>
      </c>
      <c r="FL24" s="101">
        <v>2</v>
      </c>
      <c r="FM24" s="102">
        <v>2</v>
      </c>
      <c r="FN24" s="103">
        <v>4</v>
      </c>
      <c r="FO24" s="413">
        <v>0</v>
      </c>
      <c r="FP24" s="102">
        <v>8</v>
      </c>
      <c r="FQ24" s="102">
        <v>7</v>
      </c>
      <c r="FR24" s="102">
        <v>7</v>
      </c>
      <c r="FS24" s="102">
        <v>3</v>
      </c>
      <c r="FT24" s="102">
        <v>0</v>
      </c>
      <c r="FU24" s="103">
        <v>25</v>
      </c>
      <c r="FV24" s="104">
        <v>29</v>
      </c>
      <c r="FW24" s="101">
        <v>0</v>
      </c>
      <c r="FX24" s="102">
        <v>0</v>
      </c>
      <c r="FY24" s="103">
        <v>0</v>
      </c>
      <c r="FZ24" s="413">
        <v>0</v>
      </c>
      <c r="GA24" s="102">
        <v>0</v>
      </c>
      <c r="GB24" s="102">
        <v>0</v>
      </c>
      <c r="GC24" s="102">
        <v>0</v>
      </c>
      <c r="GD24" s="102">
        <v>0</v>
      </c>
      <c r="GE24" s="102">
        <v>0</v>
      </c>
      <c r="GF24" s="103">
        <v>0</v>
      </c>
      <c r="GG24" s="104">
        <v>0</v>
      </c>
      <c r="GH24" s="101">
        <v>8</v>
      </c>
      <c r="GI24" s="102">
        <v>9</v>
      </c>
      <c r="GJ24" s="103">
        <v>17</v>
      </c>
      <c r="GK24" s="413">
        <v>0</v>
      </c>
      <c r="GL24" s="102">
        <v>18</v>
      </c>
      <c r="GM24" s="102">
        <v>17</v>
      </c>
      <c r="GN24" s="102">
        <v>9</v>
      </c>
      <c r="GO24" s="102">
        <v>4</v>
      </c>
      <c r="GP24" s="102">
        <v>3</v>
      </c>
      <c r="GQ24" s="103">
        <v>51</v>
      </c>
      <c r="GR24" s="104">
        <v>68</v>
      </c>
      <c r="GS24" s="105">
        <v>47</v>
      </c>
      <c r="GT24" s="97">
        <v>36</v>
      </c>
      <c r="GU24" s="98">
        <v>83</v>
      </c>
      <c r="GV24" s="413">
        <v>0</v>
      </c>
      <c r="GW24" s="97">
        <v>70</v>
      </c>
      <c r="GX24" s="97">
        <v>49</v>
      </c>
      <c r="GY24" s="97">
        <v>31</v>
      </c>
      <c r="GZ24" s="97">
        <v>21</v>
      </c>
      <c r="HA24" s="97">
        <v>14</v>
      </c>
      <c r="HB24" s="99">
        <v>185</v>
      </c>
      <c r="HC24" s="100">
        <v>268</v>
      </c>
      <c r="HD24" s="101">
        <v>0</v>
      </c>
      <c r="HE24" s="102">
        <v>1</v>
      </c>
      <c r="HF24" s="103">
        <v>1</v>
      </c>
      <c r="HG24" s="413">
        <v>0</v>
      </c>
      <c r="HH24" s="102">
        <v>2</v>
      </c>
      <c r="HI24" s="102">
        <v>1</v>
      </c>
      <c r="HJ24" s="102">
        <v>2</v>
      </c>
      <c r="HK24" s="102">
        <v>0</v>
      </c>
      <c r="HL24" s="102">
        <v>1</v>
      </c>
      <c r="HM24" s="103">
        <v>6</v>
      </c>
      <c r="HN24" s="104">
        <v>7</v>
      </c>
      <c r="HO24" s="101">
        <v>0</v>
      </c>
      <c r="HP24" s="102">
        <v>7</v>
      </c>
      <c r="HQ24" s="103">
        <v>7</v>
      </c>
      <c r="HR24" s="413">
        <v>0</v>
      </c>
      <c r="HS24" s="102">
        <v>5</v>
      </c>
      <c r="HT24" s="102">
        <v>8</v>
      </c>
      <c r="HU24" s="102">
        <v>0</v>
      </c>
      <c r="HV24" s="102">
        <v>1</v>
      </c>
      <c r="HW24" s="102">
        <v>1</v>
      </c>
      <c r="HX24" s="103">
        <v>15</v>
      </c>
      <c r="HY24" s="104">
        <v>22</v>
      </c>
      <c r="HZ24" s="101">
        <v>10</v>
      </c>
      <c r="IA24" s="102">
        <v>4</v>
      </c>
      <c r="IB24" s="103">
        <v>14</v>
      </c>
      <c r="IC24" s="413">
        <v>0</v>
      </c>
      <c r="ID24" s="102">
        <v>15</v>
      </c>
      <c r="IE24" s="102">
        <v>4</v>
      </c>
      <c r="IF24" s="102">
        <v>4</v>
      </c>
      <c r="IG24" s="102">
        <v>3</v>
      </c>
      <c r="IH24" s="102">
        <v>2</v>
      </c>
      <c r="II24" s="103">
        <v>28</v>
      </c>
      <c r="IJ24" s="104">
        <v>42</v>
      </c>
      <c r="IK24" s="101">
        <v>14</v>
      </c>
      <c r="IL24" s="102">
        <v>6</v>
      </c>
      <c r="IM24" s="103">
        <v>20</v>
      </c>
      <c r="IN24" s="413">
        <v>0</v>
      </c>
      <c r="IO24" s="102">
        <v>12</v>
      </c>
      <c r="IP24" s="102">
        <v>10</v>
      </c>
      <c r="IQ24" s="102">
        <v>3</v>
      </c>
      <c r="IR24" s="102">
        <v>4</v>
      </c>
      <c r="IS24" s="102">
        <v>6</v>
      </c>
      <c r="IT24" s="103">
        <v>35</v>
      </c>
      <c r="IU24" s="104">
        <v>55</v>
      </c>
      <c r="IV24" s="101">
        <v>13</v>
      </c>
      <c r="IW24" s="102">
        <v>11</v>
      </c>
      <c r="IX24" s="103">
        <v>24</v>
      </c>
      <c r="IY24" s="413">
        <v>0</v>
      </c>
      <c r="IZ24" s="102">
        <v>20</v>
      </c>
      <c r="JA24" s="102">
        <v>13</v>
      </c>
      <c r="JB24" s="102">
        <v>6</v>
      </c>
      <c r="JC24" s="102">
        <v>8</v>
      </c>
      <c r="JD24" s="102">
        <v>3</v>
      </c>
      <c r="JE24" s="103">
        <v>50</v>
      </c>
      <c r="JF24" s="104">
        <v>74</v>
      </c>
      <c r="JG24" s="101">
        <v>10</v>
      </c>
      <c r="JH24" s="102">
        <v>7</v>
      </c>
      <c r="JI24" s="103">
        <v>17</v>
      </c>
      <c r="JJ24" s="413">
        <v>0</v>
      </c>
      <c r="JK24" s="102">
        <v>16</v>
      </c>
      <c r="JL24" s="102">
        <v>13</v>
      </c>
      <c r="JM24" s="102">
        <v>16</v>
      </c>
      <c r="JN24" s="102">
        <v>5</v>
      </c>
      <c r="JO24" s="102">
        <v>1</v>
      </c>
      <c r="JP24" s="103">
        <v>51</v>
      </c>
      <c r="JQ24" s="104">
        <v>68</v>
      </c>
      <c r="JR24" s="101">
        <v>0</v>
      </c>
      <c r="JS24" s="102">
        <v>0</v>
      </c>
      <c r="JT24" s="103">
        <v>0</v>
      </c>
      <c r="JU24" s="413">
        <v>0</v>
      </c>
      <c r="JV24" s="102">
        <v>0</v>
      </c>
      <c r="JW24" s="102">
        <v>0</v>
      </c>
      <c r="JX24" s="102">
        <v>0</v>
      </c>
      <c r="JY24" s="102">
        <v>0</v>
      </c>
      <c r="JZ24" s="102">
        <v>0</v>
      </c>
      <c r="KA24" s="103">
        <v>0</v>
      </c>
      <c r="KB24" s="104">
        <v>0</v>
      </c>
      <c r="KC24" s="101">
        <v>47</v>
      </c>
      <c r="KD24" s="102">
        <v>36</v>
      </c>
      <c r="KE24" s="103">
        <v>83</v>
      </c>
      <c r="KF24" s="413">
        <v>0</v>
      </c>
      <c r="KG24" s="102">
        <v>70</v>
      </c>
      <c r="KH24" s="102">
        <v>49</v>
      </c>
      <c r="KI24" s="102">
        <v>31</v>
      </c>
      <c r="KJ24" s="102">
        <v>21</v>
      </c>
      <c r="KK24" s="102">
        <v>14</v>
      </c>
      <c r="KL24" s="103">
        <v>185</v>
      </c>
      <c r="KM24" s="104">
        <v>268</v>
      </c>
    </row>
    <row r="25" spans="2:299" s="70" customFormat="1" ht="21" customHeight="1" x14ac:dyDescent="0.2">
      <c r="B25" s="106" t="s">
        <v>22</v>
      </c>
      <c r="C25" s="96">
        <v>18</v>
      </c>
      <c r="D25" s="97">
        <v>10</v>
      </c>
      <c r="E25" s="98">
        <v>28</v>
      </c>
      <c r="F25" s="413">
        <v>0</v>
      </c>
      <c r="G25" s="97">
        <v>30</v>
      </c>
      <c r="H25" s="97">
        <v>18</v>
      </c>
      <c r="I25" s="97">
        <v>16</v>
      </c>
      <c r="J25" s="97">
        <v>7</v>
      </c>
      <c r="K25" s="97">
        <v>5</v>
      </c>
      <c r="L25" s="99">
        <v>76</v>
      </c>
      <c r="M25" s="100">
        <v>104</v>
      </c>
      <c r="N25" s="101">
        <v>0</v>
      </c>
      <c r="O25" s="102">
        <v>0</v>
      </c>
      <c r="P25" s="103">
        <v>0</v>
      </c>
      <c r="Q25" s="413">
        <v>0</v>
      </c>
      <c r="R25" s="102">
        <v>0</v>
      </c>
      <c r="S25" s="102">
        <v>0</v>
      </c>
      <c r="T25" s="102">
        <v>0</v>
      </c>
      <c r="U25" s="102">
        <v>0</v>
      </c>
      <c r="V25" s="102">
        <v>0</v>
      </c>
      <c r="W25" s="103">
        <v>0</v>
      </c>
      <c r="X25" s="104">
        <v>0</v>
      </c>
      <c r="Y25" s="101">
        <v>0</v>
      </c>
      <c r="Z25" s="102">
        <v>1</v>
      </c>
      <c r="AA25" s="103">
        <v>1</v>
      </c>
      <c r="AB25" s="413">
        <v>0</v>
      </c>
      <c r="AC25" s="102">
        <v>2</v>
      </c>
      <c r="AD25" s="102">
        <v>1</v>
      </c>
      <c r="AE25" s="102">
        <v>3</v>
      </c>
      <c r="AF25" s="102">
        <v>1</v>
      </c>
      <c r="AG25" s="102">
        <v>1</v>
      </c>
      <c r="AH25" s="103">
        <v>8</v>
      </c>
      <c r="AI25" s="104">
        <v>9</v>
      </c>
      <c r="AJ25" s="101">
        <v>2</v>
      </c>
      <c r="AK25" s="102">
        <v>2</v>
      </c>
      <c r="AL25" s="103">
        <v>4</v>
      </c>
      <c r="AM25" s="413">
        <v>0</v>
      </c>
      <c r="AN25" s="102">
        <v>4</v>
      </c>
      <c r="AO25" s="102">
        <v>4</v>
      </c>
      <c r="AP25" s="102">
        <v>1</v>
      </c>
      <c r="AQ25" s="102">
        <v>0</v>
      </c>
      <c r="AR25" s="102">
        <v>0</v>
      </c>
      <c r="AS25" s="103">
        <v>9</v>
      </c>
      <c r="AT25" s="104">
        <v>13</v>
      </c>
      <c r="AU25" s="101">
        <v>7</v>
      </c>
      <c r="AV25" s="102">
        <v>4</v>
      </c>
      <c r="AW25" s="103">
        <v>11</v>
      </c>
      <c r="AX25" s="413">
        <v>0</v>
      </c>
      <c r="AY25" s="102">
        <v>9</v>
      </c>
      <c r="AZ25" s="102">
        <v>3</v>
      </c>
      <c r="BA25" s="102">
        <v>1</v>
      </c>
      <c r="BB25" s="102">
        <v>2</v>
      </c>
      <c r="BC25" s="102">
        <v>1</v>
      </c>
      <c r="BD25" s="103">
        <v>16</v>
      </c>
      <c r="BE25" s="104">
        <v>27</v>
      </c>
      <c r="BF25" s="101">
        <v>5</v>
      </c>
      <c r="BG25" s="102">
        <v>1</v>
      </c>
      <c r="BH25" s="103">
        <v>6</v>
      </c>
      <c r="BI25" s="413">
        <v>0</v>
      </c>
      <c r="BJ25" s="102">
        <v>4</v>
      </c>
      <c r="BK25" s="102">
        <v>5</v>
      </c>
      <c r="BL25" s="102">
        <v>4</v>
      </c>
      <c r="BM25" s="102">
        <v>2</v>
      </c>
      <c r="BN25" s="102">
        <v>1</v>
      </c>
      <c r="BO25" s="103">
        <v>16</v>
      </c>
      <c r="BP25" s="104">
        <v>22</v>
      </c>
      <c r="BQ25" s="101">
        <v>4</v>
      </c>
      <c r="BR25" s="102">
        <v>2</v>
      </c>
      <c r="BS25" s="103">
        <v>6</v>
      </c>
      <c r="BT25" s="413">
        <v>0</v>
      </c>
      <c r="BU25" s="102">
        <v>11</v>
      </c>
      <c r="BV25" s="102">
        <v>5</v>
      </c>
      <c r="BW25" s="102">
        <v>7</v>
      </c>
      <c r="BX25" s="102">
        <v>2</v>
      </c>
      <c r="BY25" s="102">
        <v>2</v>
      </c>
      <c r="BZ25" s="103">
        <v>27</v>
      </c>
      <c r="CA25" s="104">
        <v>33</v>
      </c>
      <c r="CB25" s="101">
        <v>0</v>
      </c>
      <c r="CC25" s="102">
        <v>0</v>
      </c>
      <c r="CD25" s="103">
        <v>0</v>
      </c>
      <c r="CE25" s="413">
        <v>0</v>
      </c>
      <c r="CF25" s="102">
        <v>0</v>
      </c>
      <c r="CG25" s="102">
        <v>0</v>
      </c>
      <c r="CH25" s="102">
        <v>0</v>
      </c>
      <c r="CI25" s="102">
        <v>0</v>
      </c>
      <c r="CJ25" s="102">
        <v>0</v>
      </c>
      <c r="CK25" s="103">
        <v>0</v>
      </c>
      <c r="CL25" s="104">
        <v>0</v>
      </c>
      <c r="CM25" s="101">
        <v>18</v>
      </c>
      <c r="CN25" s="102">
        <v>10</v>
      </c>
      <c r="CO25" s="103">
        <v>28</v>
      </c>
      <c r="CP25" s="413">
        <v>0</v>
      </c>
      <c r="CQ25" s="102">
        <v>30</v>
      </c>
      <c r="CR25" s="102">
        <v>18</v>
      </c>
      <c r="CS25" s="102">
        <v>16</v>
      </c>
      <c r="CT25" s="102">
        <v>7</v>
      </c>
      <c r="CU25" s="102">
        <v>5</v>
      </c>
      <c r="CV25" s="103">
        <v>76</v>
      </c>
      <c r="CW25" s="104">
        <v>104</v>
      </c>
      <c r="CX25" s="105">
        <v>3</v>
      </c>
      <c r="CY25" s="97">
        <v>7</v>
      </c>
      <c r="CZ25" s="98">
        <v>10</v>
      </c>
      <c r="DA25" s="413">
        <v>0</v>
      </c>
      <c r="DB25" s="97">
        <v>7</v>
      </c>
      <c r="DC25" s="97">
        <v>2</v>
      </c>
      <c r="DD25" s="97">
        <v>0</v>
      </c>
      <c r="DE25" s="97">
        <v>3</v>
      </c>
      <c r="DF25" s="97">
        <v>3</v>
      </c>
      <c r="DG25" s="99">
        <v>15</v>
      </c>
      <c r="DH25" s="100">
        <v>25</v>
      </c>
      <c r="DI25" s="101">
        <v>0</v>
      </c>
      <c r="DJ25" s="102">
        <v>1</v>
      </c>
      <c r="DK25" s="103">
        <v>1</v>
      </c>
      <c r="DL25" s="413">
        <v>0</v>
      </c>
      <c r="DM25" s="102">
        <v>0</v>
      </c>
      <c r="DN25" s="102">
        <v>0</v>
      </c>
      <c r="DO25" s="102">
        <v>0</v>
      </c>
      <c r="DP25" s="102">
        <v>0</v>
      </c>
      <c r="DQ25" s="102">
        <v>0</v>
      </c>
      <c r="DR25" s="103">
        <v>0</v>
      </c>
      <c r="DS25" s="104">
        <v>1</v>
      </c>
      <c r="DT25" s="101">
        <v>0</v>
      </c>
      <c r="DU25" s="102">
        <v>0</v>
      </c>
      <c r="DV25" s="103">
        <v>0</v>
      </c>
      <c r="DW25" s="413">
        <v>0</v>
      </c>
      <c r="DX25" s="102">
        <v>0</v>
      </c>
      <c r="DY25" s="102">
        <v>0</v>
      </c>
      <c r="DZ25" s="102">
        <v>0</v>
      </c>
      <c r="EA25" s="102">
        <v>0</v>
      </c>
      <c r="EB25" s="102">
        <v>0</v>
      </c>
      <c r="EC25" s="103">
        <v>0</v>
      </c>
      <c r="ED25" s="104">
        <v>0</v>
      </c>
      <c r="EE25" s="101">
        <v>0</v>
      </c>
      <c r="EF25" s="102">
        <v>1</v>
      </c>
      <c r="EG25" s="103">
        <v>1</v>
      </c>
      <c r="EH25" s="413">
        <v>0</v>
      </c>
      <c r="EI25" s="102">
        <v>1</v>
      </c>
      <c r="EJ25" s="102">
        <v>1</v>
      </c>
      <c r="EK25" s="102">
        <v>0</v>
      </c>
      <c r="EL25" s="102">
        <v>0</v>
      </c>
      <c r="EM25" s="102">
        <v>2</v>
      </c>
      <c r="EN25" s="103">
        <v>4</v>
      </c>
      <c r="EO25" s="104">
        <v>5</v>
      </c>
      <c r="EP25" s="101">
        <v>3</v>
      </c>
      <c r="EQ25" s="102">
        <v>2</v>
      </c>
      <c r="ER25" s="103">
        <v>5</v>
      </c>
      <c r="ES25" s="413">
        <v>0</v>
      </c>
      <c r="ET25" s="102">
        <v>1</v>
      </c>
      <c r="EU25" s="102">
        <v>0</v>
      </c>
      <c r="EV25" s="102">
        <v>0</v>
      </c>
      <c r="EW25" s="102">
        <v>0</v>
      </c>
      <c r="EX25" s="102">
        <v>1</v>
      </c>
      <c r="EY25" s="103">
        <v>2</v>
      </c>
      <c r="EZ25" s="104">
        <v>7</v>
      </c>
      <c r="FA25" s="101">
        <v>0</v>
      </c>
      <c r="FB25" s="102">
        <v>2</v>
      </c>
      <c r="FC25" s="103">
        <v>2</v>
      </c>
      <c r="FD25" s="413">
        <v>0</v>
      </c>
      <c r="FE25" s="102">
        <v>3</v>
      </c>
      <c r="FF25" s="102">
        <v>0</v>
      </c>
      <c r="FG25" s="102">
        <v>0</v>
      </c>
      <c r="FH25" s="102">
        <v>1</v>
      </c>
      <c r="FI25" s="102">
        <v>0</v>
      </c>
      <c r="FJ25" s="103">
        <v>4</v>
      </c>
      <c r="FK25" s="104">
        <v>6</v>
      </c>
      <c r="FL25" s="101">
        <v>0</v>
      </c>
      <c r="FM25" s="102">
        <v>1</v>
      </c>
      <c r="FN25" s="103">
        <v>1</v>
      </c>
      <c r="FO25" s="413">
        <v>0</v>
      </c>
      <c r="FP25" s="102">
        <v>2</v>
      </c>
      <c r="FQ25" s="102">
        <v>1</v>
      </c>
      <c r="FR25" s="102">
        <v>0</v>
      </c>
      <c r="FS25" s="102">
        <v>2</v>
      </c>
      <c r="FT25" s="102">
        <v>0</v>
      </c>
      <c r="FU25" s="103">
        <v>5</v>
      </c>
      <c r="FV25" s="104">
        <v>6</v>
      </c>
      <c r="FW25" s="101">
        <v>0</v>
      </c>
      <c r="FX25" s="102">
        <v>0</v>
      </c>
      <c r="FY25" s="103">
        <v>0</v>
      </c>
      <c r="FZ25" s="413">
        <v>0</v>
      </c>
      <c r="GA25" s="102">
        <v>0</v>
      </c>
      <c r="GB25" s="102">
        <v>0</v>
      </c>
      <c r="GC25" s="102">
        <v>0</v>
      </c>
      <c r="GD25" s="102">
        <v>0</v>
      </c>
      <c r="GE25" s="102">
        <v>0</v>
      </c>
      <c r="GF25" s="103">
        <v>0</v>
      </c>
      <c r="GG25" s="104">
        <v>0</v>
      </c>
      <c r="GH25" s="101">
        <v>3</v>
      </c>
      <c r="GI25" s="102">
        <v>7</v>
      </c>
      <c r="GJ25" s="103">
        <v>10</v>
      </c>
      <c r="GK25" s="413">
        <v>0</v>
      </c>
      <c r="GL25" s="102">
        <v>7</v>
      </c>
      <c r="GM25" s="102">
        <v>2</v>
      </c>
      <c r="GN25" s="102">
        <v>0</v>
      </c>
      <c r="GO25" s="102">
        <v>3</v>
      </c>
      <c r="GP25" s="102">
        <v>3</v>
      </c>
      <c r="GQ25" s="103">
        <v>15</v>
      </c>
      <c r="GR25" s="104">
        <v>25</v>
      </c>
      <c r="GS25" s="105">
        <v>21</v>
      </c>
      <c r="GT25" s="97">
        <v>17</v>
      </c>
      <c r="GU25" s="98">
        <v>38</v>
      </c>
      <c r="GV25" s="413">
        <v>0</v>
      </c>
      <c r="GW25" s="97">
        <v>37</v>
      </c>
      <c r="GX25" s="97">
        <v>20</v>
      </c>
      <c r="GY25" s="97">
        <v>16</v>
      </c>
      <c r="GZ25" s="97">
        <v>10</v>
      </c>
      <c r="HA25" s="97">
        <v>8</v>
      </c>
      <c r="HB25" s="99">
        <v>91</v>
      </c>
      <c r="HC25" s="100">
        <v>129</v>
      </c>
      <c r="HD25" s="101">
        <v>0</v>
      </c>
      <c r="HE25" s="102">
        <v>1</v>
      </c>
      <c r="HF25" s="103">
        <v>1</v>
      </c>
      <c r="HG25" s="413">
        <v>0</v>
      </c>
      <c r="HH25" s="102">
        <v>0</v>
      </c>
      <c r="HI25" s="102">
        <v>0</v>
      </c>
      <c r="HJ25" s="102">
        <v>0</v>
      </c>
      <c r="HK25" s="102">
        <v>0</v>
      </c>
      <c r="HL25" s="102">
        <v>0</v>
      </c>
      <c r="HM25" s="103">
        <v>0</v>
      </c>
      <c r="HN25" s="104">
        <v>1</v>
      </c>
      <c r="HO25" s="101">
        <v>0</v>
      </c>
      <c r="HP25" s="102">
        <v>1</v>
      </c>
      <c r="HQ25" s="103">
        <v>1</v>
      </c>
      <c r="HR25" s="413">
        <v>0</v>
      </c>
      <c r="HS25" s="102">
        <v>2</v>
      </c>
      <c r="HT25" s="102">
        <v>1</v>
      </c>
      <c r="HU25" s="102">
        <v>3</v>
      </c>
      <c r="HV25" s="102">
        <v>1</v>
      </c>
      <c r="HW25" s="102">
        <v>1</v>
      </c>
      <c r="HX25" s="103">
        <v>8</v>
      </c>
      <c r="HY25" s="104">
        <v>9</v>
      </c>
      <c r="HZ25" s="101">
        <v>2</v>
      </c>
      <c r="IA25" s="102">
        <v>3</v>
      </c>
      <c r="IB25" s="103">
        <v>5</v>
      </c>
      <c r="IC25" s="413">
        <v>0</v>
      </c>
      <c r="ID25" s="102">
        <v>5</v>
      </c>
      <c r="IE25" s="102">
        <v>5</v>
      </c>
      <c r="IF25" s="102">
        <v>1</v>
      </c>
      <c r="IG25" s="102">
        <v>0</v>
      </c>
      <c r="IH25" s="102">
        <v>2</v>
      </c>
      <c r="II25" s="103">
        <v>13</v>
      </c>
      <c r="IJ25" s="104">
        <v>18</v>
      </c>
      <c r="IK25" s="101">
        <v>10</v>
      </c>
      <c r="IL25" s="102">
        <v>6</v>
      </c>
      <c r="IM25" s="103">
        <v>16</v>
      </c>
      <c r="IN25" s="413">
        <v>0</v>
      </c>
      <c r="IO25" s="102">
        <v>10</v>
      </c>
      <c r="IP25" s="102">
        <v>3</v>
      </c>
      <c r="IQ25" s="102">
        <v>1</v>
      </c>
      <c r="IR25" s="102">
        <v>2</v>
      </c>
      <c r="IS25" s="102">
        <v>2</v>
      </c>
      <c r="IT25" s="103">
        <v>18</v>
      </c>
      <c r="IU25" s="104">
        <v>34</v>
      </c>
      <c r="IV25" s="101">
        <v>5</v>
      </c>
      <c r="IW25" s="102">
        <v>3</v>
      </c>
      <c r="IX25" s="103">
        <v>8</v>
      </c>
      <c r="IY25" s="413">
        <v>0</v>
      </c>
      <c r="IZ25" s="102">
        <v>7</v>
      </c>
      <c r="JA25" s="102">
        <v>5</v>
      </c>
      <c r="JB25" s="102">
        <v>4</v>
      </c>
      <c r="JC25" s="102">
        <v>3</v>
      </c>
      <c r="JD25" s="102">
        <v>1</v>
      </c>
      <c r="JE25" s="103">
        <v>20</v>
      </c>
      <c r="JF25" s="104">
        <v>28</v>
      </c>
      <c r="JG25" s="101">
        <v>4</v>
      </c>
      <c r="JH25" s="102">
        <v>3</v>
      </c>
      <c r="JI25" s="103">
        <v>7</v>
      </c>
      <c r="JJ25" s="413">
        <v>0</v>
      </c>
      <c r="JK25" s="102">
        <v>13</v>
      </c>
      <c r="JL25" s="102">
        <v>6</v>
      </c>
      <c r="JM25" s="102">
        <v>7</v>
      </c>
      <c r="JN25" s="102">
        <v>4</v>
      </c>
      <c r="JO25" s="102">
        <v>2</v>
      </c>
      <c r="JP25" s="103">
        <v>32</v>
      </c>
      <c r="JQ25" s="104">
        <v>39</v>
      </c>
      <c r="JR25" s="101">
        <v>0</v>
      </c>
      <c r="JS25" s="102">
        <v>0</v>
      </c>
      <c r="JT25" s="103">
        <v>0</v>
      </c>
      <c r="JU25" s="413">
        <v>0</v>
      </c>
      <c r="JV25" s="102">
        <v>0</v>
      </c>
      <c r="JW25" s="102">
        <v>0</v>
      </c>
      <c r="JX25" s="102">
        <v>0</v>
      </c>
      <c r="JY25" s="102">
        <v>0</v>
      </c>
      <c r="JZ25" s="102">
        <v>0</v>
      </c>
      <c r="KA25" s="103">
        <v>0</v>
      </c>
      <c r="KB25" s="104">
        <v>0</v>
      </c>
      <c r="KC25" s="101">
        <v>21</v>
      </c>
      <c r="KD25" s="102">
        <v>17</v>
      </c>
      <c r="KE25" s="103">
        <v>38</v>
      </c>
      <c r="KF25" s="413">
        <v>0</v>
      </c>
      <c r="KG25" s="102">
        <v>37</v>
      </c>
      <c r="KH25" s="102">
        <v>20</v>
      </c>
      <c r="KI25" s="102">
        <v>16</v>
      </c>
      <c r="KJ25" s="102">
        <v>10</v>
      </c>
      <c r="KK25" s="102">
        <v>8</v>
      </c>
      <c r="KL25" s="103">
        <v>91</v>
      </c>
      <c r="KM25" s="104">
        <v>129</v>
      </c>
    </row>
    <row r="26" spans="2:299" s="70" customFormat="1" ht="21" customHeight="1" x14ac:dyDescent="0.2">
      <c r="B26" s="106" t="s">
        <v>23</v>
      </c>
      <c r="C26" s="96">
        <v>29</v>
      </c>
      <c r="D26" s="97">
        <v>23</v>
      </c>
      <c r="E26" s="98">
        <v>52</v>
      </c>
      <c r="F26" s="413">
        <v>0</v>
      </c>
      <c r="G26" s="97">
        <v>24</v>
      </c>
      <c r="H26" s="97">
        <v>28</v>
      </c>
      <c r="I26" s="97">
        <v>26</v>
      </c>
      <c r="J26" s="97">
        <v>11</v>
      </c>
      <c r="K26" s="97">
        <v>12</v>
      </c>
      <c r="L26" s="99">
        <v>101</v>
      </c>
      <c r="M26" s="100">
        <v>153</v>
      </c>
      <c r="N26" s="101">
        <v>1</v>
      </c>
      <c r="O26" s="102">
        <v>2</v>
      </c>
      <c r="P26" s="103">
        <v>3</v>
      </c>
      <c r="Q26" s="413">
        <v>0</v>
      </c>
      <c r="R26" s="102">
        <v>0</v>
      </c>
      <c r="S26" s="102">
        <v>0</v>
      </c>
      <c r="T26" s="102">
        <v>0</v>
      </c>
      <c r="U26" s="102">
        <v>0</v>
      </c>
      <c r="V26" s="102">
        <v>0</v>
      </c>
      <c r="W26" s="103">
        <v>0</v>
      </c>
      <c r="X26" s="104">
        <v>3</v>
      </c>
      <c r="Y26" s="101">
        <v>1</v>
      </c>
      <c r="Z26" s="102">
        <v>0</v>
      </c>
      <c r="AA26" s="103">
        <v>1</v>
      </c>
      <c r="AB26" s="413">
        <v>0</v>
      </c>
      <c r="AC26" s="102">
        <v>1</v>
      </c>
      <c r="AD26" s="102">
        <v>4</v>
      </c>
      <c r="AE26" s="102">
        <v>4</v>
      </c>
      <c r="AF26" s="102">
        <v>0</v>
      </c>
      <c r="AG26" s="102">
        <v>1</v>
      </c>
      <c r="AH26" s="103">
        <v>10</v>
      </c>
      <c r="AI26" s="104">
        <v>11</v>
      </c>
      <c r="AJ26" s="101">
        <v>8</v>
      </c>
      <c r="AK26" s="102">
        <v>1</v>
      </c>
      <c r="AL26" s="103">
        <v>9</v>
      </c>
      <c r="AM26" s="413">
        <v>0</v>
      </c>
      <c r="AN26" s="102">
        <v>3</v>
      </c>
      <c r="AO26" s="102">
        <v>4</v>
      </c>
      <c r="AP26" s="102">
        <v>5</v>
      </c>
      <c r="AQ26" s="102">
        <v>0</v>
      </c>
      <c r="AR26" s="102">
        <v>4</v>
      </c>
      <c r="AS26" s="103">
        <v>16</v>
      </c>
      <c r="AT26" s="104">
        <v>25</v>
      </c>
      <c r="AU26" s="101">
        <v>8</v>
      </c>
      <c r="AV26" s="102">
        <v>10</v>
      </c>
      <c r="AW26" s="103">
        <v>18</v>
      </c>
      <c r="AX26" s="413">
        <v>0</v>
      </c>
      <c r="AY26" s="102">
        <v>5</v>
      </c>
      <c r="AZ26" s="102">
        <v>8</v>
      </c>
      <c r="BA26" s="102">
        <v>4</v>
      </c>
      <c r="BB26" s="102">
        <v>3</v>
      </c>
      <c r="BC26" s="102">
        <v>1</v>
      </c>
      <c r="BD26" s="103">
        <v>21</v>
      </c>
      <c r="BE26" s="104">
        <v>39</v>
      </c>
      <c r="BF26" s="101">
        <v>8</v>
      </c>
      <c r="BG26" s="102">
        <v>6</v>
      </c>
      <c r="BH26" s="103">
        <v>14</v>
      </c>
      <c r="BI26" s="413">
        <v>0</v>
      </c>
      <c r="BJ26" s="102">
        <v>8</v>
      </c>
      <c r="BK26" s="102">
        <v>8</v>
      </c>
      <c r="BL26" s="102">
        <v>6</v>
      </c>
      <c r="BM26" s="102">
        <v>5</v>
      </c>
      <c r="BN26" s="102">
        <v>3</v>
      </c>
      <c r="BO26" s="103">
        <v>30</v>
      </c>
      <c r="BP26" s="104">
        <v>44</v>
      </c>
      <c r="BQ26" s="101">
        <v>3</v>
      </c>
      <c r="BR26" s="102">
        <v>4</v>
      </c>
      <c r="BS26" s="103">
        <v>7</v>
      </c>
      <c r="BT26" s="413">
        <v>0</v>
      </c>
      <c r="BU26" s="102">
        <v>7</v>
      </c>
      <c r="BV26" s="102">
        <v>4</v>
      </c>
      <c r="BW26" s="102">
        <v>7</v>
      </c>
      <c r="BX26" s="102">
        <v>3</v>
      </c>
      <c r="BY26" s="102">
        <v>3</v>
      </c>
      <c r="BZ26" s="103">
        <v>24</v>
      </c>
      <c r="CA26" s="104">
        <v>31</v>
      </c>
      <c r="CB26" s="101">
        <v>0</v>
      </c>
      <c r="CC26" s="102">
        <v>0</v>
      </c>
      <c r="CD26" s="103">
        <v>0</v>
      </c>
      <c r="CE26" s="413">
        <v>0</v>
      </c>
      <c r="CF26" s="102">
        <v>0</v>
      </c>
      <c r="CG26" s="102">
        <v>0</v>
      </c>
      <c r="CH26" s="102">
        <v>0</v>
      </c>
      <c r="CI26" s="102">
        <v>0</v>
      </c>
      <c r="CJ26" s="102">
        <v>0</v>
      </c>
      <c r="CK26" s="103">
        <v>0</v>
      </c>
      <c r="CL26" s="104">
        <v>0</v>
      </c>
      <c r="CM26" s="101">
        <v>29</v>
      </c>
      <c r="CN26" s="102">
        <v>23</v>
      </c>
      <c r="CO26" s="103">
        <v>52</v>
      </c>
      <c r="CP26" s="413">
        <v>0</v>
      </c>
      <c r="CQ26" s="102">
        <v>24</v>
      </c>
      <c r="CR26" s="102">
        <v>28</v>
      </c>
      <c r="CS26" s="102">
        <v>26</v>
      </c>
      <c r="CT26" s="102">
        <v>11</v>
      </c>
      <c r="CU26" s="102">
        <v>12</v>
      </c>
      <c r="CV26" s="103">
        <v>101</v>
      </c>
      <c r="CW26" s="104">
        <v>153</v>
      </c>
      <c r="CX26" s="105">
        <v>7</v>
      </c>
      <c r="CY26" s="97">
        <v>8</v>
      </c>
      <c r="CZ26" s="98">
        <v>15</v>
      </c>
      <c r="DA26" s="413">
        <v>0</v>
      </c>
      <c r="DB26" s="97">
        <v>12</v>
      </c>
      <c r="DC26" s="97">
        <v>11</v>
      </c>
      <c r="DD26" s="97">
        <v>4</v>
      </c>
      <c r="DE26" s="97">
        <v>5</v>
      </c>
      <c r="DF26" s="97">
        <v>4</v>
      </c>
      <c r="DG26" s="99">
        <v>36</v>
      </c>
      <c r="DH26" s="100">
        <v>51</v>
      </c>
      <c r="DI26" s="101">
        <v>0</v>
      </c>
      <c r="DJ26" s="102">
        <v>0</v>
      </c>
      <c r="DK26" s="103">
        <v>0</v>
      </c>
      <c r="DL26" s="413">
        <v>0</v>
      </c>
      <c r="DM26" s="102">
        <v>0</v>
      </c>
      <c r="DN26" s="102">
        <v>0</v>
      </c>
      <c r="DO26" s="102">
        <v>0</v>
      </c>
      <c r="DP26" s="102">
        <v>0</v>
      </c>
      <c r="DQ26" s="102">
        <v>0</v>
      </c>
      <c r="DR26" s="103">
        <v>0</v>
      </c>
      <c r="DS26" s="104">
        <v>0</v>
      </c>
      <c r="DT26" s="101">
        <v>1</v>
      </c>
      <c r="DU26" s="102">
        <v>0</v>
      </c>
      <c r="DV26" s="103">
        <v>1</v>
      </c>
      <c r="DW26" s="413">
        <v>0</v>
      </c>
      <c r="DX26" s="102">
        <v>1</v>
      </c>
      <c r="DY26" s="102">
        <v>1</v>
      </c>
      <c r="DZ26" s="102">
        <v>1</v>
      </c>
      <c r="EA26" s="102">
        <v>0</v>
      </c>
      <c r="EB26" s="102">
        <v>0</v>
      </c>
      <c r="EC26" s="103">
        <v>3</v>
      </c>
      <c r="ED26" s="104">
        <v>4</v>
      </c>
      <c r="EE26" s="101">
        <v>1</v>
      </c>
      <c r="EF26" s="102">
        <v>0</v>
      </c>
      <c r="EG26" s="103">
        <v>1</v>
      </c>
      <c r="EH26" s="413">
        <v>0</v>
      </c>
      <c r="EI26" s="102">
        <v>1</v>
      </c>
      <c r="EJ26" s="102">
        <v>0</v>
      </c>
      <c r="EK26" s="102">
        <v>0</v>
      </c>
      <c r="EL26" s="102">
        <v>0</v>
      </c>
      <c r="EM26" s="102">
        <v>1</v>
      </c>
      <c r="EN26" s="103">
        <v>2</v>
      </c>
      <c r="EO26" s="104">
        <v>3</v>
      </c>
      <c r="EP26" s="101">
        <v>4</v>
      </c>
      <c r="EQ26" s="102">
        <v>4</v>
      </c>
      <c r="ER26" s="103">
        <v>8</v>
      </c>
      <c r="ES26" s="413">
        <v>0</v>
      </c>
      <c r="ET26" s="102">
        <v>1</v>
      </c>
      <c r="EU26" s="102">
        <v>4</v>
      </c>
      <c r="EV26" s="102">
        <v>1</v>
      </c>
      <c r="EW26" s="102">
        <v>0</v>
      </c>
      <c r="EX26" s="102">
        <v>0</v>
      </c>
      <c r="EY26" s="103">
        <v>6</v>
      </c>
      <c r="EZ26" s="104">
        <v>14</v>
      </c>
      <c r="FA26" s="101">
        <v>1</v>
      </c>
      <c r="FB26" s="102">
        <v>1</v>
      </c>
      <c r="FC26" s="103">
        <v>2</v>
      </c>
      <c r="FD26" s="413">
        <v>0</v>
      </c>
      <c r="FE26" s="102">
        <v>2</v>
      </c>
      <c r="FF26" s="102">
        <v>0</v>
      </c>
      <c r="FG26" s="102">
        <v>2</v>
      </c>
      <c r="FH26" s="102">
        <v>1</v>
      </c>
      <c r="FI26" s="102">
        <v>0</v>
      </c>
      <c r="FJ26" s="103">
        <v>5</v>
      </c>
      <c r="FK26" s="104">
        <v>7</v>
      </c>
      <c r="FL26" s="101">
        <v>0</v>
      </c>
      <c r="FM26" s="102">
        <v>3</v>
      </c>
      <c r="FN26" s="103">
        <v>3</v>
      </c>
      <c r="FO26" s="413">
        <v>0</v>
      </c>
      <c r="FP26" s="102">
        <v>7</v>
      </c>
      <c r="FQ26" s="102">
        <v>6</v>
      </c>
      <c r="FR26" s="102">
        <v>0</v>
      </c>
      <c r="FS26" s="102">
        <v>4</v>
      </c>
      <c r="FT26" s="102">
        <v>3</v>
      </c>
      <c r="FU26" s="103">
        <v>20</v>
      </c>
      <c r="FV26" s="104">
        <v>23</v>
      </c>
      <c r="FW26" s="101">
        <v>0</v>
      </c>
      <c r="FX26" s="102">
        <v>0</v>
      </c>
      <c r="FY26" s="103">
        <v>0</v>
      </c>
      <c r="FZ26" s="413">
        <v>0</v>
      </c>
      <c r="GA26" s="102">
        <v>0</v>
      </c>
      <c r="GB26" s="102">
        <v>0</v>
      </c>
      <c r="GC26" s="102">
        <v>0</v>
      </c>
      <c r="GD26" s="102">
        <v>0</v>
      </c>
      <c r="GE26" s="102">
        <v>0</v>
      </c>
      <c r="GF26" s="103">
        <v>0</v>
      </c>
      <c r="GG26" s="104">
        <v>0</v>
      </c>
      <c r="GH26" s="101">
        <v>7</v>
      </c>
      <c r="GI26" s="102">
        <v>8</v>
      </c>
      <c r="GJ26" s="103">
        <v>15</v>
      </c>
      <c r="GK26" s="413">
        <v>0</v>
      </c>
      <c r="GL26" s="102">
        <v>12</v>
      </c>
      <c r="GM26" s="102">
        <v>11</v>
      </c>
      <c r="GN26" s="102">
        <v>4</v>
      </c>
      <c r="GO26" s="102">
        <v>5</v>
      </c>
      <c r="GP26" s="102">
        <v>4</v>
      </c>
      <c r="GQ26" s="103">
        <v>36</v>
      </c>
      <c r="GR26" s="104">
        <v>51</v>
      </c>
      <c r="GS26" s="105">
        <v>36</v>
      </c>
      <c r="GT26" s="97">
        <v>31</v>
      </c>
      <c r="GU26" s="98">
        <v>67</v>
      </c>
      <c r="GV26" s="413">
        <v>0</v>
      </c>
      <c r="GW26" s="97">
        <v>36</v>
      </c>
      <c r="GX26" s="97">
        <v>39</v>
      </c>
      <c r="GY26" s="97">
        <v>30</v>
      </c>
      <c r="GZ26" s="97">
        <v>16</v>
      </c>
      <c r="HA26" s="97">
        <v>16</v>
      </c>
      <c r="HB26" s="99">
        <v>137</v>
      </c>
      <c r="HC26" s="100">
        <v>204</v>
      </c>
      <c r="HD26" s="101">
        <v>1</v>
      </c>
      <c r="HE26" s="102">
        <v>2</v>
      </c>
      <c r="HF26" s="103">
        <v>3</v>
      </c>
      <c r="HG26" s="413">
        <v>0</v>
      </c>
      <c r="HH26" s="102">
        <v>0</v>
      </c>
      <c r="HI26" s="102">
        <v>0</v>
      </c>
      <c r="HJ26" s="102">
        <v>0</v>
      </c>
      <c r="HK26" s="102">
        <v>0</v>
      </c>
      <c r="HL26" s="102">
        <v>0</v>
      </c>
      <c r="HM26" s="103">
        <v>0</v>
      </c>
      <c r="HN26" s="104">
        <v>3</v>
      </c>
      <c r="HO26" s="101">
        <v>2</v>
      </c>
      <c r="HP26" s="102">
        <v>0</v>
      </c>
      <c r="HQ26" s="103">
        <v>2</v>
      </c>
      <c r="HR26" s="413">
        <v>0</v>
      </c>
      <c r="HS26" s="102">
        <v>2</v>
      </c>
      <c r="HT26" s="102">
        <v>5</v>
      </c>
      <c r="HU26" s="102">
        <v>5</v>
      </c>
      <c r="HV26" s="102">
        <v>0</v>
      </c>
      <c r="HW26" s="102">
        <v>1</v>
      </c>
      <c r="HX26" s="103">
        <v>13</v>
      </c>
      <c r="HY26" s="104">
        <v>15</v>
      </c>
      <c r="HZ26" s="101">
        <v>9</v>
      </c>
      <c r="IA26" s="102">
        <v>1</v>
      </c>
      <c r="IB26" s="103">
        <v>10</v>
      </c>
      <c r="IC26" s="413">
        <v>0</v>
      </c>
      <c r="ID26" s="102">
        <v>4</v>
      </c>
      <c r="IE26" s="102">
        <v>4</v>
      </c>
      <c r="IF26" s="102">
        <v>5</v>
      </c>
      <c r="IG26" s="102">
        <v>0</v>
      </c>
      <c r="IH26" s="102">
        <v>5</v>
      </c>
      <c r="II26" s="103">
        <v>18</v>
      </c>
      <c r="IJ26" s="104">
        <v>28</v>
      </c>
      <c r="IK26" s="101">
        <v>12</v>
      </c>
      <c r="IL26" s="102">
        <v>14</v>
      </c>
      <c r="IM26" s="103">
        <v>26</v>
      </c>
      <c r="IN26" s="413">
        <v>0</v>
      </c>
      <c r="IO26" s="102">
        <v>6</v>
      </c>
      <c r="IP26" s="102">
        <v>12</v>
      </c>
      <c r="IQ26" s="102">
        <v>5</v>
      </c>
      <c r="IR26" s="102">
        <v>3</v>
      </c>
      <c r="IS26" s="102">
        <v>1</v>
      </c>
      <c r="IT26" s="103">
        <v>27</v>
      </c>
      <c r="IU26" s="104">
        <v>53</v>
      </c>
      <c r="IV26" s="101">
        <v>9</v>
      </c>
      <c r="IW26" s="102">
        <v>7</v>
      </c>
      <c r="IX26" s="103">
        <v>16</v>
      </c>
      <c r="IY26" s="413">
        <v>0</v>
      </c>
      <c r="IZ26" s="102">
        <v>10</v>
      </c>
      <c r="JA26" s="102">
        <v>8</v>
      </c>
      <c r="JB26" s="102">
        <v>8</v>
      </c>
      <c r="JC26" s="102">
        <v>6</v>
      </c>
      <c r="JD26" s="102">
        <v>3</v>
      </c>
      <c r="JE26" s="103">
        <v>35</v>
      </c>
      <c r="JF26" s="104">
        <v>51</v>
      </c>
      <c r="JG26" s="101">
        <v>3</v>
      </c>
      <c r="JH26" s="102">
        <v>7</v>
      </c>
      <c r="JI26" s="103">
        <v>10</v>
      </c>
      <c r="JJ26" s="413">
        <v>0</v>
      </c>
      <c r="JK26" s="102">
        <v>14</v>
      </c>
      <c r="JL26" s="102">
        <v>10</v>
      </c>
      <c r="JM26" s="102">
        <v>7</v>
      </c>
      <c r="JN26" s="102">
        <v>7</v>
      </c>
      <c r="JO26" s="102">
        <v>6</v>
      </c>
      <c r="JP26" s="103">
        <v>44</v>
      </c>
      <c r="JQ26" s="104">
        <v>54</v>
      </c>
      <c r="JR26" s="101">
        <v>0</v>
      </c>
      <c r="JS26" s="102">
        <v>0</v>
      </c>
      <c r="JT26" s="103">
        <v>0</v>
      </c>
      <c r="JU26" s="413">
        <v>0</v>
      </c>
      <c r="JV26" s="102">
        <v>0</v>
      </c>
      <c r="JW26" s="102">
        <v>0</v>
      </c>
      <c r="JX26" s="102">
        <v>0</v>
      </c>
      <c r="JY26" s="102">
        <v>0</v>
      </c>
      <c r="JZ26" s="102">
        <v>0</v>
      </c>
      <c r="KA26" s="103">
        <v>0</v>
      </c>
      <c r="KB26" s="104">
        <v>0</v>
      </c>
      <c r="KC26" s="101">
        <v>36</v>
      </c>
      <c r="KD26" s="102">
        <v>31</v>
      </c>
      <c r="KE26" s="103">
        <v>67</v>
      </c>
      <c r="KF26" s="413">
        <v>0</v>
      </c>
      <c r="KG26" s="102">
        <v>36</v>
      </c>
      <c r="KH26" s="102">
        <v>39</v>
      </c>
      <c r="KI26" s="102">
        <v>30</v>
      </c>
      <c r="KJ26" s="102">
        <v>16</v>
      </c>
      <c r="KK26" s="102">
        <v>16</v>
      </c>
      <c r="KL26" s="103">
        <v>137</v>
      </c>
      <c r="KM26" s="104">
        <v>204</v>
      </c>
    </row>
    <row r="27" spans="2:299" s="70" customFormat="1" ht="21" customHeight="1" x14ac:dyDescent="0.2">
      <c r="B27" s="106" t="s">
        <v>24</v>
      </c>
      <c r="C27" s="96">
        <v>30</v>
      </c>
      <c r="D27" s="97">
        <v>20</v>
      </c>
      <c r="E27" s="98">
        <v>50</v>
      </c>
      <c r="F27" s="413">
        <v>0</v>
      </c>
      <c r="G27" s="97">
        <v>33</v>
      </c>
      <c r="H27" s="97">
        <v>24</v>
      </c>
      <c r="I27" s="97">
        <v>13</v>
      </c>
      <c r="J27" s="97">
        <v>11</v>
      </c>
      <c r="K27" s="97">
        <v>11</v>
      </c>
      <c r="L27" s="99">
        <v>92</v>
      </c>
      <c r="M27" s="100">
        <v>142</v>
      </c>
      <c r="N27" s="101">
        <v>0</v>
      </c>
      <c r="O27" s="102">
        <v>0</v>
      </c>
      <c r="P27" s="103">
        <v>0</v>
      </c>
      <c r="Q27" s="413">
        <v>0</v>
      </c>
      <c r="R27" s="102">
        <v>2</v>
      </c>
      <c r="S27" s="102">
        <v>0</v>
      </c>
      <c r="T27" s="102">
        <v>0</v>
      </c>
      <c r="U27" s="102">
        <v>0</v>
      </c>
      <c r="V27" s="102">
        <v>0</v>
      </c>
      <c r="W27" s="103">
        <v>2</v>
      </c>
      <c r="X27" s="104">
        <v>2</v>
      </c>
      <c r="Y27" s="101">
        <v>1</v>
      </c>
      <c r="Z27" s="102">
        <v>1</v>
      </c>
      <c r="AA27" s="103">
        <v>2</v>
      </c>
      <c r="AB27" s="413">
        <v>0</v>
      </c>
      <c r="AC27" s="102">
        <v>2</v>
      </c>
      <c r="AD27" s="102">
        <v>1</v>
      </c>
      <c r="AE27" s="102">
        <v>1</v>
      </c>
      <c r="AF27" s="102">
        <v>3</v>
      </c>
      <c r="AG27" s="102">
        <v>1</v>
      </c>
      <c r="AH27" s="103">
        <v>8</v>
      </c>
      <c r="AI27" s="104">
        <v>10</v>
      </c>
      <c r="AJ27" s="101">
        <v>1</v>
      </c>
      <c r="AK27" s="102">
        <v>1</v>
      </c>
      <c r="AL27" s="103">
        <v>2</v>
      </c>
      <c r="AM27" s="413">
        <v>0</v>
      </c>
      <c r="AN27" s="102">
        <v>5</v>
      </c>
      <c r="AO27" s="102">
        <v>1</v>
      </c>
      <c r="AP27" s="102">
        <v>1</v>
      </c>
      <c r="AQ27" s="102">
        <v>0</v>
      </c>
      <c r="AR27" s="102">
        <v>1</v>
      </c>
      <c r="AS27" s="103">
        <v>8</v>
      </c>
      <c r="AT27" s="104">
        <v>10</v>
      </c>
      <c r="AU27" s="101">
        <v>9</v>
      </c>
      <c r="AV27" s="102">
        <v>6</v>
      </c>
      <c r="AW27" s="103">
        <v>15</v>
      </c>
      <c r="AX27" s="413">
        <v>0</v>
      </c>
      <c r="AY27" s="102">
        <v>8</v>
      </c>
      <c r="AZ27" s="102">
        <v>4</v>
      </c>
      <c r="BA27" s="102">
        <v>2</v>
      </c>
      <c r="BB27" s="102">
        <v>1</v>
      </c>
      <c r="BC27" s="102">
        <v>3</v>
      </c>
      <c r="BD27" s="103">
        <v>18</v>
      </c>
      <c r="BE27" s="104">
        <v>33</v>
      </c>
      <c r="BF27" s="101">
        <v>12</v>
      </c>
      <c r="BG27" s="102">
        <v>4</v>
      </c>
      <c r="BH27" s="103">
        <v>16</v>
      </c>
      <c r="BI27" s="413">
        <v>0</v>
      </c>
      <c r="BJ27" s="102">
        <v>8</v>
      </c>
      <c r="BK27" s="102">
        <v>10</v>
      </c>
      <c r="BL27" s="102">
        <v>3</v>
      </c>
      <c r="BM27" s="102">
        <v>0</v>
      </c>
      <c r="BN27" s="102">
        <v>3</v>
      </c>
      <c r="BO27" s="103">
        <v>24</v>
      </c>
      <c r="BP27" s="104">
        <v>40</v>
      </c>
      <c r="BQ27" s="101">
        <v>7</v>
      </c>
      <c r="BR27" s="102">
        <v>8</v>
      </c>
      <c r="BS27" s="103">
        <v>15</v>
      </c>
      <c r="BT27" s="413">
        <v>0</v>
      </c>
      <c r="BU27" s="102">
        <v>8</v>
      </c>
      <c r="BV27" s="102">
        <v>8</v>
      </c>
      <c r="BW27" s="102">
        <v>6</v>
      </c>
      <c r="BX27" s="102">
        <v>7</v>
      </c>
      <c r="BY27" s="102">
        <v>3</v>
      </c>
      <c r="BZ27" s="103">
        <v>32</v>
      </c>
      <c r="CA27" s="104">
        <v>47</v>
      </c>
      <c r="CB27" s="101">
        <v>0</v>
      </c>
      <c r="CC27" s="102">
        <v>0</v>
      </c>
      <c r="CD27" s="103">
        <v>0</v>
      </c>
      <c r="CE27" s="413">
        <v>0</v>
      </c>
      <c r="CF27" s="102">
        <v>0</v>
      </c>
      <c r="CG27" s="102">
        <v>0</v>
      </c>
      <c r="CH27" s="102">
        <v>0</v>
      </c>
      <c r="CI27" s="102">
        <v>0</v>
      </c>
      <c r="CJ27" s="102">
        <v>0</v>
      </c>
      <c r="CK27" s="103">
        <v>0</v>
      </c>
      <c r="CL27" s="104">
        <v>0</v>
      </c>
      <c r="CM27" s="101">
        <v>30</v>
      </c>
      <c r="CN27" s="102">
        <v>20</v>
      </c>
      <c r="CO27" s="103">
        <v>50</v>
      </c>
      <c r="CP27" s="413">
        <v>0</v>
      </c>
      <c r="CQ27" s="102">
        <v>33</v>
      </c>
      <c r="CR27" s="102">
        <v>24</v>
      </c>
      <c r="CS27" s="102">
        <v>13</v>
      </c>
      <c r="CT27" s="102">
        <v>11</v>
      </c>
      <c r="CU27" s="102">
        <v>11</v>
      </c>
      <c r="CV27" s="103">
        <v>92</v>
      </c>
      <c r="CW27" s="104">
        <v>142</v>
      </c>
      <c r="CX27" s="105">
        <v>11</v>
      </c>
      <c r="CY27" s="97">
        <v>6</v>
      </c>
      <c r="CZ27" s="98">
        <v>17</v>
      </c>
      <c r="DA27" s="413">
        <v>0</v>
      </c>
      <c r="DB27" s="97">
        <v>14</v>
      </c>
      <c r="DC27" s="97">
        <v>7</v>
      </c>
      <c r="DD27" s="97">
        <v>3</v>
      </c>
      <c r="DE27" s="97">
        <v>4</v>
      </c>
      <c r="DF27" s="97">
        <v>8</v>
      </c>
      <c r="DG27" s="99">
        <v>36</v>
      </c>
      <c r="DH27" s="100">
        <v>53</v>
      </c>
      <c r="DI27" s="101">
        <v>0</v>
      </c>
      <c r="DJ27" s="102">
        <v>0</v>
      </c>
      <c r="DK27" s="103">
        <v>0</v>
      </c>
      <c r="DL27" s="413">
        <v>0</v>
      </c>
      <c r="DM27" s="102">
        <v>0</v>
      </c>
      <c r="DN27" s="102">
        <v>0</v>
      </c>
      <c r="DO27" s="102">
        <v>0</v>
      </c>
      <c r="DP27" s="102">
        <v>0</v>
      </c>
      <c r="DQ27" s="102">
        <v>0</v>
      </c>
      <c r="DR27" s="103">
        <v>0</v>
      </c>
      <c r="DS27" s="104">
        <v>0</v>
      </c>
      <c r="DT27" s="101">
        <v>0</v>
      </c>
      <c r="DU27" s="102">
        <v>1</v>
      </c>
      <c r="DV27" s="103">
        <v>1</v>
      </c>
      <c r="DW27" s="413">
        <v>0</v>
      </c>
      <c r="DX27" s="102">
        <v>0</v>
      </c>
      <c r="DY27" s="102">
        <v>0</v>
      </c>
      <c r="DZ27" s="102">
        <v>0</v>
      </c>
      <c r="EA27" s="102">
        <v>0</v>
      </c>
      <c r="EB27" s="102">
        <v>0</v>
      </c>
      <c r="EC27" s="103">
        <v>0</v>
      </c>
      <c r="ED27" s="104">
        <v>1</v>
      </c>
      <c r="EE27" s="101">
        <v>3</v>
      </c>
      <c r="EF27" s="102">
        <v>0</v>
      </c>
      <c r="EG27" s="103">
        <v>3</v>
      </c>
      <c r="EH27" s="413">
        <v>0</v>
      </c>
      <c r="EI27" s="102">
        <v>1</v>
      </c>
      <c r="EJ27" s="102">
        <v>0</v>
      </c>
      <c r="EK27" s="102">
        <v>1</v>
      </c>
      <c r="EL27" s="102">
        <v>0</v>
      </c>
      <c r="EM27" s="102">
        <v>0</v>
      </c>
      <c r="EN27" s="103">
        <v>2</v>
      </c>
      <c r="EO27" s="104">
        <v>5</v>
      </c>
      <c r="EP27" s="101">
        <v>4</v>
      </c>
      <c r="EQ27" s="102">
        <v>1</v>
      </c>
      <c r="ER27" s="103">
        <v>5</v>
      </c>
      <c r="ES27" s="413">
        <v>0</v>
      </c>
      <c r="ET27" s="102">
        <v>2</v>
      </c>
      <c r="EU27" s="102">
        <v>0</v>
      </c>
      <c r="EV27" s="102">
        <v>0</v>
      </c>
      <c r="EW27" s="102">
        <v>2</v>
      </c>
      <c r="EX27" s="102">
        <v>0</v>
      </c>
      <c r="EY27" s="103">
        <v>4</v>
      </c>
      <c r="EZ27" s="104">
        <v>9</v>
      </c>
      <c r="FA27" s="101">
        <v>1</v>
      </c>
      <c r="FB27" s="102">
        <v>3</v>
      </c>
      <c r="FC27" s="103">
        <v>4</v>
      </c>
      <c r="FD27" s="413">
        <v>0</v>
      </c>
      <c r="FE27" s="102">
        <v>9</v>
      </c>
      <c r="FF27" s="102">
        <v>3</v>
      </c>
      <c r="FG27" s="102">
        <v>1</v>
      </c>
      <c r="FH27" s="102">
        <v>0</v>
      </c>
      <c r="FI27" s="102">
        <v>3</v>
      </c>
      <c r="FJ27" s="103">
        <v>16</v>
      </c>
      <c r="FK27" s="104">
        <v>20</v>
      </c>
      <c r="FL27" s="101">
        <v>3</v>
      </c>
      <c r="FM27" s="102">
        <v>1</v>
      </c>
      <c r="FN27" s="103">
        <v>4</v>
      </c>
      <c r="FO27" s="413">
        <v>0</v>
      </c>
      <c r="FP27" s="102">
        <v>2</v>
      </c>
      <c r="FQ27" s="102">
        <v>4</v>
      </c>
      <c r="FR27" s="102">
        <v>1</v>
      </c>
      <c r="FS27" s="102">
        <v>2</v>
      </c>
      <c r="FT27" s="102">
        <v>5</v>
      </c>
      <c r="FU27" s="103">
        <v>14</v>
      </c>
      <c r="FV27" s="104">
        <v>18</v>
      </c>
      <c r="FW27" s="101">
        <v>0</v>
      </c>
      <c r="FX27" s="102">
        <v>0</v>
      </c>
      <c r="FY27" s="103">
        <v>0</v>
      </c>
      <c r="FZ27" s="413">
        <v>0</v>
      </c>
      <c r="GA27" s="102">
        <v>0</v>
      </c>
      <c r="GB27" s="102">
        <v>0</v>
      </c>
      <c r="GC27" s="102">
        <v>0</v>
      </c>
      <c r="GD27" s="102">
        <v>0</v>
      </c>
      <c r="GE27" s="102">
        <v>0</v>
      </c>
      <c r="GF27" s="103">
        <v>0</v>
      </c>
      <c r="GG27" s="104">
        <v>0</v>
      </c>
      <c r="GH27" s="101">
        <v>11</v>
      </c>
      <c r="GI27" s="102">
        <v>6</v>
      </c>
      <c r="GJ27" s="103">
        <v>17</v>
      </c>
      <c r="GK27" s="413">
        <v>0</v>
      </c>
      <c r="GL27" s="102">
        <v>14</v>
      </c>
      <c r="GM27" s="102">
        <v>7</v>
      </c>
      <c r="GN27" s="102">
        <v>3</v>
      </c>
      <c r="GO27" s="102">
        <v>4</v>
      </c>
      <c r="GP27" s="102">
        <v>8</v>
      </c>
      <c r="GQ27" s="103">
        <v>36</v>
      </c>
      <c r="GR27" s="104">
        <v>53</v>
      </c>
      <c r="GS27" s="105">
        <v>41</v>
      </c>
      <c r="GT27" s="97">
        <v>26</v>
      </c>
      <c r="GU27" s="98">
        <v>67</v>
      </c>
      <c r="GV27" s="413">
        <v>0</v>
      </c>
      <c r="GW27" s="97">
        <v>47</v>
      </c>
      <c r="GX27" s="97">
        <v>31</v>
      </c>
      <c r="GY27" s="97">
        <v>16</v>
      </c>
      <c r="GZ27" s="97">
        <v>15</v>
      </c>
      <c r="HA27" s="97">
        <v>19</v>
      </c>
      <c r="HB27" s="99">
        <v>128</v>
      </c>
      <c r="HC27" s="100">
        <v>195</v>
      </c>
      <c r="HD27" s="101">
        <v>0</v>
      </c>
      <c r="HE27" s="102">
        <v>0</v>
      </c>
      <c r="HF27" s="103">
        <v>0</v>
      </c>
      <c r="HG27" s="413">
        <v>0</v>
      </c>
      <c r="HH27" s="102">
        <v>2</v>
      </c>
      <c r="HI27" s="102">
        <v>0</v>
      </c>
      <c r="HJ27" s="102">
        <v>0</v>
      </c>
      <c r="HK27" s="102">
        <v>0</v>
      </c>
      <c r="HL27" s="102">
        <v>0</v>
      </c>
      <c r="HM27" s="103">
        <v>2</v>
      </c>
      <c r="HN27" s="104">
        <v>2</v>
      </c>
      <c r="HO27" s="101">
        <v>1</v>
      </c>
      <c r="HP27" s="102">
        <v>2</v>
      </c>
      <c r="HQ27" s="103">
        <v>3</v>
      </c>
      <c r="HR27" s="413">
        <v>0</v>
      </c>
      <c r="HS27" s="102">
        <v>2</v>
      </c>
      <c r="HT27" s="102">
        <v>1</v>
      </c>
      <c r="HU27" s="102">
        <v>1</v>
      </c>
      <c r="HV27" s="102">
        <v>3</v>
      </c>
      <c r="HW27" s="102">
        <v>1</v>
      </c>
      <c r="HX27" s="103">
        <v>8</v>
      </c>
      <c r="HY27" s="104">
        <v>11</v>
      </c>
      <c r="HZ27" s="101">
        <v>4</v>
      </c>
      <c r="IA27" s="102">
        <v>1</v>
      </c>
      <c r="IB27" s="103">
        <v>5</v>
      </c>
      <c r="IC27" s="413">
        <v>0</v>
      </c>
      <c r="ID27" s="102">
        <v>6</v>
      </c>
      <c r="IE27" s="102">
        <v>1</v>
      </c>
      <c r="IF27" s="102">
        <v>2</v>
      </c>
      <c r="IG27" s="102">
        <v>0</v>
      </c>
      <c r="IH27" s="102">
        <v>1</v>
      </c>
      <c r="II27" s="103">
        <v>10</v>
      </c>
      <c r="IJ27" s="104">
        <v>15</v>
      </c>
      <c r="IK27" s="101">
        <v>13</v>
      </c>
      <c r="IL27" s="102">
        <v>7</v>
      </c>
      <c r="IM27" s="103">
        <v>20</v>
      </c>
      <c r="IN27" s="413">
        <v>0</v>
      </c>
      <c r="IO27" s="102">
        <v>10</v>
      </c>
      <c r="IP27" s="102">
        <v>4</v>
      </c>
      <c r="IQ27" s="102">
        <v>2</v>
      </c>
      <c r="IR27" s="102">
        <v>3</v>
      </c>
      <c r="IS27" s="102">
        <v>3</v>
      </c>
      <c r="IT27" s="103">
        <v>22</v>
      </c>
      <c r="IU27" s="104">
        <v>42</v>
      </c>
      <c r="IV27" s="101">
        <v>13</v>
      </c>
      <c r="IW27" s="102">
        <v>7</v>
      </c>
      <c r="IX27" s="103">
        <v>20</v>
      </c>
      <c r="IY27" s="413">
        <v>0</v>
      </c>
      <c r="IZ27" s="102">
        <v>17</v>
      </c>
      <c r="JA27" s="102">
        <v>13</v>
      </c>
      <c r="JB27" s="102">
        <v>4</v>
      </c>
      <c r="JC27" s="102">
        <v>0</v>
      </c>
      <c r="JD27" s="102">
        <v>6</v>
      </c>
      <c r="JE27" s="103">
        <v>40</v>
      </c>
      <c r="JF27" s="104">
        <v>60</v>
      </c>
      <c r="JG27" s="101">
        <v>10</v>
      </c>
      <c r="JH27" s="102">
        <v>9</v>
      </c>
      <c r="JI27" s="103">
        <v>19</v>
      </c>
      <c r="JJ27" s="413">
        <v>0</v>
      </c>
      <c r="JK27" s="102">
        <v>10</v>
      </c>
      <c r="JL27" s="102">
        <v>12</v>
      </c>
      <c r="JM27" s="102">
        <v>7</v>
      </c>
      <c r="JN27" s="102">
        <v>9</v>
      </c>
      <c r="JO27" s="102">
        <v>8</v>
      </c>
      <c r="JP27" s="103">
        <v>46</v>
      </c>
      <c r="JQ27" s="104">
        <v>65</v>
      </c>
      <c r="JR27" s="101">
        <v>0</v>
      </c>
      <c r="JS27" s="102">
        <v>0</v>
      </c>
      <c r="JT27" s="103">
        <v>0</v>
      </c>
      <c r="JU27" s="413">
        <v>0</v>
      </c>
      <c r="JV27" s="102">
        <v>0</v>
      </c>
      <c r="JW27" s="102">
        <v>0</v>
      </c>
      <c r="JX27" s="102">
        <v>0</v>
      </c>
      <c r="JY27" s="102">
        <v>0</v>
      </c>
      <c r="JZ27" s="102">
        <v>0</v>
      </c>
      <c r="KA27" s="103">
        <v>0</v>
      </c>
      <c r="KB27" s="104">
        <v>0</v>
      </c>
      <c r="KC27" s="101">
        <v>41</v>
      </c>
      <c r="KD27" s="102">
        <v>26</v>
      </c>
      <c r="KE27" s="103">
        <v>67</v>
      </c>
      <c r="KF27" s="413">
        <v>0</v>
      </c>
      <c r="KG27" s="102">
        <v>47</v>
      </c>
      <c r="KH27" s="102">
        <v>31</v>
      </c>
      <c r="KI27" s="102">
        <v>16</v>
      </c>
      <c r="KJ27" s="102">
        <v>15</v>
      </c>
      <c r="KK27" s="102">
        <v>19</v>
      </c>
      <c r="KL27" s="103">
        <v>128</v>
      </c>
      <c r="KM27" s="104">
        <v>195</v>
      </c>
    </row>
    <row r="28" spans="2:299" s="70" customFormat="1" ht="21" customHeight="1" x14ac:dyDescent="0.2">
      <c r="B28" s="106" t="s">
        <v>25</v>
      </c>
      <c r="C28" s="96">
        <v>9</v>
      </c>
      <c r="D28" s="97">
        <v>13</v>
      </c>
      <c r="E28" s="98">
        <v>22</v>
      </c>
      <c r="F28" s="413">
        <v>0</v>
      </c>
      <c r="G28" s="97">
        <v>12</v>
      </c>
      <c r="H28" s="97">
        <v>15</v>
      </c>
      <c r="I28" s="97">
        <v>10</v>
      </c>
      <c r="J28" s="97">
        <v>7</v>
      </c>
      <c r="K28" s="97">
        <v>6</v>
      </c>
      <c r="L28" s="99">
        <v>50</v>
      </c>
      <c r="M28" s="100">
        <v>72</v>
      </c>
      <c r="N28" s="101">
        <v>0</v>
      </c>
      <c r="O28" s="102">
        <v>2</v>
      </c>
      <c r="P28" s="103">
        <v>2</v>
      </c>
      <c r="Q28" s="413">
        <v>0</v>
      </c>
      <c r="R28" s="102">
        <v>1</v>
      </c>
      <c r="S28" s="102">
        <v>2</v>
      </c>
      <c r="T28" s="102">
        <v>1</v>
      </c>
      <c r="U28" s="102">
        <v>1</v>
      </c>
      <c r="V28" s="102">
        <v>1</v>
      </c>
      <c r="W28" s="103">
        <v>6</v>
      </c>
      <c r="X28" s="104">
        <v>8</v>
      </c>
      <c r="Y28" s="101">
        <v>2</v>
      </c>
      <c r="Z28" s="102">
        <v>1</v>
      </c>
      <c r="AA28" s="103">
        <v>3</v>
      </c>
      <c r="AB28" s="413">
        <v>0</v>
      </c>
      <c r="AC28" s="102">
        <v>2</v>
      </c>
      <c r="AD28" s="102">
        <v>1</v>
      </c>
      <c r="AE28" s="102">
        <v>2</v>
      </c>
      <c r="AF28" s="102">
        <v>0</v>
      </c>
      <c r="AG28" s="102">
        <v>0</v>
      </c>
      <c r="AH28" s="103">
        <v>5</v>
      </c>
      <c r="AI28" s="104">
        <v>8</v>
      </c>
      <c r="AJ28" s="101">
        <v>1</v>
      </c>
      <c r="AK28" s="102">
        <v>2</v>
      </c>
      <c r="AL28" s="103">
        <v>3</v>
      </c>
      <c r="AM28" s="413">
        <v>0</v>
      </c>
      <c r="AN28" s="102">
        <v>1</v>
      </c>
      <c r="AO28" s="102">
        <v>3</v>
      </c>
      <c r="AP28" s="102">
        <v>0</v>
      </c>
      <c r="AQ28" s="102">
        <v>3</v>
      </c>
      <c r="AR28" s="102">
        <v>1</v>
      </c>
      <c r="AS28" s="103">
        <v>8</v>
      </c>
      <c r="AT28" s="104">
        <v>11</v>
      </c>
      <c r="AU28" s="101">
        <v>1</v>
      </c>
      <c r="AV28" s="102">
        <v>5</v>
      </c>
      <c r="AW28" s="103">
        <v>6</v>
      </c>
      <c r="AX28" s="413">
        <v>0</v>
      </c>
      <c r="AY28" s="102">
        <v>5</v>
      </c>
      <c r="AZ28" s="102">
        <v>4</v>
      </c>
      <c r="BA28" s="102">
        <v>2</v>
      </c>
      <c r="BB28" s="102">
        <v>1</v>
      </c>
      <c r="BC28" s="102">
        <v>1</v>
      </c>
      <c r="BD28" s="103">
        <v>13</v>
      </c>
      <c r="BE28" s="104">
        <v>19</v>
      </c>
      <c r="BF28" s="101">
        <v>2</v>
      </c>
      <c r="BG28" s="102">
        <v>1</v>
      </c>
      <c r="BH28" s="103">
        <v>3</v>
      </c>
      <c r="BI28" s="413">
        <v>0</v>
      </c>
      <c r="BJ28" s="102">
        <v>1</v>
      </c>
      <c r="BK28" s="102">
        <v>2</v>
      </c>
      <c r="BL28" s="102">
        <v>2</v>
      </c>
      <c r="BM28" s="102">
        <v>0</v>
      </c>
      <c r="BN28" s="102">
        <v>1</v>
      </c>
      <c r="BO28" s="103">
        <v>6</v>
      </c>
      <c r="BP28" s="104">
        <v>9</v>
      </c>
      <c r="BQ28" s="101">
        <v>3</v>
      </c>
      <c r="BR28" s="102">
        <v>2</v>
      </c>
      <c r="BS28" s="103">
        <v>5</v>
      </c>
      <c r="BT28" s="413">
        <v>0</v>
      </c>
      <c r="BU28" s="102">
        <v>2</v>
      </c>
      <c r="BV28" s="102">
        <v>3</v>
      </c>
      <c r="BW28" s="102">
        <v>3</v>
      </c>
      <c r="BX28" s="102">
        <v>2</v>
      </c>
      <c r="BY28" s="102">
        <v>2</v>
      </c>
      <c r="BZ28" s="103">
        <v>12</v>
      </c>
      <c r="CA28" s="104">
        <v>17</v>
      </c>
      <c r="CB28" s="101">
        <v>0</v>
      </c>
      <c r="CC28" s="102">
        <v>0</v>
      </c>
      <c r="CD28" s="103">
        <v>0</v>
      </c>
      <c r="CE28" s="413">
        <v>0</v>
      </c>
      <c r="CF28" s="102">
        <v>0</v>
      </c>
      <c r="CG28" s="102">
        <v>0</v>
      </c>
      <c r="CH28" s="102">
        <v>0</v>
      </c>
      <c r="CI28" s="102">
        <v>0</v>
      </c>
      <c r="CJ28" s="102">
        <v>0</v>
      </c>
      <c r="CK28" s="103">
        <v>0</v>
      </c>
      <c r="CL28" s="104">
        <v>0</v>
      </c>
      <c r="CM28" s="101">
        <v>9</v>
      </c>
      <c r="CN28" s="102">
        <v>13</v>
      </c>
      <c r="CO28" s="103">
        <v>22</v>
      </c>
      <c r="CP28" s="413">
        <v>0</v>
      </c>
      <c r="CQ28" s="102">
        <v>12</v>
      </c>
      <c r="CR28" s="102">
        <v>15</v>
      </c>
      <c r="CS28" s="102">
        <v>10</v>
      </c>
      <c r="CT28" s="102">
        <v>7</v>
      </c>
      <c r="CU28" s="102">
        <v>6</v>
      </c>
      <c r="CV28" s="103">
        <v>50</v>
      </c>
      <c r="CW28" s="104">
        <v>72</v>
      </c>
      <c r="CX28" s="105">
        <v>5</v>
      </c>
      <c r="CY28" s="97">
        <v>16</v>
      </c>
      <c r="CZ28" s="98">
        <v>21</v>
      </c>
      <c r="DA28" s="413">
        <v>0</v>
      </c>
      <c r="DB28" s="97">
        <v>7</v>
      </c>
      <c r="DC28" s="97">
        <v>5</v>
      </c>
      <c r="DD28" s="97">
        <v>1</v>
      </c>
      <c r="DE28" s="97">
        <v>4</v>
      </c>
      <c r="DF28" s="97">
        <v>3</v>
      </c>
      <c r="DG28" s="99">
        <v>20</v>
      </c>
      <c r="DH28" s="100">
        <v>41</v>
      </c>
      <c r="DI28" s="101">
        <v>0</v>
      </c>
      <c r="DJ28" s="102">
        <v>0</v>
      </c>
      <c r="DK28" s="103">
        <v>0</v>
      </c>
      <c r="DL28" s="413">
        <v>0</v>
      </c>
      <c r="DM28" s="102">
        <v>0</v>
      </c>
      <c r="DN28" s="102">
        <v>0</v>
      </c>
      <c r="DO28" s="102">
        <v>0</v>
      </c>
      <c r="DP28" s="102">
        <v>0</v>
      </c>
      <c r="DQ28" s="102">
        <v>0</v>
      </c>
      <c r="DR28" s="103">
        <v>0</v>
      </c>
      <c r="DS28" s="104">
        <v>0</v>
      </c>
      <c r="DT28" s="101">
        <v>0</v>
      </c>
      <c r="DU28" s="102">
        <v>0</v>
      </c>
      <c r="DV28" s="103">
        <v>0</v>
      </c>
      <c r="DW28" s="413">
        <v>0</v>
      </c>
      <c r="DX28" s="102">
        <v>1</v>
      </c>
      <c r="DY28" s="102">
        <v>1</v>
      </c>
      <c r="DZ28" s="102">
        <v>0</v>
      </c>
      <c r="EA28" s="102">
        <v>0</v>
      </c>
      <c r="EB28" s="102">
        <v>1</v>
      </c>
      <c r="EC28" s="103">
        <v>3</v>
      </c>
      <c r="ED28" s="104">
        <v>3</v>
      </c>
      <c r="EE28" s="101">
        <v>1</v>
      </c>
      <c r="EF28" s="102">
        <v>1</v>
      </c>
      <c r="EG28" s="103">
        <v>2</v>
      </c>
      <c r="EH28" s="413">
        <v>0</v>
      </c>
      <c r="EI28" s="102">
        <v>0</v>
      </c>
      <c r="EJ28" s="102">
        <v>0</v>
      </c>
      <c r="EK28" s="102">
        <v>0</v>
      </c>
      <c r="EL28" s="102">
        <v>0</v>
      </c>
      <c r="EM28" s="102">
        <v>0</v>
      </c>
      <c r="EN28" s="103">
        <v>0</v>
      </c>
      <c r="EO28" s="104">
        <v>2</v>
      </c>
      <c r="EP28" s="101">
        <v>1</v>
      </c>
      <c r="EQ28" s="102">
        <v>4</v>
      </c>
      <c r="ER28" s="103">
        <v>5</v>
      </c>
      <c r="ES28" s="413">
        <v>0</v>
      </c>
      <c r="ET28" s="102">
        <v>0</v>
      </c>
      <c r="EU28" s="102">
        <v>1</v>
      </c>
      <c r="EV28" s="102">
        <v>1</v>
      </c>
      <c r="EW28" s="102">
        <v>0</v>
      </c>
      <c r="EX28" s="102">
        <v>0</v>
      </c>
      <c r="EY28" s="103">
        <v>2</v>
      </c>
      <c r="EZ28" s="104">
        <v>7</v>
      </c>
      <c r="FA28" s="101">
        <v>2</v>
      </c>
      <c r="FB28" s="102">
        <v>4</v>
      </c>
      <c r="FC28" s="103">
        <v>6</v>
      </c>
      <c r="FD28" s="413">
        <v>0</v>
      </c>
      <c r="FE28" s="102">
        <v>2</v>
      </c>
      <c r="FF28" s="102">
        <v>1</v>
      </c>
      <c r="FG28" s="102">
        <v>0</v>
      </c>
      <c r="FH28" s="102">
        <v>0</v>
      </c>
      <c r="FI28" s="102">
        <v>1</v>
      </c>
      <c r="FJ28" s="103">
        <v>4</v>
      </c>
      <c r="FK28" s="104">
        <v>10</v>
      </c>
      <c r="FL28" s="101">
        <v>1</v>
      </c>
      <c r="FM28" s="102">
        <v>7</v>
      </c>
      <c r="FN28" s="103">
        <v>8</v>
      </c>
      <c r="FO28" s="413">
        <v>0</v>
      </c>
      <c r="FP28" s="102">
        <v>4</v>
      </c>
      <c r="FQ28" s="102">
        <v>2</v>
      </c>
      <c r="FR28" s="102">
        <v>0</v>
      </c>
      <c r="FS28" s="102">
        <v>4</v>
      </c>
      <c r="FT28" s="102">
        <v>1</v>
      </c>
      <c r="FU28" s="103">
        <v>11</v>
      </c>
      <c r="FV28" s="104">
        <v>19</v>
      </c>
      <c r="FW28" s="101">
        <v>0</v>
      </c>
      <c r="FX28" s="102">
        <v>0</v>
      </c>
      <c r="FY28" s="103">
        <v>0</v>
      </c>
      <c r="FZ28" s="413">
        <v>0</v>
      </c>
      <c r="GA28" s="102">
        <v>0</v>
      </c>
      <c r="GB28" s="102">
        <v>0</v>
      </c>
      <c r="GC28" s="102">
        <v>0</v>
      </c>
      <c r="GD28" s="102">
        <v>0</v>
      </c>
      <c r="GE28" s="102">
        <v>0</v>
      </c>
      <c r="GF28" s="103">
        <v>0</v>
      </c>
      <c r="GG28" s="104">
        <v>0</v>
      </c>
      <c r="GH28" s="101">
        <v>5</v>
      </c>
      <c r="GI28" s="102">
        <v>16</v>
      </c>
      <c r="GJ28" s="103">
        <v>21</v>
      </c>
      <c r="GK28" s="413">
        <v>0</v>
      </c>
      <c r="GL28" s="102">
        <v>7</v>
      </c>
      <c r="GM28" s="102">
        <v>5</v>
      </c>
      <c r="GN28" s="102">
        <v>1</v>
      </c>
      <c r="GO28" s="102">
        <v>4</v>
      </c>
      <c r="GP28" s="102">
        <v>3</v>
      </c>
      <c r="GQ28" s="103">
        <v>20</v>
      </c>
      <c r="GR28" s="104">
        <v>41</v>
      </c>
      <c r="GS28" s="105">
        <v>14</v>
      </c>
      <c r="GT28" s="97">
        <v>29</v>
      </c>
      <c r="GU28" s="98">
        <v>43</v>
      </c>
      <c r="GV28" s="413">
        <v>0</v>
      </c>
      <c r="GW28" s="97">
        <v>19</v>
      </c>
      <c r="GX28" s="97">
        <v>20</v>
      </c>
      <c r="GY28" s="97">
        <v>11</v>
      </c>
      <c r="GZ28" s="97">
        <v>11</v>
      </c>
      <c r="HA28" s="97">
        <v>9</v>
      </c>
      <c r="HB28" s="99">
        <v>70</v>
      </c>
      <c r="HC28" s="100">
        <v>113</v>
      </c>
      <c r="HD28" s="101">
        <v>0</v>
      </c>
      <c r="HE28" s="102">
        <v>2</v>
      </c>
      <c r="HF28" s="103">
        <v>2</v>
      </c>
      <c r="HG28" s="413">
        <v>0</v>
      </c>
      <c r="HH28" s="102">
        <v>1</v>
      </c>
      <c r="HI28" s="102">
        <v>2</v>
      </c>
      <c r="HJ28" s="102">
        <v>1</v>
      </c>
      <c r="HK28" s="102">
        <v>1</v>
      </c>
      <c r="HL28" s="102">
        <v>1</v>
      </c>
      <c r="HM28" s="103">
        <v>6</v>
      </c>
      <c r="HN28" s="104">
        <v>8</v>
      </c>
      <c r="HO28" s="101">
        <v>2</v>
      </c>
      <c r="HP28" s="102">
        <v>1</v>
      </c>
      <c r="HQ28" s="103">
        <v>3</v>
      </c>
      <c r="HR28" s="413">
        <v>0</v>
      </c>
      <c r="HS28" s="102">
        <v>3</v>
      </c>
      <c r="HT28" s="102">
        <v>2</v>
      </c>
      <c r="HU28" s="102">
        <v>2</v>
      </c>
      <c r="HV28" s="102">
        <v>0</v>
      </c>
      <c r="HW28" s="102">
        <v>1</v>
      </c>
      <c r="HX28" s="103">
        <v>8</v>
      </c>
      <c r="HY28" s="104">
        <v>11</v>
      </c>
      <c r="HZ28" s="101">
        <v>2</v>
      </c>
      <c r="IA28" s="102">
        <v>3</v>
      </c>
      <c r="IB28" s="103">
        <v>5</v>
      </c>
      <c r="IC28" s="413">
        <v>0</v>
      </c>
      <c r="ID28" s="102">
        <v>1</v>
      </c>
      <c r="IE28" s="102">
        <v>3</v>
      </c>
      <c r="IF28" s="102">
        <v>0</v>
      </c>
      <c r="IG28" s="102">
        <v>3</v>
      </c>
      <c r="IH28" s="102">
        <v>1</v>
      </c>
      <c r="II28" s="103">
        <v>8</v>
      </c>
      <c r="IJ28" s="104">
        <v>13</v>
      </c>
      <c r="IK28" s="101">
        <v>2</v>
      </c>
      <c r="IL28" s="102">
        <v>9</v>
      </c>
      <c r="IM28" s="103">
        <v>11</v>
      </c>
      <c r="IN28" s="413">
        <v>0</v>
      </c>
      <c r="IO28" s="102">
        <v>5</v>
      </c>
      <c r="IP28" s="102">
        <v>5</v>
      </c>
      <c r="IQ28" s="102">
        <v>3</v>
      </c>
      <c r="IR28" s="102">
        <v>1</v>
      </c>
      <c r="IS28" s="102">
        <v>1</v>
      </c>
      <c r="IT28" s="103">
        <v>15</v>
      </c>
      <c r="IU28" s="104">
        <v>26</v>
      </c>
      <c r="IV28" s="101">
        <v>4</v>
      </c>
      <c r="IW28" s="102">
        <v>5</v>
      </c>
      <c r="IX28" s="103">
        <v>9</v>
      </c>
      <c r="IY28" s="413">
        <v>0</v>
      </c>
      <c r="IZ28" s="102">
        <v>3</v>
      </c>
      <c r="JA28" s="102">
        <v>3</v>
      </c>
      <c r="JB28" s="102">
        <v>2</v>
      </c>
      <c r="JC28" s="102">
        <v>0</v>
      </c>
      <c r="JD28" s="102">
        <v>2</v>
      </c>
      <c r="JE28" s="103">
        <v>10</v>
      </c>
      <c r="JF28" s="104">
        <v>19</v>
      </c>
      <c r="JG28" s="101">
        <v>4</v>
      </c>
      <c r="JH28" s="102">
        <v>9</v>
      </c>
      <c r="JI28" s="103">
        <v>13</v>
      </c>
      <c r="JJ28" s="413">
        <v>0</v>
      </c>
      <c r="JK28" s="102">
        <v>6</v>
      </c>
      <c r="JL28" s="102">
        <v>5</v>
      </c>
      <c r="JM28" s="102">
        <v>3</v>
      </c>
      <c r="JN28" s="102">
        <v>6</v>
      </c>
      <c r="JO28" s="102">
        <v>3</v>
      </c>
      <c r="JP28" s="103">
        <v>23</v>
      </c>
      <c r="JQ28" s="104">
        <v>36</v>
      </c>
      <c r="JR28" s="101">
        <v>0</v>
      </c>
      <c r="JS28" s="102">
        <v>0</v>
      </c>
      <c r="JT28" s="103">
        <v>0</v>
      </c>
      <c r="JU28" s="413">
        <v>0</v>
      </c>
      <c r="JV28" s="102">
        <v>0</v>
      </c>
      <c r="JW28" s="102">
        <v>0</v>
      </c>
      <c r="JX28" s="102">
        <v>0</v>
      </c>
      <c r="JY28" s="102">
        <v>0</v>
      </c>
      <c r="JZ28" s="102">
        <v>0</v>
      </c>
      <c r="KA28" s="103">
        <v>0</v>
      </c>
      <c r="KB28" s="104">
        <v>0</v>
      </c>
      <c r="KC28" s="101">
        <v>14</v>
      </c>
      <c r="KD28" s="102">
        <v>29</v>
      </c>
      <c r="KE28" s="103">
        <v>43</v>
      </c>
      <c r="KF28" s="413">
        <v>0</v>
      </c>
      <c r="KG28" s="102">
        <v>19</v>
      </c>
      <c r="KH28" s="102">
        <v>20</v>
      </c>
      <c r="KI28" s="102">
        <v>11</v>
      </c>
      <c r="KJ28" s="102">
        <v>11</v>
      </c>
      <c r="KK28" s="102">
        <v>9</v>
      </c>
      <c r="KL28" s="103">
        <v>70</v>
      </c>
      <c r="KM28" s="104">
        <v>113</v>
      </c>
    </row>
    <row r="29" spans="2:299" s="70" customFormat="1" ht="21" customHeight="1" x14ac:dyDescent="0.2">
      <c r="B29" s="106" t="s">
        <v>26</v>
      </c>
      <c r="C29" s="96">
        <v>16</v>
      </c>
      <c r="D29" s="97">
        <v>12</v>
      </c>
      <c r="E29" s="98">
        <v>28</v>
      </c>
      <c r="F29" s="413">
        <v>0</v>
      </c>
      <c r="G29" s="97">
        <v>19</v>
      </c>
      <c r="H29" s="97">
        <v>19</v>
      </c>
      <c r="I29" s="97">
        <v>12</v>
      </c>
      <c r="J29" s="97">
        <v>2</v>
      </c>
      <c r="K29" s="97">
        <v>7</v>
      </c>
      <c r="L29" s="99">
        <v>59</v>
      </c>
      <c r="M29" s="100">
        <v>87</v>
      </c>
      <c r="N29" s="101">
        <v>1</v>
      </c>
      <c r="O29" s="102">
        <v>0</v>
      </c>
      <c r="P29" s="103">
        <v>1</v>
      </c>
      <c r="Q29" s="413">
        <v>0</v>
      </c>
      <c r="R29" s="102">
        <v>0</v>
      </c>
      <c r="S29" s="102">
        <v>0</v>
      </c>
      <c r="T29" s="102">
        <v>0</v>
      </c>
      <c r="U29" s="102">
        <v>0</v>
      </c>
      <c r="V29" s="102">
        <v>0</v>
      </c>
      <c r="W29" s="103">
        <v>0</v>
      </c>
      <c r="X29" s="104">
        <v>1</v>
      </c>
      <c r="Y29" s="101">
        <v>0</v>
      </c>
      <c r="Z29" s="102">
        <v>0</v>
      </c>
      <c r="AA29" s="103">
        <v>0</v>
      </c>
      <c r="AB29" s="413">
        <v>0</v>
      </c>
      <c r="AC29" s="102">
        <v>1</v>
      </c>
      <c r="AD29" s="102">
        <v>2</v>
      </c>
      <c r="AE29" s="102">
        <v>0</v>
      </c>
      <c r="AF29" s="102">
        <v>0</v>
      </c>
      <c r="AG29" s="102">
        <v>0</v>
      </c>
      <c r="AH29" s="103">
        <v>3</v>
      </c>
      <c r="AI29" s="104">
        <v>3</v>
      </c>
      <c r="AJ29" s="101">
        <v>2</v>
      </c>
      <c r="AK29" s="102">
        <v>2</v>
      </c>
      <c r="AL29" s="103">
        <v>4</v>
      </c>
      <c r="AM29" s="413">
        <v>0</v>
      </c>
      <c r="AN29" s="102">
        <v>3</v>
      </c>
      <c r="AO29" s="102">
        <v>2</v>
      </c>
      <c r="AP29" s="102">
        <v>0</v>
      </c>
      <c r="AQ29" s="102">
        <v>0</v>
      </c>
      <c r="AR29" s="102">
        <v>1</v>
      </c>
      <c r="AS29" s="103">
        <v>6</v>
      </c>
      <c r="AT29" s="104">
        <v>10</v>
      </c>
      <c r="AU29" s="101">
        <v>1</v>
      </c>
      <c r="AV29" s="102">
        <v>4</v>
      </c>
      <c r="AW29" s="103">
        <v>5</v>
      </c>
      <c r="AX29" s="413">
        <v>0</v>
      </c>
      <c r="AY29" s="102">
        <v>4</v>
      </c>
      <c r="AZ29" s="102">
        <v>2</v>
      </c>
      <c r="BA29" s="102">
        <v>4</v>
      </c>
      <c r="BB29" s="102">
        <v>0</v>
      </c>
      <c r="BC29" s="102">
        <v>2</v>
      </c>
      <c r="BD29" s="103">
        <v>12</v>
      </c>
      <c r="BE29" s="104">
        <v>17</v>
      </c>
      <c r="BF29" s="101">
        <v>8</v>
      </c>
      <c r="BG29" s="102">
        <v>3</v>
      </c>
      <c r="BH29" s="103">
        <v>11</v>
      </c>
      <c r="BI29" s="413">
        <v>0</v>
      </c>
      <c r="BJ29" s="102">
        <v>5</v>
      </c>
      <c r="BK29" s="102">
        <v>8</v>
      </c>
      <c r="BL29" s="102">
        <v>5</v>
      </c>
      <c r="BM29" s="102">
        <v>0</v>
      </c>
      <c r="BN29" s="102">
        <v>3</v>
      </c>
      <c r="BO29" s="103">
        <v>21</v>
      </c>
      <c r="BP29" s="104">
        <v>32</v>
      </c>
      <c r="BQ29" s="101">
        <v>4</v>
      </c>
      <c r="BR29" s="102">
        <v>3</v>
      </c>
      <c r="BS29" s="103">
        <v>7</v>
      </c>
      <c r="BT29" s="413">
        <v>0</v>
      </c>
      <c r="BU29" s="102">
        <v>6</v>
      </c>
      <c r="BV29" s="102">
        <v>5</v>
      </c>
      <c r="BW29" s="102">
        <v>3</v>
      </c>
      <c r="BX29" s="102">
        <v>2</v>
      </c>
      <c r="BY29" s="102">
        <v>1</v>
      </c>
      <c r="BZ29" s="103">
        <v>17</v>
      </c>
      <c r="CA29" s="104">
        <v>24</v>
      </c>
      <c r="CB29" s="101">
        <v>0</v>
      </c>
      <c r="CC29" s="102">
        <v>0</v>
      </c>
      <c r="CD29" s="103">
        <v>0</v>
      </c>
      <c r="CE29" s="413">
        <v>0</v>
      </c>
      <c r="CF29" s="102">
        <v>0</v>
      </c>
      <c r="CG29" s="102">
        <v>0</v>
      </c>
      <c r="CH29" s="102">
        <v>0</v>
      </c>
      <c r="CI29" s="102">
        <v>0</v>
      </c>
      <c r="CJ29" s="102">
        <v>0</v>
      </c>
      <c r="CK29" s="103">
        <v>0</v>
      </c>
      <c r="CL29" s="104">
        <v>0</v>
      </c>
      <c r="CM29" s="101">
        <v>16</v>
      </c>
      <c r="CN29" s="102">
        <v>12</v>
      </c>
      <c r="CO29" s="103">
        <v>28</v>
      </c>
      <c r="CP29" s="413">
        <v>0</v>
      </c>
      <c r="CQ29" s="102">
        <v>19</v>
      </c>
      <c r="CR29" s="102">
        <v>19</v>
      </c>
      <c r="CS29" s="102">
        <v>12</v>
      </c>
      <c r="CT29" s="102">
        <v>2</v>
      </c>
      <c r="CU29" s="102">
        <v>7</v>
      </c>
      <c r="CV29" s="103">
        <v>59</v>
      </c>
      <c r="CW29" s="104">
        <v>87</v>
      </c>
      <c r="CX29" s="105">
        <v>4</v>
      </c>
      <c r="CY29" s="97">
        <v>6</v>
      </c>
      <c r="CZ29" s="98">
        <v>10</v>
      </c>
      <c r="DA29" s="413">
        <v>0</v>
      </c>
      <c r="DB29" s="97">
        <v>7</v>
      </c>
      <c r="DC29" s="97">
        <v>6</v>
      </c>
      <c r="DD29" s="97">
        <v>4</v>
      </c>
      <c r="DE29" s="97">
        <v>4</v>
      </c>
      <c r="DF29" s="97">
        <v>2</v>
      </c>
      <c r="DG29" s="99">
        <v>23</v>
      </c>
      <c r="DH29" s="100">
        <v>33</v>
      </c>
      <c r="DI29" s="101">
        <v>0</v>
      </c>
      <c r="DJ29" s="102">
        <v>0</v>
      </c>
      <c r="DK29" s="103">
        <v>0</v>
      </c>
      <c r="DL29" s="413">
        <v>0</v>
      </c>
      <c r="DM29" s="102">
        <v>0</v>
      </c>
      <c r="DN29" s="102">
        <v>0</v>
      </c>
      <c r="DO29" s="102">
        <v>0</v>
      </c>
      <c r="DP29" s="102">
        <v>0</v>
      </c>
      <c r="DQ29" s="102">
        <v>0</v>
      </c>
      <c r="DR29" s="103">
        <v>0</v>
      </c>
      <c r="DS29" s="104">
        <v>0</v>
      </c>
      <c r="DT29" s="101">
        <v>0</v>
      </c>
      <c r="DU29" s="102">
        <v>1</v>
      </c>
      <c r="DV29" s="103">
        <v>1</v>
      </c>
      <c r="DW29" s="413">
        <v>0</v>
      </c>
      <c r="DX29" s="102">
        <v>0</v>
      </c>
      <c r="DY29" s="102">
        <v>0</v>
      </c>
      <c r="DZ29" s="102">
        <v>0</v>
      </c>
      <c r="EA29" s="102">
        <v>0</v>
      </c>
      <c r="EB29" s="102">
        <v>0</v>
      </c>
      <c r="EC29" s="103">
        <v>0</v>
      </c>
      <c r="ED29" s="104">
        <v>1</v>
      </c>
      <c r="EE29" s="101">
        <v>0</v>
      </c>
      <c r="EF29" s="102">
        <v>2</v>
      </c>
      <c r="EG29" s="103">
        <v>2</v>
      </c>
      <c r="EH29" s="413">
        <v>0</v>
      </c>
      <c r="EI29" s="102">
        <v>0</v>
      </c>
      <c r="EJ29" s="102">
        <v>0</v>
      </c>
      <c r="EK29" s="102">
        <v>0</v>
      </c>
      <c r="EL29" s="102">
        <v>1</v>
      </c>
      <c r="EM29" s="102">
        <v>1</v>
      </c>
      <c r="EN29" s="103">
        <v>2</v>
      </c>
      <c r="EO29" s="104">
        <v>4</v>
      </c>
      <c r="EP29" s="101">
        <v>2</v>
      </c>
      <c r="EQ29" s="102">
        <v>1</v>
      </c>
      <c r="ER29" s="103">
        <v>3</v>
      </c>
      <c r="ES29" s="413">
        <v>0</v>
      </c>
      <c r="ET29" s="102">
        <v>3</v>
      </c>
      <c r="EU29" s="102">
        <v>0</v>
      </c>
      <c r="EV29" s="102">
        <v>0</v>
      </c>
      <c r="EW29" s="102">
        <v>0</v>
      </c>
      <c r="EX29" s="102">
        <v>0</v>
      </c>
      <c r="EY29" s="103">
        <v>3</v>
      </c>
      <c r="EZ29" s="104">
        <v>6</v>
      </c>
      <c r="FA29" s="101">
        <v>2</v>
      </c>
      <c r="FB29" s="102">
        <v>1</v>
      </c>
      <c r="FC29" s="103">
        <v>3</v>
      </c>
      <c r="FD29" s="413">
        <v>0</v>
      </c>
      <c r="FE29" s="102">
        <v>1</v>
      </c>
      <c r="FF29" s="102">
        <v>2</v>
      </c>
      <c r="FG29" s="102">
        <v>1</v>
      </c>
      <c r="FH29" s="102">
        <v>1</v>
      </c>
      <c r="FI29" s="102">
        <v>0</v>
      </c>
      <c r="FJ29" s="103">
        <v>5</v>
      </c>
      <c r="FK29" s="104">
        <v>8</v>
      </c>
      <c r="FL29" s="101">
        <v>0</v>
      </c>
      <c r="FM29" s="102">
        <v>1</v>
      </c>
      <c r="FN29" s="103">
        <v>1</v>
      </c>
      <c r="FO29" s="413">
        <v>0</v>
      </c>
      <c r="FP29" s="102">
        <v>3</v>
      </c>
      <c r="FQ29" s="102">
        <v>4</v>
      </c>
      <c r="FR29" s="102">
        <v>3</v>
      </c>
      <c r="FS29" s="102">
        <v>2</v>
      </c>
      <c r="FT29" s="102">
        <v>1</v>
      </c>
      <c r="FU29" s="103">
        <v>13</v>
      </c>
      <c r="FV29" s="104">
        <v>14</v>
      </c>
      <c r="FW29" s="101">
        <v>0</v>
      </c>
      <c r="FX29" s="102">
        <v>0</v>
      </c>
      <c r="FY29" s="103">
        <v>0</v>
      </c>
      <c r="FZ29" s="413">
        <v>0</v>
      </c>
      <c r="GA29" s="102">
        <v>0</v>
      </c>
      <c r="GB29" s="102">
        <v>0</v>
      </c>
      <c r="GC29" s="102">
        <v>0</v>
      </c>
      <c r="GD29" s="102">
        <v>0</v>
      </c>
      <c r="GE29" s="102">
        <v>0</v>
      </c>
      <c r="GF29" s="103">
        <v>0</v>
      </c>
      <c r="GG29" s="104">
        <v>0</v>
      </c>
      <c r="GH29" s="101">
        <v>4</v>
      </c>
      <c r="GI29" s="102">
        <v>6</v>
      </c>
      <c r="GJ29" s="103">
        <v>10</v>
      </c>
      <c r="GK29" s="413">
        <v>0</v>
      </c>
      <c r="GL29" s="102">
        <v>7</v>
      </c>
      <c r="GM29" s="102">
        <v>6</v>
      </c>
      <c r="GN29" s="102">
        <v>4</v>
      </c>
      <c r="GO29" s="102">
        <v>4</v>
      </c>
      <c r="GP29" s="102">
        <v>2</v>
      </c>
      <c r="GQ29" s="103">
        <v>23</v>
      </c>
      <c r="GR29" s="104">
        <v>33</v>
      </c>
      <c r="GS29" s="105">
        <v>20</v>
      </c>
      <c r="GT29" s="97">
        <v>18</v>
      </c>
      <c r="GU29" s="98">
        <v>38</v>
      </c>
      <c r="GV29" s="413">
        <v>0</v>
      </c>
      <c r="GW29" s="97">
        <v>26</v>
      </c>
      <c r="GX29" s="97">
        <v>25</v>
      </c>
      <c r="GY29" s="97">
        <v>16</v>
      </c>
      <c r="GZ29" s="97">
        <v>6</v>
      </c>
      <c r="HA29" s="97">
        <v>9</v>
      </c>
      <c r="HB29" s="99">
        <v>82</v>
      </c>
      <c r="HC29" s="100">
        <v>120</v>
      </c>
      <c r="HD29" s="101">
        <v>1</v>
      </c>
      <c r="HE29" s="102">
        <v>0</v>
      </c>
      <c r="HF29" s="103">
        <v>1</v>
      </c>
      <c r="HG29" s="413">
        <v>0</v>
      </c>
      <c r="HH29" s="102">
        <v>0</v>
      </c>
      <c r="HI29" s="102">
        <v>0</v>
      </c>
      <c r="HJ29" s="102">
        <v>0</v>
      </c>
      <c r="HK29" s="102">
        <v>0</v>
      </c>
      <c r="HL29" s="102">
        <v>0</v>
      </c>
      <c r="HM29" s="103">
        <v>0</v>
      </c>
      <c r="HN29" s="104">
        <v>1</v>
      </c>
      <c r="HO29" s="101">
        <v>0</v>
      </c>
      <c r="HP29" s="102">
        <v>1</v>
      </c>
      <c r="HQ29" s="103">
        <v>1</v>
      </c>
      <c r="HR29" s="413">
        <v>0</v>
      </c>
      <c r="HS29" s="102">
        <v>1</v>
      </c>
      <c r="HT29" s="102">
        <v>2</v>
      </c>
      <c r="HU29" s="102">
        <v>0</v>
      </c>
      <c r="HV29" s="102">
        <v>0</v>
      </c>
      <c r="HW29" s="102">
        <v>0</v>
      </c>
      <c r="HX29" s="103">
        <v>3</v>
      </c>
      <c r="HY29" s="104">
        <v>4</v>
      </c>
      <c r="HZ29" s="101">
        <v>2</v>
      </c>
      <c r="IA29" s="102">
        <v>4</v>
      </c>
      <c r="IB29" s="103">
        <v>6</v>
      </c>
      <c r="IC29" s="413">
        <v>0</v>
      </c>
      <c r="ID29" s="102">
        <v>3</v>
      </c>
      <c r="IE29" s="102">
        <v>2</v>
      </c>
      <c r="IF29" s="102">
        <v>0</v>
      </c>
      <c r="IG29" s="102">
        <v>1</v>
      </c>
      <c r="IH29" s="102">
        <v>2</v>
      </c>
      <c r="II29" s="103">
        <v>8</v>
      </c>
      <c r="IJ29" s="104">
        <v>14</v>
      </c>
      <c r="IK29" s="101">
        <v>3</v>
      </c>
      <c r="IL29" s="102">
        <v>5</v>
      </c>
      <c r="IM29" s="103">
        <v>8</v>
      </c>
      <c r="IN29" s="413">
        <v>0</v>
      </c>
      <c r="IO29" s="102">
        <v>7</v>
      </c>
      <c r="IP29" s="102">
        <v>2</v>
      </c>
      <c r="IQ29" s="102">
        <v>4</v>
      </c>
      <c r="IR29" s="102">
        <v>0</v>
      </c>
      <c r="IS29" s="102">
        <v>2</v>
      </c>
      <c r="IT29" s="103">
        <v>15</v>
      </c>
      <c r="IU29" s="104">
        <v>23</v>
      </c>
      <c r="IV29" s="101">
        <v>10</v>
      </c>
      <c r="IW29" s="102">
        <v>4</v>
      </c>
      <c r="IX29" s="103">
        <v>14</v>
      </c>
      <c r="IY29" s="413">
        <v>0</v>
      </c>
      <c r="IZ29" s="102">
        <v>6</v>
      </c>
      <c r="JA29" s="102">
        <v>10</v>
      </c>
      <c r="JB29" s="102">
        <v>6</v>
      </c>
      <c r="JC29" s="102">
        <v>1</v>
      </c>
      <c r="JD29" s="102">
        <v>3</v>
      </c>
      <c r="JE29" s="103">
        <v>26</v>
      </c>
      <c r="JF29" s="104">
        <v>40</v>
      </c>
      <c r="JG29" s="101">
        <v>4</v>
      </c>
      <c r="JH29" s="102">
        <v>4</v>
      </c>
      <c r="JI29" s="103">
        <v>8</v>
      </c>
      <c r="JJ29" s="413">
        <v>0</v>
      </c>
      <c r="JK29" s="102">
        <v>9</v>
      </c>
      <c r="JL29" s="102">
        <v>9</v>
      </c>
      <c r="JM29" s="102">
        <v>6</v>
      </c>
      <c r="JN29" s="102">
        <v>4</v>
      </c>
      <c r="JO29" s="102">
        <v>2</v>
      </c>
      <c r="JP29" s="103">
        <v>30</v>
      </c>
      <c r="JQ29" s="104">
        <v>38</v>
      </c>
      <c r="JR29" s="101">
        <v>0</v>
      </c>
      <c r="JS29" s="102">
        <v>0</v>
      </c>
      <c r="JT29" s="103">
        <v>0</v>
      </c>
      <c r="JU29" s="413">
        <v>0</v>
      </c>
      <c r="JV29" s="102">
        <v>0</v>
      </c>
      <c r="JW29" s="102">
        <v>0</v>
      </c>
      <c r="JX29" s="102">
        <v>0</v>
      </c>
      <c r="JY29" s="102">
        <v>0</v>
      </c>
      <c r="JZ29" s="102">
        <v>0</v>
      </c>
      <c r="KA29" s="103">
        <v>0</v>
      </c>
      <c r="KB29" s="104">
        <v>0</v>
      </c>
      <c r="KC29" s="101">
        <v>20</v>
      </c>
      <c r="KD29" s="102">
        <v>18</v>
      </c>
      <c r="KE29" s="103">
        <v>38</v>
      </c>
      <c r="KF29" s="413">
        <v>0</v>
      </c>
      <c r="KG29" s="102">
        <v>26</v>
      </c>
      <c r="KH29" s="102">
        <v>25</v>
      </c>
      <c r="KI29" s="102">
        <v>16</v>
      </c>
      <c r="KJ29" s="102">
        <v>6</v>
      </c>
      <c r="KK29" s="102">
        <v>9</v>
      </c>
      <c r="KL29" s="103">
        <v>82</v>
      </c>
      <c r="KM29" s="104">
        <v>120</v>
      </c>
    </row>
    <row r="30" spans="2:299" s="70" customFormat="1" ht="21" customHeight="1" x14ac:dyDescent="0.2">
      <c r="B30" s="106" t="s">
        <v>27</v>
      </c>
      <c r="C30" s="96">
        <v>11</v>
      </c>
      <c r="D30" s="97">
        <v>20</v>
      </c>
      <c r="E30" s="98">
        <v>31</v>
      </c>
      <c r="F30" s="413">
        <v>0</v>
      </c>
      <c r="G30" s="97">
        <v>20</v>
      </c>
      <c r="H30" s="97">
        <v>13</v>
      </c>
      <c r="I30" s="97">
        <v>9</v>
      </c>
      <c r="J30" s="97">
        <v>9</v>
      </c>
      <c r="K30" s="97">
        <v>4</v>
      </c>
      <c r="L30" s="99">
        <v>55</v>
      </c>
      <c r="M30" s="100">
        <v>86</v>
      </c>
      <c r="N30" s="101">
        <v>0</v>
      </c>
      <c r="O30" s="102">
        <v>1</v>
      </c>
      <c r="P30" s="103">
        <v>1</v>
      </c>
      <c r="Q30" s="413">
        <v>0</v>
      </c>
      <c r="R30" s="102">
        <v>0</v>
      </c>
      <c r="S30" s="102">
        <v>0</v>
      </c>
      <c r="T30" s="102">
        <v>0</v>
      </c>
      <c r="U30" s="102">
        <v>3</v>
      </c>
      <c r="V30" s="102">
        <v>0</v>
      </c>
      <c r="W30" s="103">
        <v>3</v>
      </c>
      <c r="X30" s="104">
        <v>4</v>
      </c>
      <c r="Y30" s="101">
        <v>0</v>
      </c>
      <c r="Z30" s="102">
        <v>1</v>
      </c>
      <c r="AA30" s="103">
        <v>1</v>
      </c>
      <c r="AB30" s="413">
        <v>0</v>
      </c>
      <c r="AC30" s="102">
        <v>1</v>
      </c>
      <c r="AD30" s="102">
        <v>1</v>
      </c>
      <c r="AE30" s="102">
        <v>1</v>
      </c>
      <c r="AF30" s="102">
        <v>0</v>
      </c>
      <c r="AG30" s="102">
        <v>1</v>
      </c>
      <c r="AH30" s="103">
        <v>4</v>
      </c>
      <c r="AI30" s="104">
        <v>5</v>
      </c>
      <c r="AJ30" s="101">
        <v>0</v>
      </c>
      <c r="AK30" s="102">
        <v>5</v>
      </c>
      <c r="AL30" s="103">
        <v>5</v>
      </c>
      <c r="AM30" s="413">
        <v>0</v>
      </c>
      <c r="AN30" s="102">
        <v>1</v>
      </c>
      <c r="AO30" s="102">
        <v>1</v>
      </c>
      <c r="AP30" s="102">
        <v>0</v>
      </c>
      <c r="AQ30" s="102">
        <v>0</v>
      </c>
      <c r="AR30" s="102">
        <v>1</v>
      </c>
      <c r="AS30" s="103">
        <v>3</v>
      </c>
      <c r="AT30" s="104">
        <v>8</v>
      </c>
      <c r="AU30" s="101">
        <v>2</v>
      </c>
      <c r="AV30" s="102">
        <v>4</v>
      </c>
      <c r="AW30" s="103">
        <v>6</v>
      </c>
      <c r="AX30" s="413">
        <v>0</v>
      </c>
      <c r="AY30" s="102">
        <v>4</v>
      </c>
      <c r="AZ30" s="102">
        <v>2</v>
      </c>
      <c r="BA30" s="102">
        <v>4</v>
      </c>
      <c r="BB30" s="102">
        <v>2</v>
      </c>
      <c r="BC30" s="102">
        <v>1</v>
      </c>
      <c r="BD30" s="103">
        <v>13</v>
      </c>
      <c r="BE30" s="104">
        <v>19</v>
      </c>
      <c r="BF30" s="101">
        <v>6</v>
      </c>
      <c r="BG30" s="102">
        <v>5</v>
      </c>
      <c r="BH30" s="103">
        <v>11</v>
      </c>
      <c r="BI30" s="413">
        <v>0</v>
      </c>
      <c r="BJ30" s="102">
        <v>9</v>
      </c>
      <c r="BK30" s="102">
        <v>4</v>
      </c>
      <c r="BL30" s="102">
        <v>2</v>
      </c>
      <c r="BM30" s="102">
        <v>3</v>
      </c>
      <c r="BN30" s="102">
        <v>0</v>
      </c>
      <c r="BO30" s="103">
        <v>18</v>
      </c>
      <c r="BP30" s="104">
        <v>29</v>
      </c>
      <c r="BQ30" s="101">
        <v>3</v>
      </c>
      <c r="BR30" s="102">
        <v>4</v>
      </c>
      <c r="BS30" s="103">
        <v>7</v>
      </c>
      <c r="BT30" s="413">
        <v>0</v>
      </c>
      <c r="BU30" s="102">
        <v>5</v>
      </c>
      <c r="BV30" s="102">
        <v>5</v>
      </c>
      <c r="BW30" s="102">
        <v>2</v>
      </c>
      <c r="BX30" s="102">
        <v>1</v>
      </c>
      <c r="BY30" s="102">
        <v>1</v>
      </c>
      <c r="BZ30" s="103">
        <v>14</v>
      </c>
      <c r="CA30" s="104">
        <v>21</v>
      </c>
      <c r="CB30" s="101">
        <v>0</v>
      </c>
      <c r="CC30" s="102">
        <v>0</v>
      </c>
      <c r="CD30" s="103">
        <v>0</v>
      </c>
      <c r="CE30" s="413">
        <v>0</v>
      </c>
      <c r="CF30" s="102">
        <v>0</v>
      </c>
      <c r="CG30" s="102">
        <v>0</v>
      </c>
      <c r="CH30" s="102">
        <v>0</v>
      </c>
      <c r="CI30" s="102">
        <v>0</v>
      </c>
      <c r="CJ30" s="102">
        <v>0</v>
      </c>
      <c r="CK30" s="103">
        <v>0</v>
      </c>
      <c r="CL30" s="104">
        <v>0</v>
      </c>
      <c r="CM30" s="101">
        <v>11</v>
      </c>
      <c r="CN30" s="102">
        <v>20</v>
      </c>
      <c r="CO30" s="103">
        <v>31</v>
      </c>
      <c r="CP30" s="413">
        <v>0</v>
      </c>
      <c r="CQ30" s="102">
        <v>20</v>
      </c>
      <c r="CR30" s="102">
        <v>13</v>
      </c>
      <c r="CS30" s="102">
        <v>9</v>
      </c>
      <c r="CT30" s="102">
        <v>9</v>
      </c>
      <c r="CU30" s="102">
        <v>4</v>
      </c>
      <c r="CV30" s="103">
        <v>55</v>
      </c>
      <c r="CW30" s="104">
        <v>86</v>
      </c>
      <c r="CX30" s="105">
        <v>4</v>
      </c>
      <c r="CY30" s="97">
        <v>3</v>
      </c>
      <c r="CZ30" s="98">
        <v>7</v>
      </c>
      <c r="DA30" s="413">
        <v>0</v>
      </c>
      <c r="DB30" s="97">
        <v>7</v>
      </c>
      <c r="DC30" s="97">
        <v>2</v>
      </c>
      <c r="DD30" s="97">
        <v>5</v>
      </c>
      <c r="DE30" s="97">
        <v>3</v>
      </c>
      <c r="DF30" s="97">
        <v>2</v>
      </c>
      <c r="DG30" s="99">
        <v>19</v>
      </c>
      <c r="DH30" s="100">
        <v>26</v>
      </c>
      <c r="DI30" s="101">
        <v>0</v>
      </c>
      <c r="DJ30" s="102">
        <v>0</v>
      </c>
      <c r="DK30" s="103">
        <v>0</v>
      </c>
      <c r="DL30" s="413">
        <v>0</v>
      </c>
      <c r="DM30" s="102">
        <v>0</v>
      </c>
      <c r="DN30" s="102">
        <v>0</v>
      </c>
      <c r="DO30" s="102">
        <v>0</v>
      </c>
      <c r="DP30" s="102">
        <v>0</v>
      </c>
      <c r="DQ30" s="102">
        <v>0</v>
      </c>
      <c r="DR30" s="103">
        <v>0</v>
      </c>
      <c r="DS30" s="104">
        <v>0</v>
      </c>
      <c r="DT30" s="101">
        <v>0</v>
      </c>
      <c r="DU30" s="102">
        <v>0</v>
      </c>
      <c r="DV30" s="103">
        <v>0</v>
      </c>
      <c r="DW30" s="413">
        <v>0</v>
      </c>
      <c r="DX30" s="102">
        <v>1</v>
      </c>
      <c r="DY30" s="102">
        <v>0</v>
      </c>
      <c r="DZ30" s="102">
        <v>0</v>
      </c>
      <c r="EA30" s="102">
        <v>0</v>
      </c>
      <c r="EB30" s="102">
        <v>0</v>
      </c>
      <c r="EC30" s="103">
        <v>1</v>
      </c>
      <c r="ED30" s="104">
        <v>1</v>
      </c>
      <c r="EE30" s="101">
        <v>1</v>
      </c>
      <c r="EF30" s="102">
        <v>0</v>
      </c>
      <c r="EG30" s="103">
        <v>1</v>
      </c>
      <c r="EH30" s="413">
        <v>0</v>
      </c>
      <c r="EI30" s="102">
        <v>0</v>
      </c>
      <c r="EJ30" s="102">
        <v>0</v>
      </c>
      <c r="EK30" s="102">
        <v>0</v>
      </c>
      <c r="EL30" s="102">
        <v>0</v>
      </c>
      <c r="EM30" s="102">
        <v>0</v>
      </c>
      <c r="EN30" s="103">
        <v>0</v>
      </c>
      <c r="EO30" s="104">
        <v>1</v>
      </c>
      <c r="EP30" s="101">
        <v>3</v>
      </c>
      <c r="EQ30" s="102">
        <v>1</v>
      </c>
      <c r="ER30" s="103">
        <v>4</v>
      </c>
      <c r="ES30" s="413">
        <v>0</v>
      </c>
      <c r="ET30" s="102">
        <v>1</v>
      </c>
      <c r="EU30" s="102">
        <v>1</v>
      </c>
      <c r="EV30" s="102">
        <v>0</v>
      </c>
      <c r="EW30" s="102">
        <v>2</v>
      </c>
      <c r="EX30" s="102">
        <v>0</v>
      </c>
      <c r="EY30" s="103">
        <v>4</v>
      </c>
      <c r="EZ30" s="104">
        <v>8</v>
      </c>
      <c r="FA30" s="101">
        <v>0</v>
      </c>
      <c r="FB30" s="102">
        <v>1</v>
      </c>
      <c r="FC30" s="103">
        <v>1</v>
      </c>
      <c r="FD30" s="413">
        <v>0</v>
      </c>
      <c r="FE30" s="102">
        <v>2</v>
      </c>
      <c r="FF30" s="102">
        <v>1</v>
      </c>
      <c r="FG30" s="102">
        <v>1</v>
      </c>
      <c r="FH30" s="102">
        <v>1</v>
      </c>
      <c r="FI30" s="102">
        <v>0</v>
      </c>
      <c r="FJ30" s="103">
        <v>5</v>
      </c>
      <c r="FK30" s="104">
        <v>6</v>
      </c>
      <c r="FL30" s="101">
        <v>0</v>
      </c>
      <c r="FM30" s="102">
        <v>1</v>
      </c>
      <c r="FN30" s="103">
        <v>1</v>
      </c>
      <c r="FO30" s="413">
        <v>0</v>
      </c>
      <c r="FP30" s="102">
        <v>3</v>
      </c>
      <c r="FQ30" s="102">
        <v>0</v>
      </c>
      <c r="FR30" s="102">
        <v>4</v>
      </c>
      <c r="FS30" s="102">
        <v>0</v>
      </c>
      <c r="FT30" s="102">
        <v>2</v>
      </c>
      <c r="FU30" s="103">
        <v>9</v>
      </c>
      <c r="FV30" s="104">
        <v>10</v>
      </c>
      <c r="FW30" s="101">
        <v>0</v>
      </c>
      <c r="FX30" s="102">
        <v>0</v>
      </c>
      <c r="FY30" s="103">
        <v>0</v>
      </c>
      <c r="FZ30" s="413">
        <v>0</v>
      </c>
      <c r="GA30" s="102">
        <v>0</v>
      </c>
      <c r="GB30" s="102">
        <v>0</v>
      </c>
      <c r="GC30" s="102">
        <v>0</v>
      </c>
      <c r="GD30" s="102">
        <v>0</v>
      </c>
      <c r="GE30" s="102">
        <v>0</v>
      </c>
      <c r="GF30" s="103">
        <v>0</v>
      </c>
      <c r="GG30" s="104">
        <v>0</v>
      </c>
      <c r="GH30" s="101">
        <v>4</v>
      </c>
      <c r="GI30" s="102">
        <v>3</v>
      </c>
      <c r="GJ30" s="103">
        <v>7</v>
      </c>
      <c r="GK30" s="413">
        <v>0</v>
      </c>
      <c r="GL30" s="102">
        <v>7</v>
      </c>
      <c r="GM30" s="102">
        <v>2</v>
      </c>
      <c r="GN30" s="102">
        <v>5</v>
      </c>
      <c r="GO30" s="102">
        <v>3</v>
      </c>
      <c r="GP30" s="102">
        <v>2</v>
      </c>
      <c r="GQ30" s="103">
        <v>19</v>
      </c>
      <c r="GR30" s="104">
        <v>26</v>
      </c>
      <c r="GS30" s="105">
        <v>15</v>
      </c>
      <c r="GT30" s="97">
        <v>23</v>
      </c>
      <c r="GU30" s="98">
        <v>38</v>
      </c>
      <c r="GV30" s="413">
        <v>0</v>
      </c>
      <c r="GW30" s="97">
        <v>27</v>
      </c>
      <c r="GX30" s="97">
        <v>15</v>
      </c>
      <c r="GY30" s="97">
        <v>14</v>
      </c>
      <c r="GZ30" s="97">
        <v>12</v>
      </c>
      <c r="HA30" s="97">
        <v>6</v>
      </c>
      <c r="HB30" s="99">
        <v>74</v>
      </c>
      <c r="HC30" s="100">
        <v>112</v>
      </c>
      <c r="HD30" s="101">
        <v>0</v>
      </c>
      <c r="HE30" s="102">
        <v>1</v>
      </c>
      <c r="HF30" s="103">
        <v>1</v>
      </c>
      <c r="HG30" s="413">
        <v>0</v>
      </c>
      <c r="HH30" s="102">
        <v>0</v>
      </c>
      <c r="HI30" s="102">
        <v>0</v>
      </c>
      <c r="HJ30" s="102">
        <v>0</v>
      </c>
      <c r="HK30" s="102">
        <v>3</v>
      </c>
      <c r="HL30" s="102">
        <v>0</v>
      </c>
      <c r="HM30" s="103">
        <v>3</v>
      </c>
      <c r="HN30" s="104">
        <v>4</v>
      </c>
      <c r="HO30" s="101">
        <v>0</v>
      </c>
      <c r="HP30" s="102">
        <v>1</v>
      </c>
      <c r="HQ30" s="103">
        <v>1</v>
      </c>
      <c r="HR30" s="413">
        <v>0</v>
      </c>
      <c r="HS30" s="102">
        <v>2</v>
      </c>
      <c r="HT30" s="102">
        <v>1</v>
      </c>
      <c r="HU30" s="102">
        <v>1</v>
      </c>
      <c r="HV30" s="102">
        <v>0</v>
      </c>
      <c r="HW30" s="102">
        <v>1</v>
      </c>
      <c r="HX30" s="103">
        <v>5</v>
      </c>
      <c r="HY30" s="104">
        <v>6</v>
      </c>
      <c r="HZ30" s="101">
        <v>1</v>
      </c>
      <c r="IA30" s="102">
        <v>5</v>
      </c>
      <c r="IB30" s="103">
        <v>6</v>
      </c>
      <c r="IC30" s="413">
        <v>0</v>
      </c>
      <c r="ID30" s="102">
        <v>1</v>
      </c>
      <c r="IE30" s="102">
        <v>1</v>
      </c>
      <c r="IF30" s="102">
        <v>0</v>
      </c>
      <c r="IG30" s="102">
        <v>0</v>
      </c>
      <c r="IH30" s="102">
        <v>1</v>
      </c>
      <c r="II30" s="103">
        <v>3</v>
      </c>
      <c r="IJ30" s="104">
        <v>9</v>
      </c>
      <c r="IK30" s="101">
        <v>5</v>
      </c>
      <c r="IL30" s="102">
        <v>5</v>
      </c>
      <c r="IM30" s="103">
        <v>10</v>
      </c>
      <c r="IN30" s="413">
        <v>0</v>
      </c>
      <c r="IO30" s="102">
        <v>5</v>
      </c>
      <c r="IP30" s="102">
        <v>3</v>
      </c>
      <c r="IQ30" s="102">
        <v>4</v>
      </c>
      <c r="IR30" s="102">
        <v>4</v>
      </c>
      <c r="IS30" s="102">
        <v>1</v>
      </c>
      <c r="IT30" s="103">
        <v>17</v>
      </c>
      <c r="IU30" s="104">
        <v>27</v>
      </c>
      <c r="IV30" s="101">
        <v>6</v>
      </c>
      <c r="IW30" s="102">
        <v>6</v>
      </c>
      <c r="IX30" s="103">
        <v>12</v>
      </c>
      <c r="IY30" s="413">
        <v>0</v>
      </c>
      <c r="IZ30" s="102">
        <v>11</v>
      </c>
      <c r="JA30" s="102">
        <v>5</v>
      </c>
      <c r="JB30" s="102">
        <v>3</v>
      </c>
      <c r="JC30" s="102">
        <v>4</v>
      </c>
      <c r="JD30" s="102">
        <v>0</v>
      </c>
      <c r="JE30" s="103">
        <v>23</v>
      </c>
      <c r="JF30" s="104">
        <v>35</v>
      </c>
      <c r="JG30" s="101">
        <v>3</v>
      </c>
      <c r="JH30" s="102">
        <v>5</v>
      </c>
      <c r="JI30" s="103">
        <v>8</v>
      </c>
      <c r="JJ30" s="413">
        <v>0</v>
      </c>
      <c r="JK30" s="102">
        <v>8</v>
      </c>
      <c r="JL30" s="102">
        <v>5</v>
      </c>
      <c r="JM30" s="102">
        <v>6</v>
      </c>
      <c r="JN30" s="102">
        <v>1</v>
      </c>
      <c r="JO30" s="102">
        <v>3</v>
      </c>
      <c r="JP30" s="103">
        <v>23</v>
      </c>
      <c r="JQ30" s="104">
        <v>31</v>
      </c>
      <c r="JR30" s="101">
        <v>0</v>
      </c>
      <c r="JS30" s="102">
        <v>0</v>
      </c>
      <c r="JT30" s="103">
        <v>0</v>
      </c>
      <c r="JU30" s="413">
        <v>0</v>
      </c>
      <c r="JV30" s="102">
        <v>0</v>
      </c>
      <c r="JW30" s="102">
        <v>0</v>
      </c>
      <c r="JX30" s="102">
        <v>0</v>
      </c>
      <c r="JY30" s="102">
        <v>0</v>
      </c>
      <c r="JZ30" s="102">
        <v>0</v>
      </c>
      <c r="KA30" s="103">
        <v>0</v>
      </c>
      <c r="KB30" s="104">
        <v>0</v>
      </c>
      <c r="KC30" s="101">
        <v>15</v>
      </c>
      <c r="KD30" s="102">
        <v>23</v>
      </c>
      <c r="KE30" s="103">
        <v>38</v>
      </c>
      <c r="KF30" s="413">
        <v>0</v>
      </c>
      <c r="KG30" s="102">
        <v>27</v>
      </c>
      <c r="KH30" s="102">
        <v>15</v>
      </c>
      <c r="KI30" s="102">
        <v>14</v>
      </c>
      <c r="KJ30" s="102">
        <v>12</v>
      </c>
      <c r="KK30" s="102">
        <v>6</v>
      </c>
      <c r="KL30" s="103">
        <v>74</v>
      </c>
      <c r="KM30" s="104">
        <v>112</v>
      </c>
    </row>
    <row r="31" spans="2:299" s="70" customFormat="1" ht="21" customHeight="1" x14ac:dyDescent="0.2">
      <c r="B31" s="106" t="s">
        <v>28</v>
      </c>
      <c r="C31" s="96">
        <v>0</v>
      </c>
      <c r="D31" s="97">
        <v>3</v>
      </c>
      <c r="E31" s="98">
        <v>3</v>
      </c>
      <c r="F31" s="413">
        <v>0</v>
      </c>
      <c r="G31" s="97">
        <v>7</v>
      </c>
      <c r="H31" s="97">
        <v>3</v>
      </c>
      <c r="I31" s="97">
        <v>5</v>
      </c>
      <c r="J31" s="97">
        <v>2</v>
      </c>
      <c r="K31" s="97">
        <v>0</v>
      </c>
      <c r="L31" s="99">
        <v>17</v>
      </c>
      <c r="M31" s="100">
        <v>20</v>
      </c>
      <c r="N31" s="101">
        <v>0</v>
      </c>
      <c r="O31" s="102">
        <v>1</v>
      </c>
      <c r="P31" s="103">
        <v>1</v>
      </c>
      <c r="Q31" s="413">
        <v>0</v>
      </c>
      <c r="R31" s="102">
        <v>1</v>
      </c>
      <c r="S31" s="102">
        <v>1</v>
      </c>
      <c r="T31" s="102">
        <v>0</v>
      </c>
      <c r="U31" s="102">
        <v>0</v>
      </c>
      <c r="V31" s="102">
        <v>0</v>
      </c>
      <c r="W31" s="103">
        <v>2</v>
      </c>
      <c r="X31" s="104">
        <v>3</v>
      </c>
      <c r="Y31" s="101">
        <v>0</v>
      </c>
      <c r="Z31" s="102">
        <v>1</v>
      </c>
      <c r="AA31" s="103">
        <v>1</v>
      </c>
      <c r="AB31" s="413">
        <v>0</v>
      </c>
      <c r="AC31" s="102">
        <v>0</v>
      </c>
      <c r="AD31" s="102">
        <v>1</v>
      </c>
      <c r="AE31" s="102">
        <v>0</v>
      </c>
      <c r="AF31" s="102">
        <v>0</v>
      </c>
      <c r="AG31" s="102">
        <v>0</v>
      </c>
      <c r="AH31" s="103">
        <v>1</v>
      </c>
      <c r="AI31" s="104">
        <v>2</v>
      </c>
      <c r="AJ31" s="101">
        <v>0</v>
      </c>
      <c r="AK31" s="102">
        <v>0</v>
      </c>
      <c r="AL31" s="103">
        <v>0</v>
      </c>
      <c r="AM31" s="413">
        <v>0</v>
      </c>
      <c r="AN31" s="102">
        <v>2</v>
      </c>
      <c r="AO31" s="102">
        <v>1</v>
      </c>
      <c r="AP31" s="102">
        <v>1</v>
      </c>
      <c r="AQ31" s="102">
        <v>0</v>
      </c>
      <c r="AR31" s="102">
        <v>0</v>
      </c>
      <c r="AS31" s="103">
        <v>4</v>
      </c>
      <c r="AT31" s="104">
        <v>4</v>
      </c>
      <c r="AU31" s="101">
        <v>0</v>
      </c>
      <c r="AV31" s="102">
        <v>0</v>
      </c>
      <c r="AW31" s="103">
        <v>0</v>
      </c>
      <c r="AX31" s="413">
        <v>0</v>
      </c>
      <c r="AY31" s="102">
        <v>1</v>
      </c>
      <c r="AZ31" s="102">
        <v>0</v>
      </c>
      <c r="BA31" s="102">
        <v>2</v>
      </c>
      <c r="BB31" s="102">
        <v>0</v>
      </c>
      <c r="BC31" s="102">
        <v>0</v>
      </c>
      <c r="BD31" s="103">
        <v>3</v>
      </c>
      <c r="BE31" s="104">
        <v>3</v>
      </c>
      <c r="BF31" s="101">
        <v>0</v>
      </c>
      <c r="BG31" s="102">
        <v>1</v>
      </c>
      <c r="BH31" s="103">
        <v>1</v>
      </c>
      <c r="BI31" s="413">
        <v>0</v>
      </c>
      <c r="BJ31" s="102">
        <v>1</v>
      </c>
      <c r="BK31" s="102">
        <v>0</v>
      </c>
      <c r="BL31" s="102">
        <v>1</v>
      </c>
      <c r="BM31" s="102">
        <v>1</v>
      </c>
      <c r="BN31" s="102">
        <v>0</v>
      </c>
      <c r="BO31" s="103">
        <v>3</v>
      </c>
      <c r="BP31" s="104">
        <v>4</v>
      </c>
      <c r="BQ31" s="101">
        <v>0</v>
      </c>
      <c r="BR31" s="102">
        <v>0</v>
      </c>
      <c r="BS31" s="103">
        <v>0</v>
      </c>
      <c r="BT31" s="413">
        <v>0</v>
      </c>
      <c r="BU31" s="102">
        <v>2</v>
      </c>
      <c r="BV31" s="102">
        <v>0</v>
      </c>
      <c r="BW31" s="102">
        <v>1</v>
      </c>
      <c r="BX31" s="102">
        <v>1</v>
      </c>
      <c r="BY31" s="102">
        <v>0</v>
      </c>
      <c r="BZ31" s="103">
        <v>4</v>
      </c>
      <c r="CA31" s="104">
        <v>4</v>
      </c>
      <c r="CB31" s="101">
        <v>0</v>
      </c>
      <c r="CC31" s="102">
        <v>0</v>
      </c>
      <c r="CD31" s="103">
        <v>0</v>
      </c>
      <c r="CE31" s="413">
        <v>0</v>
      </c>
      <c r="CF31" s="102">
        <v>0</v>
      </c>
      <c r="CG31" s="102">
        <v>0</v>
      </c>
      <c r="CH31" s="102">
        <v>0</v>
      </c>
      <c r="CI31" s="102">
        <v>0</v>
      </c>
      <c r="CJ31" s="102">
        <v>0</v>
      </c>
      <c r="CK31" s="103">
        <v>0</v>
      </c>
      <c r="CL31" s="104">
        <v>0</v>
      </c>
      <c r="CM31" s="101">
        <v>0</v>
      </c>
      <c r="CN31" s="102">
        <v>3</v>
      </c>
      <c r="CO31" s="103">
        <v>3</v>
      </c>
      <c r="CP31" s="413">
        <v>0</v>
      </c>
      <c r="CQ31" s="102">
        <v>7</v>
      </c>
      <c r="CR31" s="102">
        <v>3</v>
      </c>
      <c r="CS31" s="102">
        <v>5</v>
      </c>
      <c r="CT31" s="102">
        <v>2</v>
      </c>
      <c r="CU31" s="102">
        <v>0</v>
      </c>
      <c r="CV31" s="103">
        <v>17</v>
      </c>
      <c r="CW31" s="104">
        <v>20</v>
      </c>
      <c r="CX31" s="105">
        <v>0</v>
      </c>
      <c r="CY31" s="97">
        <v>1</v>
      </c>
      <c r="CZ31" s="98">
        <v>1</v>
      </c>
      <c r="DA31" s="413">
        <v>0</v>
      </c>
      <c r="DB31" s="97">
        <v>2</v>
      </c>
      <c r="DC31" s="97">
        <v>3</v>
      </c>
      <c r="DD31" s="97">
        <v>2</v>
      </c>
      <c r="DE31" s="97">
        <v>0</v>
      </c>
      <c r="DF31" s="97">
        <v>1</v>
      </c>
      <c r="DG31" s="99">
        <v>8</v>
      </c>
      <c r="DH31" s="100">
        <v>9</v>
      </c>
      <c r="DI31" s="101">
        <v>0</v>
      </c>
      <c r="DJ31" s="102">
        <v>0</v>
      </c>
      <c r="DK31" s="103">
        <v>0</v>
      </c>
      <c r="DL31" s="413">
        <v>0</v>
      </c>
      <c r="DM31" s="102">
        <v>0</v>
      </c>
      <c r="DN31" s="102">
        <v>0</v>
      </c>
      <c r="DO31" s="102">
        <v>0</v>
      </c>
      <c r="DP31" s="102">
        <v>0</v>
      </c>
      <c r="DQ31" s="102">
        <v>0</v>
      </c>
      <c r="DR31" s="103">
        <v>0</v>
      </c>
      <c r="DS31" s="104">
        <v>0</v>
      </c>
      <c r="DT31" s="101">
        <v>0</v>
      </c>
      <c r="DU31" s="102">
        <v>0</v>
      </c>
      <c r="DV31" s="103">
        <v>0</v>
      </c>
      <c r="DW31" s="413">
        <v>0</v>
      </c>
      <c r="DX31" s="102">
        <v>1</v>
      </c>
      <c r="DY31" s="102">
        <v>0</v>
      </c>
      <c r="DZ31" s="102">
        <v>1</v>
      </c>
      <c r="EA31" s="102">
        <v>0</v>
      </c>
      <c r="EB31" s="102">
        <v>0</v>
      </c>
      <c r="EC31" s="103">
        <v>2</v>
      </c>
      <c r="ED31" s="104">
        <v>2</v>
      </c>
      <c r="EE31" s="101">
        <v>0</v>
      </c>
      <c r="EF31" s="102">
        <v>0</v>
      </c>
      <c r="EG31" s="103">
        <v>0</v>
      </c>
      <c r="EH31" s="413">
        <v>0</v>
      </c>
      <c r="EI31" s="102">
        <v>0</v>
      </c>
      <c r="EJ31" s="102">
        <v>0</v>
      </c>
      <c r="EK31" s="102">
        <v>0</v>
      </c>
      <c r="EL31" s="102">
        <v>0</v>
      </c>
      <c r="EM31" s="102">
        <v>0</v>
      </c>
      <c r="EN31" s="103">
        <v>0</v>
      </c>
      <c r="EO31" s="104">
        <v>0</v>
      </c>
      <c r="EP31" s="101">
        <v>0</v>
      </c>
      <c r="EQ31" s="102">
        <v>0</v>
      </c>
      <c r="ER31" s="103">
        <v>0</v>
      </c>
      <c r="ES31" s="413">
        <v>0</v>
      </c>
      <c r="ET31" s="102">
        <v>1</v>
      </c>
      <c r="EU31" s="102">
        <v>0</v>
      </c>
      <c r="EV31" s="102">
        <v>0</v>
      </c>
      <c r="EW31" s="102">
        <v>0</v>
      </c>
      <c r="EX31" s="102">
        <v>0</v>
      </c>
      <c r="EY31" s="103">
        <v>1</v>
      </c>
      <c r="EZ31" s="104">
        <v>1</v>
      </c>
      <c r="FA31" s="101">
        <v>0</v>
      </c>
      <c r="FB31" s="102">
        <v>1</v>
      </c>
      <c r="FC31" s="103">
        <v>1</v>
      </c>
      <c r="FD31" s="413">
        <v>0</v>
      </c>
      <c r="FE31" s="102">
        <v>0</v>
      </c>
      <c r="FF31" s="102">
        <v>1</v>
      </c>
      <c r="FG31" s="102">
        <v>1</v>
      </c>
      <c r="FH31" s="102">
        <v>0</v>
      </c>
      <c r="FI31" s="102">
        <v>0</v>
      </c>
      <c r="FJ31" s="103">
        <v>2</v>
      </c>
      <c r="FK31" s="104">
        <v>3</v>
      </c>
      <c r="FL31" s="101">
        <v>0</v>
      </c>
      <c r="FM31" s="102">
        <v>0</v>
      </c>
      <c r="FN31" s="103">
        <v>0</v>
      </c>
      <c r="FO31" s="413">
        <v>0</v>
      </c>
      <c r="FP31" s="102">
        <v>0</v>
      </c>
      <c r="FQ31" s="102">
        <v>2</v>
      </c>
      <c r="FR31" s="102">
        <v>0</v>
      </c>
      <c r="FS31" s="102">
        <v>0</v>
      </c>
      <c r="FT31" s="102">
        <v>1</v>
      </c>
      <c r="FU31" s="103">
        <v>3</v>
      </c>
      <c r="FV31" s="104">
        <v>3</v>
      </c>
      <c r="FW31" s="101">
        <v>0</v>
      </c>
      <c r="FX31" s="102">
        <v>0</v>
      </c>
      <c r="FY31" s="103">
        <v>0</v>
      </c>
      <c r="FZ31" s="413">
        <v>0</v>
      </c>
      <c r="GA31" s="102">
        <v>0</v>
      </c>
      <c r="GB31" s="102">
        <v>0</v>
      </c>
      <c r="GC31" s="102">
        <v>0</v>
      </c>
      <c r="GD31" s="102">
        <v>0</v>
      </c>
      <c r="GE31" s="102">
        <v>0</v>
      </c>
      <c r="GF31" s="103">
        <v>0</v>
      </c>
      <c r="GG31" s="104">
        <v>0</v>
      </c>
      <c r="GH31" s="101">
        <v>0</v>
      </c>
      <c r="GI31" s="102">
        <v>1</v>
      </c>
      <c r="GJ31" s="103">
        <v>1</v>
      </c>
      <c r="GK31" s="413">
        <v>0</v>
      </c>
      <c r="GL31" s="102">
        <v>2</v>
      </c>
      <c r="GM31" s="102">
        <v>3</v>
      </c>
      <c r="GN31" s="102">
        <v>2</v>
      </c>
      <c r="GO31" s="102">
        <v>0</v>
      </c>
      <c r="GP31" s="102">
        <v>1</v>
      </c>
      <c r="GQ31" s="103">
        <v>8</v>
      </c>
      <c r="GR31" s="104">
        <v>9</v>
      </c>
      <c r="GS31" s="105">
        <v>0</v>
      </c>
      <c r="GT31" s="97">
        <v>4</v>
      </c>
      <c r="GU31" s="98">
        <v>4</v>
      </c>
      <c r="GV31" s="413">
        <v>0</v>
      </c>
      <c r="GW31" s="97">
        <v>9</v>
      </c>
      <c r="GX31" s="97">
        <v>6</v>
      </c>
      <c r="GY31" s="97">
        <v>7</v>
      </c>
      <c r="GZ31" s="97">
        <v>2</v>
      </c>
      <c r="HA31" s="97">
        <v>1</v>
      </c>
      <c r="HB31" s="99">
        <v>25</v>
      </c>
      <c r="HC31" s="100">
        <v>29</v>
      </c>
      <c r="HD31" s="101">
        <v>0</v>
      </c>
      <c r="HE31" s="102">
        <v>1</v>
      </c>
      <c r="HF31" s="103">
        <v>1</v>
      </c>
      <c r="HG31" s="413">
        <v>0</v>
      </c>
      <c r="HH31" s="102">
        <v>1</v>
      </c>
      <c r="HI31" s="102">
        <v>1</v>
      </c>
      <c r="HJ31" s="102">
        <v>0</v>
      </c>
      <c r="HK31" s="102">
        <v>0</v>
      </c>
      <c r="HL31" s="102">
        <v>0</v>
      </c>
      <c r="HM31" s="103">
        <v>2</v>
      </c>
      <c r="HN31" s="104">
        <v>3</v>
      </c>
      <c r="HO31" s="101">
        <v>0</v>
      </c>
      <c r="HP31" s="102">
        <v>1</v>
      </c>
      <c r="HQ31" s="103">
        <v>1</v>
      </c>
      <c r="HR31" s="413">
        <v>0</v>
      </c>
      <c r="HS31" s="102">
        <v>1</v>
      </c>
      <c r="HT31" s="102">
        <v>1</v>
      </c>
      <c r="HU31" s="102">
        <v>1</v>
      </c>
      <c r="HV31" s="102">
        <v>0</v>
      </c>
      <c r="HW31" s="102">
        <v>0</v>
      </c>
      <c r="HX31" s="103">
        <v>3</v>
      </c>
      <c r="HY31" s="104">
        <v>4</v>
      </c>
      <c r="HZ31" s="101">
        <v>0</v>
      </c>
      <c r="IA31" s="102">
        <v>0</v>
      </c>
      <c r="IB31" s="103">
        <v>0</v>
      </c>
      <c r="IC31" s="413">
        <v>0</v>
      </c>
      <c r="ID31" s="102">
        <v>2</v>
      </c>
      <c r="IE31" s="102">
        <v>1</v>
      </c>
      <c r="IF31" s="102">
        <v>1</v>
      </c>
      <c r="IG31" s="102">
        <v>0</v>
      </c>
      <c r="IH31" s="102">
        <v>0</v>
      </c>
      <c r="II31" s="103">
        <v>4</v>
      </c>
      <c r="IJ31" s="104">
        <v>4</v>
      </c>
      <c r="IK31" s="101">
        <v>0</v>
      </c>
      <c r="IL31" s="102">
        <v>0</v>
      </c>
      <c r="IM31" s="103">
        <v>0</v>
      </c>
      <c r="IN31" s="413">
        <v>0</v>
      </c>
      <c r="IO31" s="102">
        <v>2</v>
      </c>
      <c r="IP31" s="102">
        <v>0</v>
      </c>
      <c r="IQ31" s="102">
        <v>2</v>
      </c>
      <c r="IR31" s="102">
        <v>0</v>
      </c>
      <c r="IS31" s="102">
        <v>0</v>
      </c>
      <c r="IT31" s="103">
        <v>4</v>
      </c>
      <c r="IU31" s="104">
        <v>4</v>
      </c>
      <c r="IV31" s="101">
        <v>0</v>
      </c>
      <c r="IW31" s="102">
        <v>2</v>
      </c>
      <c r="IX31" s="103">
        <v>2</v>
      </c>
      <c r="IY31" s="413">
        <v>0</v>
      </c>
      <c r="IZ31" s="102">
        <v>1</v>
      </c>
      <c r="JA31" s="102">
        <v>1</v>
      </c>
      <c r="JB31" s="102">
        <v>2</v>
      </c>
      <c r="JC31" s="102">
        <v>1</v>
      </c>
      <c r="JD31" s="102">
        <v>0</v>
      </c>
      <c r="JE31" s="103">
        <v>5</v>
      </c>
      <c r="JF31" s="104">
        <v>7</v>
      </c>
      <c r="JG31" s="101">
        <v>0</v>
      </c>
      <c r="JH31" s="102">
        <v>0</v>
      </c>
      <c r="JI31" s="103">
        <v>0</v>
      </c>
      <c r="JJ31" s="413">
        <v>0</v>
      </c>
      <c r="JK31" s="102">
        <v>2</v>
      </c>
      <c r="JL31" s="102">
        <v>2</v>
      </c>
      <c r="JM31" s="102">
        <v>1</v>
      </c>
      <c r="JN31" s="102">
        <v>1</v>
      </c>
      <c r="JO31" s="102">
        <v>1</v>
      </c>
      <c r="JP31" s="103">
        <v>7</v>
      </c>
      <c r="JQ31" s="104">
        <v>7</v>
      </c>
      <c r="JR31" s="101">
        <v>0</v>
      </c>
      <c r="JS31" s="102">
        <v>0</v>
      </c>
      <c r="JT31" s="103">
        <v>0</v>
      </c>
      <c r="JU31" s="413">
        <v>0</v>
      </c>
      <c r="JV31" s="102">
        <v>0</v>
      </c>
      <c r="JW31" s="102">
        <v>0</v>
      </c>
      <c r="JX31" s="102">
        <v>0</v>
      </c>
      <c r="JY31" s="102">
        <v>0</v>
      </c>
      <c r="JZ31" s="102">
        <v>0</v>
      </c>
      <c r="KA31" s="103">
        <v>0</v>
      </c>
      <c r="KB31" s="104">
        <v>0</v>
      </c>
      <c r="KC31" s="101">
        <v>0</v>
      </c>
      <c r="KD31" s="102">
        <v>4</v>
      </c>
      <c r="KE31" s="103">
        <v>4</v>
      </c>
      <c r="KF31" s="413">
        <v>0</v>
      </c>
      <c r="KG31" s="102">
        <v>9</v>
      </c>
      <c r="KH31" s="102">
        <v>6</v>
      </c>
      <c r="KI31" s="102">
        <v>7</v>
      </c>
      <c r="KJ31" s="102">
        <v>2</v>
      </c>
      <c r="KK31" s="102">
        <v>1</v>
      </c>
      <c r="KL31" s="103">
        <v>25</v>
      </c>
      <c r="KM31" s="104">
        <v>29</v>
      </c>
    </row>
    <row r="32" spans="2:299" s="70" customFormat="1" ht="21" customHeight="1" x14ac:dyDescent="0.2">
      <c r="B32" s="106" t="s">
        <v>29</v>
      </c>
      <c r="C32" s="96">
        <v>1</v>
      </c>
      <c r="D32" s="97">
        <v>3</v>
      </c>
      <c r="E32" s="98">
        <v>4</v>
      </c>
      <c r="F32" s="413">
        <v>0</v>
      </c>
      <c r="G32" s="97">
        <v>6</v>
      </c>
      <c r="H32" s="97">
        <v>5</v>
      </c>
      <c r="I32" s="97">
        <v>4</v>
      </c>
      <c r="J32" s="97">
        <v>5</v>
      </c>
      <c r="K32" s="97">
        <v>5</v>
      </c>
      <c r="L32" s="99">
        <v>25</v>
      </c>
      <c r="M32" s="100">
        <v>29</v>
      </c>
      <c r="N32" s="101">
        <v>0</v>
      </c>
      <c r="O32" s="102">
        <v>0</v>
      </c>
      <c r="P32" s="103">
        <v>0</v>
      </c>
      <c r="Q32" s="413">
        <v>0</v>
      </c>
      <c r="R32" s="102">
        <v>0</v>
      </c>
      <c r="S32" s="102">
        <v>1</v>
      </c>
      <c r="T32" s="102">
        <v>0</v>
      </c>
      <c r="U32" s="102">
        <v>0</v>
      </c>
      <c r="V32" s="102">
        <v>0</v>
      </c>
      <c r="W32" s="103">
        <v>1</v>
      </c>
      <c r="X32" s="104">
        <v>1</v>
      </c>
      <c r="Y32" s="101">
        <v>0</v>
      </c>
      <c r="Z32" s="102">
        <v>0</v>
      </c>
      <c r="AA32" s="103">
        <v>0</v>
      </c>
      <c r="AB32" s="413">
        <v>0</v>
      </c>
      <c r="AC32" s="102">
        <v>0</v>
      </c>
      <c r="AD32" s="102">
        <v>0</v>
      </c>
      <c r="AE32" s="102">
        <v>2</v>
      </c>
      <c r="AF32" s="102">
        <v>0</v>
      </c>
      <c r="AG32" s="102">
        <v>1</v>
      </c>
      <c r="AH32" s="103">
        <v>3</v>
      </c>
      <c r="AI32" s="104">
        <v>3</v>
      </c>
      <c r="AJ32" s="101">
        <v>0</v>
      </c>
      <c r="AK32" s="102">
        <v>0</v>
      </c>
      <c r="AL32" s="103">
        <v>0</v>
      </c>
      <c r="AM32" s="413">
        <v>0</v>
      </c>
      <c r="AN32" s="102">
        <v>1</v>
      </c>
      <c r="AO32" s="102">
        <v>1</v>
      </c>
      <c r="AP32" s="102">
        <v>0</v>
      </c>
      <c r="AQ32" s="102">
        <v>2</v>
      </c>
      <c r="AR32" s="102">
        <v>1</v>
      </c>
      <c r="AS32" s="103">
        <v>5</v>
      </c>
      <c r="AT32" s="104">
        <v>5</v>
      </c>
      <c r="AU32" s="101">
        <v>1</v>
      </c>
      <c r="AV32" s="102">
        <v>1</v>
      </c>
      <c r="AW32" s="103">
        <v>2</v>
      </c>
      <c r="AX32" s="413">
        <v>0</v>
      </c>
      <c r="AY32" s="102">
        <v>2</v>
      </c>
      <c r="AZ32" s="102">
        <v>0</v>
      </c>
      <c r="BA32" s="102">
        <v>0</v>
      </c>
      <c r="BB32" s="102">
        <v>1</v>
      </c>
      <c r="BC32" s="102">
        <v>0</v>
      </c>
      <c r="BD32" s="103">
        <v>3</v>
      </c>
      <c r="BE32" s="104">
        <v>5</v>
      </c>
      <c r="BF32" s="101">
        <v>0</v>
      </c>
      <c r="BG32" s="102">
        <v>2</v>
      </c>
      <c r="BH32" s="103">
        <v>2</v>
      </c>
      <c r="BI32" s="413">
        <v>0</v>
      </c>
      <c r="BJ32" s="102">
        <v>3</v>
      </c>
      <c r="BK32" s="102">
        <v>0</v>
      </c>
      <c r="BL32" s="102">
        <v>1</v>
      </c>
      <c r="BM32" s="102">
        <v>1</v>
      </c>
      <c r="BN32" s="102">
        <v>0</v>
      </c>
      <c r="BO32" s="103">
        <v>5</v>
      </c>
      <c r="BP32" s="104">
        <v>7</v>
      </c>
      <c r="BQ32" s="101">
        <v>0</v>
      </c>
      <c r="BR32" s="102">
        <v>0</v>
      </c>
      <c r="BS32" s="103">
        <v>0</v>
      </c>
      <c r="BT32" s="413">
        <v>0</v>
      </c>
      <c r="BU32" s="102">
        <v>0</v>
      </c>
      <c r="BV32" s="102">
        <v>3</v>
      </c>
      <c r="BW32" s="102">
        <v>1</v>
      </c>
      <c r="BX32" s="102">
        <v>1</v>
      </c>
      <c r="BY32" s="102">
        <v>3</v>
      </c>
      <c r="BZ32" s="103">
        <v>8</v>
      </c>
      <c r="CA32" s="104">
        <v>8</v>
      </c>
      <c r="CB32" s="101">
        <v>0</v>
      </c>
      <c r="CC32" s="102">
        <v>0</v>
      </c>
      <c r="CD32" s="103">
        <v>0</v>
      </c>
      <c r="CE32" s="413">
        <v>0</v>
      </c>
      <c r="CF32" s="102">
        <v>0</v>
      </c>
      <c r="CG32" s="102">
        <v>0</v>
      </c>
      <c r="CH32" s="102">
        <v>0</v>
      </c>
      <c r="CI32" s="102">
        <v>0</v>
      </c>
      <c r="CJ32" s="102">
        <v>0</v>
      </c>
      <c r="CK32" s="103">
        <v>0</v>
      </c>
      <c r="CL32" s="104">
        <v>0</v>
      </c>
      <c r="CM32" s="101">
        <v>1</v>
      </c>
      <c r="CN32" s="102">
        <v>3</v>
      </c>
      <c r="CO32" s="103">
        <v>4</v>
      </c>
      <c r="CP32" s="413">
        <v>0</v>
      </c>
      <c r="CQ32" s="102">
        <v>6</v>
      </c>
      <c r="CR32" s="102">
        <v>5</v>
      </c>
      <c r="CS32" s="102">
        <v>4</v>
      </c>
      <c r="CT32" s="102">
        <v>5</v>
      </c>
      <c r="CU32" s="102">
        <v>5</v>
      </c>
      <c r="CV32" s="103">
        <v>25</v>
      </c>
      <c r="CW32" s="104">
        <v>29</v>
      </c>
      <c r="CX32" s="105">
        <v>1</v>
      </c>
      <c r="CY32" s="97">
        <v>1</v>
      </c>
      <c r="CZ32" s="98">
        <v>2</v>
      </c>
      <c r="DA32" s="413">
        <v>0</v>
      </c>
      <c r="DB32" s="97">
        <v>3</v>
      </c>
      <c r="DC32" s="97">
        <v>4</v>
      </c>
      <c r="DD32" s="97">
        <v>0</v>
      </c>
      <c r="DE32" s="97">
        <v>1</v>
      </c>
      <c r="DF32" s="97">
        <v>0</v>
      </c>
      <c r="DG32" s="99">
        <v>8</v>
      </c>
      <c r="DH32" s="100">
        <v>10</v>
      </c>
      <c r="DI32" s="101">
        <v>0</v>
      </c>
      <c r="DJ32" s="102">
        <v>0</v>
      </c>
      <c r="DK32" s="103">
        <v>0</v>
      </c>
      <c r="DL32" s="413">
        <v>0</v>
      </c>
      <c r="DM32" s="102">
        <v>0</v>
      </c>
      <c r="DN32" s="102">
        <v>0</v>
      </c>
      <c r="DO32" s="102">
        <v>0</v>
      </c>
      <c r="DP32" s="102">
        <v>0</v>
      </c>
      <c r="DQ32" s="102">
        <v>0</v>
      </c>
      <c r="DR32" s="103">
        <v>0</v>
      </c>
      <c r="DS32" s="104">
        <v>0</v>
      </c>
      <c r="DT32" s="101">
        <v>0</v>
      </c>
      <c r="DU32" s="102">
        <v>0</v>
      </c>
      <c r="DV32" s="103">
        <v>0</v>
      </c>
      <c r="DW32" s="413">
        <v>0</v>
      </c>
      <c r="DX32" s="102">
        <v>0</v>
      </c>
      <c r="DY32" s="102">
        <v>0</v>
      </c>
      <c r="DZ32" s="102">
        <v>0</v>
      </c>
      <c r="EA32" s="102">
        <v>0</v>
      </c>
      <c r="EB32" s="102">
        <v>0</v>
      </c>
      <c r="EC32" s="103">
        <v>0</v>
      </c>
      <c r="ED32" s="104">
        <v>0</v>
      </c>
      <c r="EE32" s="101">
        <v>0</v>
      </c>
      <c r="EF32" s="102">
        <v>0</v>
      </c>
      <c r="EG32" s="103">
        <v>0</v>
      </c>
      <c r="EH32" s="413">
        <v>0</v>
      </c>
      <c r="EI32" s="102">
        <v>0</v>
      </c>
      <c r="EJ32" s="102">
        <v>2</v>
      </c>
      <c r="EK32" s="102">
        <v>0</v>
      </c>
      <c r="EL32" s="102">
        <v>0</v>
      </c>
      <c r="EM32" s="102">
        <v>0</v>
      </c>
      <c r="EN32" s="103">
        <v>2</v>
      </c>
      <c r="EO32" s="104">
        <v>2</v>
      </c>
      <c r="EP32" s="101">
        <v>1</v>
      </c>
      <c r="EQ32" s="102">
        <v>0</v>
      </c>
      <c r="ER32" s="103">
        <v>1</v>
      </c>
      <c r="ES32" s="413">
        <v>0</v>
      </c>
      <c r="ET32" s="102">
        <v>2</v>
      </c>
      <c r="EU32" s="102">
        <v>2</v>
      </c>
      <c r="EV32" s="102">
        <v>0</v>
      </c>
      <c r="EW32" s="102">
        <v>0</v>
      </c>
      <c r="EX32" s="102">
        <v>0</v>
      </c>
      <c r="EY32" s="103">
        <v>4</v>
      </c>
      <c r="EZ32" s="104">
        <v>5</v>
      </c>
      <c r="FA32" s="101">
        <v>0</v>
      </c>
      <c r="FB32" s="102">
        <v>1</v>
      </c>
      <c r="FC32" s="103">
        <v>1</v>
      </c>
      <c r="FD32" s="413">
        <v>0</v>
      </c>
      <c r="FE32" s="102">
        <v>0</v>
      </c>
      <c r="FF32" s="102">
        <v>0</v>
      </c>
      <c r="FG32" s="102">
        <v>0</v>
      </c>
      <c r="FH32" s="102">
        <v>0</v>
      </c>
      <c r="FI32" s="102">
        <v>0</v>
      </c>
      <c r="FJ32" s="103">
        <v>0</v>
      </c>
      <c r="FK32" s="104">
        <v>1</v>
      </c>
      <c r="FL32" s="101">
        <v>0</v>
      </c>
      <c r="FM32" s="102">
        <v>0</v>
      </c>
      <c r="FN32" s="103">
        <v>0</v>
      </c>
      <c r="FO32" s="413">
        <v>0</v>
      </c>
      <c r="FP32" s="102">
        <v>1</v>
      </c>
      <c r="FQ32" s="102">
        <v>0</v>
      </c>
      <c r="FR32" s="102">
        <v>0</v>
      </c>
      <c r="FS32" s="102">
        <v>1</v>
      </c>
      <c r="FT32" s="102">
        <v>0</v>
      </c>
      <c r="FU32" s="103">
        <v>2</v>
      </c>
      <c r="FV32" s="104">
        <v>2</v>
      </c>
      <c r="FW32" s="101">
        <v>0</v>
      </c>
      <c r="FX32" s="102">
        <v>0</v>
      </c>
      <c r="FY32" s="103">
        <v>0</v>
      </c>
      <c r="FZ32" s="413">
        <v>0</v>
      </c>
      <c r="GA32" s="102">
        <v>0</v>
      </c>
      <c r="GB32" s="102">
        <v>0</v>
      </c>
      <c r="GC32" s="102">
        <v>0</v>
      </c>
      <c r="GD32" s="102">
        <v>0</v>
      </c>
      <c r="GE32" s="102">
        <v>0</v>
      </c>
      <c r="GF32" s="103">
        <v>0</v>
      </c>
      <c r="GG32" s="104">
        <v>0</v>
      </c>
      <c r="GH32" s="101">
        <v>1</v>
      </c>
      <c r="GI32" s="102">
        <v>1</v>
      </c>
      <c r="GJ32" s="103">
        <v>2</v>
      </c>
      <c r="GK32" s="413">
        <v>0</v>
      </c>
      <c r="GL32" s="102">
        <v>3</v>
      </c>
      <c r="GM32" s="102">
        <v>4</v>
      </c>
      <c r="GN32" s="102">
        <v>0</v>
      </c>
      <c r="GO32" s="102">
        <v>1</v>
      </c>
      <c r="GP32" s="102">
        <v>0</v>
      </c>
      <c r="GQ32" s="103">
        <v>8</v>
      </c>
      <c r="GR32" s="104">
        <v>10</v>
      </c>
      <c r="GS32" s="105">
        <v>2</v>
      </c>
      <c r="GT32" s="97">
        <v>4</v>
      </c>
      <c r="GU32" s="98">
        <v>6</v>
      </c>
      <c r="GV32" s="413">
        <v>0</v>
      </c>
      <c r="GW32" s="97">
        <v>9</v>
      </c>
      <c r="GX32" s="97">
        <v>9</v>
      </c>
      <c r="GY32" s="97">
        <v>4</v>
      </c>
      <c r="GZ32" s="97">
        <v>6</v>
      </c>
      <c r="HA32" s="97">
        <v>5</v>
      </c>
      <c r="HB32" s="99">
        <v>33</v>
      </c>
      <c r="HC32" s="100">
        <v>39</v>
      </c>
      <c r="HD32" s="101">
        <v>0</v>
      </c>
      <c r="HE32" s="102">
        <v>0</v>
      </c>
      <c r="HF32" s="103">
        <v>0</v>
      </c>
      <c r="HG32" s="413">
        <v>0</v>
      </c>
      <c r="HH32" s="102">
        <v>0</v>
      </c>
      <c r="HI32" s="102">
        <v>1</v>
      </c>
      <c r="HJ32" s="102">
        <v>0</v>
      </c>
      <c r="HK32" s="102">
        <v>0</v>
      </c>
      <c r="HL32" s="102">
        <v>0</v>
      </c>
      <c r="HM32" s="103">
        <v>1</v>
      </c>
      <c r="HN32" s="104">
        <v>1</v>
      </c>
      <c r="HO32" s="101">
        <v>0</v>
      </c>
      <c r="HP32" s="102">
        <v>0</v>
      </c>
      <c r="HQ32" s="103">
        <v>0</v>
      </c>
      <c r="HR32" s="413">
        <v>0</v>
      </c>
      <c r="HS32" s="102">
        <v>0</v>
      </c>
      <c r="HT32" s="102">
        <v>0</v>
      </c>
      <c r="HU32" s="102">
        <v>2</v>
      </c>
      <c r="HV32" s="102">
        <v>0</v>
      </c>
      <c r="HW32" s="102">
        <v>1</v>
      </c>
      <c r="HX32" s="103">
        <v>3</v>
      </c>
      <c r="HY32" s="104">
        <v>3</v>
      </c>
      <c r="HZ32" s="101">
        <v>0</v>
      </c>
      <c r="IA32" s="102">
        <v>0</v>
      </c>
      <c r="IB32" s="103">
        <v>0</v>
      </c>
      <c r="IC32" s="413">
        <v>0</v>
      </c>
      <c r="ID32" s="102">
        <v>1</v>
      </c>
      <c r="IE32" s="102">
        <v>3</v>
      </c>
      <c r="IF32" s="102">
        <v>0</v>
      </c>
      <c r="IG32" s="102">
        <v>2</v>
      </c>
      <c r="IH32" s="102">
        <v>1</v>
      </c>
      <c r="II32" s="103">
        <v>7</v>
      </c>
      <c r="IJ32" s="104">
        <v>7</v>
      </c>
      <c r="IK32" s="101">
        <v>2</v>
      </c>
      <c r="IL32" s="102">
        <v>1</v>
      </c>
      <c r="IM32" s="103">
        <v>3</v>
      </c>
      <c r="IN32" s="413">
        <v>0</v>
      </c>
      <c r="IO32" s="102">
        <v>4</v>
      </c>
      <c r="IP32" s="102">
        <v>2</v>
      </c>
      <c r="IQ32" s="102">
        <v>0</v>
      </c>
      <c r="IR32" s="102">
        <v>1</v>
      </c>
      <c r="IS32" s="102">
        <v>0</v>
      </c>
      <c r="IT32" s="103">
        <v>7</v>
      </c>
      <c r="IU32" s="104">
        <v>10</v>
      </c>
      <c r="IV32" s="101">
        <v>0</v>
      </c>
      <c r="IW32" s="102">
        <v>3</v>
      </c>
      <c r="IX32" s="103">
        <v>3</v>
      </c>
      <c r="IY32" s="413">
        <v>0</v>
      </c>
      <c r="IZ32" s="102">
        <v>3</v>
      </c>
      <c r="JA32" s="102">
        <v>0</v>
      </c>
      <c r="JB32" s="102">
        <v>1</v>
      </c>
      <c r="JC32" s="102">
        <v>1</v>
      </c>
      <c r="JD32" s="102">
        <v>0</v>
      </c>
      <c r="JE32" s="103">
        <v>5</v>
      </c>
      <c r="JF32" s="104">
        <v>8</v>
      </c>
      <c r="JG32" s="101">
        <v>0</v>
      </c>
      <c r="JH32" s="102">
        <v>0</v>
      </c>
      <c r="JI32" s="103">
        <v>0</v>
      </c>
      <c r="JJ32" s="413">
        <v>0</v>
      </c>
      <c r="JK32" s="102">
        <v>1</v>
      </c>
      <c r="JL32" s="102">
        <v>3</v>
      </c>
      <c r="JM32" s="102">
        <v>1</v>
      </c>
      <c r="JN32" s="102">
        <v>2</v>
      </c>
      <c r="JO32" s="102">
        <v>3</v>
      </c>
      <c r="JP32" s="103">
        <v>10</v>
      </c>
      <c r="JQ32" s="104">
        <v>10</v>
      </c>
      <c r="JR32" s="101">
        <v>0</v>
      </c>
      <c r="JS32" s="102">
        <v>0</v>
      </c>
      <c r="JT32" s="103">
        <v>0</v>
      </c>
      <c r="JU32" s="413">
        <v>0</v>
      </c>
      <c r="JV32" s="102">
        <v>0</v>
      </c>
      <c r="JW32" s="102">
        <v>0</v>
      </c>
      <c r="JX32" s="102">
        <v>0</v>
      </c>
      <c r="JY32" s="102">
        <v>0</v>
      </c>
      <c r="JZ32" s="102">
        <v>0</v>
      </c>
      <c r="KA32" s="103">
        <v>0</v>
      </c>
      <c r="KB32" s="104">
        <v>0</v>
      </c>
      <c r="KC32" s="101">
        <v>2</v>
      </c>
      <c r="KD32" s="102">
        <v>4</v>
      </c>
      <c r="KE32" s="103">
        <v>6</v>
      </c>
      <c r="KF32" s="413">
        <v>0</v>
      </c>
      <c r="KG32" s="102">
        <v>9</v>
      </c>
      <c r="KH32" s="102">
        <v>9</v>
      </c>
      <c r="KI32" s="102">
        <v>4</v>
      </c>
      <c r="KJ32" s="102">
        <v>6</v>
      </c>
      <c r="KK32" s="102">
        <v>5</v>
      </c>
      <c r="KL32" s="103">
        <v>33</v>
      </c>
      <c r="KM32" s="104">
        <v>39</v>
      </c>
    </row>
    <row r="33" spans="2:299" s="70" customFormat="1" ht="21" customHeight="1" x14ac:dyDescent="0.2">
      <c r="B33" s="106" t="s">
        <v>30</v>
      </c>
      <c r="C33" s="96">
        <v>3</v>
      </c>
      <c r="D33" s="97">
        <v>1</v>
      </c>
      <c r="E33" s="98">
        <v>4</v>
      </c>
      <c r="F33" s="413">
        <v>0</v>
      </c>
      <c r="G33" s="97">
        <v>3</v>
      </c>
      <c r="H33" s="97">
        <v>6</v>
      </c>
      <c r="I33" s="97">
        <v>1</v>
      </c>
      <c r="J33" s="97">
        <v>2</v>
      </c>
      <c r="K33" s="97">
        <v>1</v>
      </c>
      <c r="L33" s="99">
        <v>13</v>
      </c>
      <c r="M33" s="100">
        <v>17</v>
      </c>
      <c r="N33" s="101">
        <v>0</v>
      </c>
      <c r="O33" s="102">
        <v>0</v>
      </c>
      <c r="P33" s="103">
        <v>0</v>
      </c>
      <c r="Q33" s="413">
        <v>0</v>
      </c>
      <c r="R33" s="102">
        <v>0</v>
      </c>
      <c r="S33" s="102">
        <v>1</v>
      </c>
      <c r="T33" s="102">
        <v>0</v>
      </c>
      <c r="U33" s="102">
        <v>0</v>
      </c>
      <c r="V33" s="102">
        <v>0</v>
      </c>
      <c r="W33" s="103">
        <v>1</v>
      </c>
      <c r="X33" s="104">
        <v>1</v>
      </c>
      <c r="Y33" s="101">
        <v>1</v>
      </c>
      <c r="Z33" s="102">
        <v>0</v>
      </c>
      <c r="AA33" s="103">
        <v>1</v>
      </c>
      <c r="AB33" s="413">
        <v>0</v>
      </c>
      <c r="AC33" s="102">
        <v>0</v>
      </c>
      <c r="AD33" s="102">
        <v>0</v>
      </c>
      <c r="AE33" s="102">
        <v>0</v>
      </c>
      <c r="AF33" s="102">
        <v>0</v>
      </c>
      <c r="AG33" s="102">
        <v>0</v>
      </c>
      <c r="AH33" s="103">
        <v>0</v>
      </c>
      <c r="AI33" s="104">
        <v>1</v>
      </c>
      <c r="AJ33" s="101">
        <v>0</v>
      </c>
      <c r="AK33" s="102">
        <v>0</v>
      </c>
      <c r="AL33" s="103">
        <v>0</v>
      </c>
      <c r="AM33" s="413">
        <v>0</v>
      </c>
      <c r="AN33" s="102">
        <v>0</v>
      </c>
      <c r="AO33" s="102">
        <v>0</v>
      </c>
      <c r="AP33" s="102">
        <v>0</v>
      </c>
      <c r="AQ33" s="102">
        <v>0</v>
      </c>
      <c r="AR33" s="102">
        <v>0</v>
      </c>
      <c r="AS33" s="103">
        <v>0</v>
      </c>
      <c r="AT33" s="104">
        <v>0</v>
      </c>
      <c r="AU33" s="101">
        <v>1</v>
      </c>
      <c r="AV33" s="102">
        <v>0</v>
      </c>
      <c r="AW33" s="103">
        <v>1</v>
      </c>
      <c r="AX33" s="413">
        <v>0</v>
      </c>
      <c r="AY33" s="102">
        <v>2</v>
      </c>
      <c r="AZ33" s="102">
        <v>3</v>
      </c>
      <c r="BA33" s="102">
        <v>0</v>
      </c>
      <c r="BB33" s="102">
        <v>0</v>
      </c>
      <c r="BC33" s="102">
        <v>0</v>
      </c>
      <c r="BD33" s="103">
        <v>5</v>
      </c>
      <c r="BE33" s="104">
        <v>6</v>
      </c>
      <c r="BF33" s="101">
        <v>0</v>
      </c>
      <c r="BG33" s="102">
        <v>0</v>
      </c>
      <c r="BH33" s="103">
        <v>0</v>
      </c>
      <c r="BI33" s="413">
        <v>0</v>
      </c>
      <c r="BJ33" s="102">
        <v>0</v>
      </c>
      <c r="BK33" s="102">
        <v>0</v>
      </c>
      <c r="BL33" s="102">
        <v>1</v>
      </c>
      <c r="BM33" s="102">
        <v>1</v>
      </c>
      <c r="BN33" s="102">
        <v>1</v>
      </c>
      <c r="BO33" s="103">
        <v>3</v>
      </c>
      <c r="BP33" s="104">
        <v>3</v>
      </c>
      <c r="BQ33" s="101">
        <v>1</v>
      </c>
      <c r="BR33" s="102">
        <v>1</v>
      </c>
      <c r="BS33" s="103">
        <v>2</v>
      </c>
      <c r="BT33" s="413">
        <v>0</v>
      </c>
      <c r="BU33" s="102">
        <v>1</v>
      </c>
      <c r="BV33" s="102">
        <v>2</v>
      </c>
      <c r="BW33" s="102">
        <v>0</v>
      </c>
      <c r="BX33" s="102">
        <v>1</v>
      </c>
      <c r="BY33" s="102">
        <v>0</v>
      </c>
      <c r="BZ33" s="103">
        <v>4</v>
      </c>
      <c r="CA33" s="104">
        <v>6</v>
      </c>
      <c r="CB33" s="101">
        <v>0</v>
      </c>
      <c r="CC33" s="102">
        <v>0</v>
      </c>
      <c r="CD33" s="103">
        <v>0</v>
      </c>
      <c r="CE33" s="413">
        <v>0</v>
      </c>
      <c r="CF33" s="102">
        <v>0</v>
      </c>
      <c r="CG33" s="102">
        <v>0</v>
      </c>
      <c r="CH33" s="102">
        <v>0</v>
      </c>
      <c r="CI33" s="102">
        <v>0</v>
      </c>
      <c r="CJ33" s="102">
        <v>0</v>
      </c>
      <c r="CK33" s="103">
        <v>0</v>
      </c>
      <c r="CL33" s="104">
        <v>0</v>
      </c>
      <c r="CM33" s="101">
        <v>3</v>
      </c>
      <c r="CN33" s="102">
        <v>1</v>
      </c>
      <c r="CO33" s="103">
        <v>4</v>
      </c>
      <c r="CP33" s="413">
        <v>0</v>
      </c>
      <c r="CQ33" s="102">
        <v>3</v>
      </c>
      <c r="CR33" s="102">
        <v>6</v>
      </c>
      <c r="CS33" s="102">
        <v>1</v>
      </c>
      <c r="CT33" s="102">
        <v>2</v>
      </c>
      <c r="CU33" s="102">
        <v>1</v>
      </c>
      <c r="CV33" s="103">
        <v>13</v>
      </c>
      <c r="CW33" s="104">
        <v>17</v>
      </c>
      <c r="CX33" s="105">
        <v>2</v>
      </c>
      <c r="CY33" s="97">
        <v>1</v>
      </c>
      <c r="CZ33" s="98">
        <v>3</v>
      </c>
      <c r="DA33" s="413">
        <v>0</v>
      </c>
      <c r="DB33" s="97">
        <v>5</v>
      </c>
      <c r="DC33" s="97">
        <v>0</v>
      </c>
      <c r="DD33" s="97">
        <v>2</v>
      </c>
      <c r="DE33" s="97">
        <v>2</v>
      </c>
      <c r="DF33" s="97">
        <v>1</v>
      </c>
      <c r="DG33" s="99">
        <v>10</v>
      </c>
      <c r="DH33" s="100">
        <v>13</v>
      </c>
      <c r="DI33" s="101">
        <v>0</v>
      </c>
      <c r="DJ33" s="102">
        <v>0</v>
      </c>
      <c r="DK33" s="103">
        <v>0</v>
      </c>
      <c r="DL33" s="413">
        <v>0</v>
      </c>
      <c r="DM33" s="102">
        <v>0</v>
      </c>
      <c r="DN33" s="102">
        <v>0</v>
      </c>
      <c r="DO33" s="102">
        <v>0</v>
      </c>
      <c r="DP33" s="102">
        <v>0</v>
      </c>
      <c r="DQ33" s="102">
        <v>0</v>
      </c>
      <c r="DR33" s="103">
        <v>0</v>
      </c>
      <c r="DS33" s="104">
        <v>0</v>
      </c>
      <c r="DT33" s="101">
        <v>0</v>
      </c>
      <c r="DU33" s="102">
        <v>0</v>
      </c>
      <c r="DV33" s="103">
        <v>0</v>
      </c>
      <c r="DW33" s="413">
        <v>0</v>
      </c>
      <c r="DX33" s="102">
        <v>1</v>
      </c>
      <c r="DY33" s="102">
        <v>0</v>
      </c>
      <c r="DZ33" s="102">
        <v>0</v>
      </c>
      <c r="EA33" s="102">
        <v>0</v>
      </c>
      <c r="EB33" s="102">
        <v>0</v>
      </c>
      <c r="EC33" s="103">
        <v>1</v>
      </c>
      <c r="ED33" s="104">
        <v>1</v>
      </c>
      <c r="EE33" s="101">
        <v>1</v>
      </c>
      <c r="EF33" s="102">
        <v>0</v>
      </c>
      <c r="EG33" s="103">
        <v>1</v>
      </c>
      <c r="EH33" s="413">
        <v>0</v>
      </c>
      <c r="EI33" s="102">
        <v>0</v>
      </c>
      <c r="EJ33" s="102">
        <v>0</v>
      </c>
      <c r="EK33" s="102">
        <v>0</v>
      </c>
      <c r="EL33" s="102">
        <v>0</v>
      </c>
      <c r="EM33" s="102">
        <v>0</v>
      </c>
      <c r="EN33" s="103">
        <v>0</v>
      </c>
      <c r="EO33" s="104">
        <v>1</v>
      </c>
      <c r="EP33" s="101">
        <v>0</v>
      </c>
      <c r="EQ33" s="102">
        <v>0</v>
      </c>
      <c r="ER33" s="103">
        <v>0</v>
      </c>
      <c r="ES33" s="413">
        <v>0</v>
      </c>
      <c r="ET33" s="102">
        <v>1</v>
      </c>
      <c r="EU33" s="102">
        <v>0</v>
      </c>
      <c r="EV33" s="102">
        <v>0</v>
      </c>
      <c r="EW33" s="102">
        <v>0</v>
      </c>
      <c r="EX33" s="102">
        <v>0</v>
      </c>
      <c r="EY33" s="103">
        <v>1</v>
      </c>
      <c r="EZ33" s="104">
        <v>1</v>
      </c>
      <c r="FA33" s="101">
        <v>0</v>
      </c>
      <c r="FB33" s="102">
        <v>0</v>
      </c>
      <c r="FC33" s="103">
        <v>0</v>
      </c>
      <c r="FD33" s="413">
        <v>0</v>
      </c>
      <c r="FE33" s="102">
        <v>1</v>
      </c>
      <c r="FF33" s="102">
        <v>0</v>
      </c>
      <c r="FG33" s="102">
        <v>0</v>
      </c>
      <c r="FH33" s="102">
        <v>1</v>
      </c>
      <c r="FI33" s="102">
        <v>0</v>
      </c>
      <c r="FJ33" s="103">
        <v>2</v>
      </c>
      <c r="FK33" s="104">
        <v>2</v>
      </c>
      <c r="FL33" s="101">
        <v>1</v>
      </c>
      <c r="FM33" s="102">
        <v>1</v>
      </c>
      <c r="FN33" s="103">
        <v>2</v>
      </c>
      <c r="FO33" s="413">
        <v>0</v>
      </c>
      <c r="FP33" s="102">
        <v>2</v>
      </c>
      <c r="FQ33" s="102">
        <v>0</v>
      </c>
      <c r="FR33" s="102">
        <v>2</v>
      </c>
      <c r="FS33" s="102">
        <v>1</v>
      </c>
      <c r="FT33" s="102">
        <v>1</v>
      </c>
      <c r="FU33" s="103">
        <v>6</v>
      </c>
      <c r="FV33" s="104">
        <v>8</v>
      </c>
      <c r="FW33" s="101">
        <v>0</v>
      </c>
      <c r="FX33" s="102">
        <v>0</v>
      </c>
      <c r="FY33" s="103">
        <v>0</v>
      </c>
      <c r="FZ33" s="413">
        <v>0</v>
      </c>
      <c r="GA33" s="102">
        <v>0</v>
      </c>
      <c r="GB33" s="102">
        <v>0</v>
      </c>
      <c r="GC33" s="102">
        <v>0</v>
      </c>
      <c r="GD33" s="102">
        <v>0</v>
      </c>
      <c r="GE33" s="102">
        <v>0</v>
      </c>
      <c r="GF33" s="103">
        <v>0</v>
      </c>
      <c r="GG33" s="104">
        <v>0</v>
      </c>
      <c r="GH33" s="101">
        <v>2</v>
      </c>
      <c r="GI33" s="102">
        <v>1</v>
      </c>
      <c r="GJ33" s="103">
        <v>3</v>
      </c>
      <c r="GK33" s="413">
        <v>0</v>
      </c>
      <c r="GL33" s="102">
        <v>5</v>
      </c>
      <c r="GM33" s="102">
        <v>0</v>
      </c>
      <c r="GN33" s="102">
        <v>2</v>
      </c>
      <c r="GO33" s="102">
        <v>2</v>
      </c>
      <c r="GP33" s="102">
        <v>1</v>
      </c>
      <c r="GQ33" s="103">
        <v>10</v>
      </c>
      <c r="GR33" s="104">
        <v>13</v>
      </c>
      <c r="GS33" s="105">
        <v>5</v>
      </c>
      <c r="GT33" s="97">
        <v>2</v>
      </c>
      <c r="GU33" s="98">
        <v>7</v>
      </c>
      <c r="GV33" s="413">
        <v>0</v>
      </c>
      <c r="GW33" s="97">
        <v>8</v>
      </c>
      <c r="GX33" s="97">
        <v>6</v>
      </c>
      <c r="GY33" s="97">
        <v>3</v>
      </c>
      <c r="GZ33" s="97">
        <v>4</v>
      </c>
      <c r="HA33" s="97">
        <v>2</v>
      </c>
      <c r="HB33" s="99">
        <v>23</v>
      </c>
      <c r="HC33" s="100">
        <v>30</v>
      </c>
      <c r="HD33" s="101">
        <v>0</v>
      </c>
      <c r="HE33" s="102">
        <v>0</v>
      </c>
      <c r="HF33" s="103">
        <v>0</v>
      </c>
      <c r="HG33" s="413">
        <v>0</v>
      </c>
      <c r="HH33" s="102">
        <v>0</v>
      </c>
      <c r="HI33" s="102">
        <v>1</v>
      </c>
      <c r="HJ33" s="102">
        <v>0</v>
      </c>
      <c r="HK33" s="102">
        <v>0</v>
      </c>
      <c r="HL33" s="102">
        <v>0</v>
      </c>
      <c r="HM33" s="103">
        <v>1</v>
      </c>
      <c r="HN33" s="104">
        <v>1</v>
      </c>
      <c r="HO33" s="101">
        <v>1</v>
      </c>
      <c r="HP33" s="102">
        <v>0</v>
      </c>
      <c r="HQ33" s="103">
        <v>1</v>
      </c>
      <c r="HR33" s="413">
        <v>0</v>
      </c>
      <c r="HS33" s="102">
        <v>1</v>
      </c>
      <c r="HT33" s="102">
        <v>0</v>
      </c>
      <c r="HU33" s="102">
        <v>0</v>
      </c>
      <c r="HV33" s="102">
        <v>0</v>
      </c>
      <c r="HW33" s="102">
        <v>0</v>
      </c>
      <c r="HX33" s="103">
        <v>1</v>
      </c>
      <c r="HY33" s="104">
        <v>2</v>
      </c>
      <c r="HZ33" s="101">
        <v>1</v>
      </c>
      <c r="IA33" s="102">
        <v>0</v>
      </c>
      <c r="IB33" s="103">
        <v>1</v>
      </c>
      <c r="IC33" s="413">
        <v>0</v>
      </c>
      <c r="ID33" s="102">
        <v>0</v>
      </c>
      <c r="IE33" s="102">
        <v>0</v>
      </c>
      <c r="IF33" s="102">
        <v>0</v>
      </c>
      <c r="IG33" s="102">
        <v>0</v>
      </c>
      <c r="IH33" s="102">
        <v>0</v>
      </c>
      <c r="II33" s="103">
        <v>0</v>
      </c>
      <c r="IJ33" s="104">
        <v>1</v>
      </c>
      <c r="IK33" s="101">
        <v>1</v>
      </c>
      <c r="IL33" s="102">
        <v>0</v>
      </c>
      <c r="IM33" s="103">
        <v>1</v>
      </c>
      <c r="IN33" s="413">
        <v>0</v>
      </c>
      <c r="IO33" s="102">
        <v>3</v>
      </c>
      <c r="IP33" s="102">
        <v>3</v>
      </c>
      <c r="IQ33" s="102">
        <v>0</v>
      </c>
      <c r="IR33" s="102">
        <v>0</v>
      </c>
      <c r="IS33" s="102">
        <v>0</v>
      </c>
      <c r="IT33" s="103">
        <v>6</v>
      </c>
      <c r="IU33" s="104">
        <v>7</v>
      </c>
      <c r="IV33" s="101">
        <v>0</v>
      </c>
      <c r="IW33" s="102">
        <v>0</v>
      </c>
      <c r="IX33" s="103">
        <v>0</v>
      </c>
      <c r="IY33" s="413">
        <v>0</v>
      </c>
      <c r="IZ33" s="102">
        <v>1</v>
      </c>
      <c r="JA33" s="102">
        <v>0</v>
      </c>
      <c r="JB33" s="102">
        <v>1</v>
      </c>
      <c r="JC33" s="102">
        <v>2</v>
      </c>
      <c r="JD33" s="102">
        <v>1</v>
      </c>
      <c r="JE33" s="103">
        <v>5</v>
      </c>
      <c r="JF33" s="104">
        <v>5</v>
      </c>
      <c r="JG33" s="101">
        <v>2</v>
      </c>
      <c r="JH33" s="102">
        <v>2</v>
      </c>
      <c r="JI33" s="103">
        <v>4</v>
      </c>
      <c r="JJ33" s="413">
        <v>0</v>
      </c>
      <c r="JK33" s="102">
        <v>3</v>
      </c>
      <c r="JL33" s="102">
        <v>2</v>
      </c>
      <c r="JM33" s="102">
        <v>2</v>
      </c>
      <c r="JN33" s="102">
        <v>2</v>
      </c>
      <c r="JO33" s="102">
        <v>1</v>
      </c>
      <c r="JP33" s="103">
        <v>10</v>
      </c>
      <c r="JQ33" s="104">
        <v>14</v>
      </c>
      <c r="JR33" s="101">
        <v>0</v>
      </c>
      <c r="JS33" s="102">
        <v>0</v>
      </c>
      <c r="JT33" s="103">
        <v>0</v>
      </c>
      <c r="JU33" s="413">
        <v>0</v>
      </c>
      <c r="JV33" s="102">
        <v>0</v>
      </c>
      <c r="JW33" s="102">
        <v>0</v>
      </c>
      <c r="JX33" s="102">
        <v>0</v>
      </c>
      <c r="JY33" s="102">
        <v>0</v>
      </c>
      <c r="JZ33" s="102">
        <v>0</v>
      </c>
      <c r="KA33" s="103">
        <v>0</v>
      </c>
      <c r="KB33" s="104">
        <v>0</v>
      </c>
      <c r="KC33" s="101">
        <v>5</v>
      </c>
      <c r="KD33" s="102">
        <v>2</v>
      </c>
      <c r="KE33" s="103">
        <v>7</v>
      </c>
      <c r="KF33" s="413">
        <v>0</v>
      </c>
      <c r="KG33" s="102">
        <v>8</v>
      </c>
      <c r="KH33" s="102">
        <v>6</v>
      </c>
      <c r="KI33" s="102">
        <v>3</v>
      </c>
      <c r="KJ33" s="102">
        <v>4</v>
      </c>
      <c r="KK33" s="102">
        <v>2</v>
      </c>
      <c r="KL33" s="103">
        <v>23</v>
      </c>
      <c r="KM33" s="104">
        <v>30</v>
      </c>
    </row>
    <row r="34" spans="2:299" s="70" customFormat="1" ht="21" customHeight="1" x14ac:dyDescent="0.2">
      <c r="B34" s="106" t="s">
        <v>31</v>
      </c>
      <c r="C34" s="96">
        <v>4</v>
      </c>
      <c r="D34" s="97">
        <v>3</v>
      </c>
      <c r="E34" s="98">
        <v>7</v>
      </c>
      <c r="F34" s="413">
        <v>0</v>
      </c>
      <c r="G34" s="97">
        <v>5</v>
      </c>
      <c r="H34" s="97">
        <v>4</v>
      </c>
      <c r="I34" s="97">
        <v>5</v>
      </c>
      <c r="J34" s="97">
        <v>2</v>
      </c>
      <c r="K34" s="97">
        <v>1</v>
      </c>
      <c r="L34" s="99">
        <v>17</v>
      </c>
      <c r="M34" s="100">
        <v>24</v>
      </c>
      <c r="N34" s="101">
        <v>0</v>
      </c>
      <c r="O34" s="102">
        <v>0</v>
      </c>
      <c r="P34" s="103">
        <v>0</v>
      </c>
      <c r="Q34" s="413">
        <v>0</v>
      </c>
      <c r="R34" s="102">
        <v>0</v>
      </c>
      <c r="S34" s="102">
        <v>1</v>
      </c>
      <c r="T34" s="102">
        <v>0</v>
      </c>
      <c r="U34" s="102">
        <v>0</v>
      </c>
      <c r="V34" s="102">
        <v>0</v>
      </c>
      <c r="W34" s="103">
        <v>1</v>
      </c>
      <c r="X34" s="104">
        <v>1</v>
      </c>
      <c r="Y34" s="101">
        <v>2</v>
      </c>
      <c r="Z34" s="102">
        <v>1</v>
      </c>
      <c r="AA34" s="103">
        <v>3</v>
      </c>
      <c r="AB34" s="413">
        <v>0</v>
      </c>
      <c r="AC34" s="102">
        <v>0</v>
      </c>
      <c r="AD34" s="102">
        <v>1</v>
      </c>
      <c r="AE34" s="102">
        <v>1</v>
      </c>
      <c r="AF34" s="102">
        <v>0</v>
      </c>
      <c r="AG34" s="102">
        <v>1</v>
      </c>
      <c r="AH34" s="103">
        <v>3</v>
      </c>
      <c r="AI34" s="104">
        <v>6</v>
      </c>
      <c r="AJ34" s="101">
        <v>0</v>
      </c>
      <c r="AK34" s="102">
        <v>1</v>
      </c>
      <c r="AL34" s="103">
        <v>1</v>
      </c>
      <c r="AM34" s="413">
        <v>0</v>
      </c>
      <c r="AN34" s="102">
        <v>3</v>
      </c>
      <c r="AO34" s="102">
        <v>0</v>
      </c>
      <c r="AP34" s="102">
        <v>1</v>
      </c>
      <c r="AQ34" s="102">
        <v>0</v>
      </c>
      <c r="AR34" s="102">
        <v>0</v>
      </c>
      <c r="AS34" s="103">
        <v>4</v>
      </c>
      <c r="AT34" s="104">
        <v>5</v>
      </c>
      <c r="AU34" s="101">
        <v>1</v>
      </c>
      <c r="AV34" s="102">
        <v>1</v>
      </c>
      <c r="AW34" s="103">
        <v>2</v>
      </c>
      <c r="AX34" s="413">
        <v>0</v>
      </c>
      <c r="AY34" s="102">
        <v>0</v>
      </c>
      <c r="AZ34" s="102">
        <v>1</v>
      </c>
      <c r="BA34" s="102">
        <v>0</v>
      </c>
      <c r="BB34" s="102">
        <v>0</v>
      </c>
      <c r="BC34" s="102">
        <v>0</v>
      </c>
      <c r="BD34" s="103">
        <v>1</v>
      </c>
      <c r="BE34" s="104">
        <v>3</v>
      </c>
      <c r="BF34" s="101">
        <v>0</v>
      </c>
      <c r="BG34" s="102">
        <v>0</v>
      </c>
      <c r="BH34" s="103">
        <v>0</v>
      </c>
      <c r="BI34" s="413">
        <v>0</v>
      </c>
      <c r="BJ34" s="102">
        <v>1</v>
      </c>
      <c r="BK34" s="102">
        <v>1</v>
      </c>
      <c r="BL34" s="102">
        <v>1</v>
      </c>
      <c r="BM34" s="102">
        <v>1</v>
      </c>
      <c r="BN34" s="102">
        <v>0</v>
      </c>
      <c r="BO34" s="103">
        <v>4</v>
      </c>
      <c r="BP34" s="104">
        <v>4</v>
      </c>
      <c r="BQ34" s="101">
        <v>1</v>
      </c>
      <c r="BR34" s="102">
        <v>0</v>
      </c>
      <c r="BS34" s="103">
        <v>1</v>
      </c>
      <c r="BT34" s="413">
        <v>0</v>
      </c>
      <c r="BU34" s="102">
        <v>1</v>
      </c>
      <c r="BV34" s="102">
        <v>0</v>
      </c>
      <c r="BW34" s="102">
        <v>2</v>
      </c>
      <c r="BX34" s="102">
        <v>1</v>
      </c>
      <c r="BY34" s="102">
        <v>0</v>
      </c>
      <c r="BZ34" s="103">
        <v>4</v>
      </c>
      <c r="CA34" s="104">
        <v>5</v>
      </c>
      <c r="CB34" s="101">
        <v>0</v>
      </c>
      <c r="CC34" s="102">
        <v>0</v>
      </c>
      <c r="CD34" s="103">
        <v>0</v>
      </c>
      <c r="CE34" s="413">
        <v>0</v>
      </c>
      <c r="CF34" s="102">
        <v>0</v>
      </c>
      <c r="CG34" s="102">
        <v>0</v>
      </c>
      <c r="CH34" s="102">
        <v>0</v>
      </c>
      <c r="CI34" s="102">
        <v>0</v>
      </c>
      <c r="CJ34" s="102">
        <v>0</v>
      </c>
      <c r="CK34" s="103">
        <v>0</v>
      </c>
      <c r="CL34" s="104">
        <v>0</v>
      </c>
      <c r="CM34" s="101">
        <v>4</v>
      </c>
      <c r="CN34" s="102">
        <v>3</v>
      </c>
      <c r="CO34" s="103">
        <v>7</v>
      </c>
      <c r="CP34" s="413">
        <v>0</v>
      </c>
      <c r="CQ34" s="102">
        <v>5</v>
      </c>
      <c r="CR34" s="102">
        <v>4</v>
      </c>
      <c r="CS34" s="102">
        <v>5</v>
      </c>
      <c r="CT34" s="102">
        <v>2</v>
      </c>
      <c r="CU34" s="102">
        <v>1</v>
      </c>
      <c r="CV34" s="103">
        <v>17</v>
      </c>
      <c r="CW34" s="104">
        <v>24</v>
      </c>
      <c r="CX34" s="105">
        <v>1</v>
      </c>
      <c r="CY34" s="97">
        <v>0</v>
      </c>
      <c r="CZ34" s="98">
        <v>1</v>
      </c>
      <c r="DA34" s="413">
        <v>0</v>
      </c>
      <c r="DB34" s="97">
        <v>1</v>
      </c>
      <c r="DC34" s="97">
        <v>1</v>
      </c>
      <c r="DD34" s="97">
        <v>2</v>
      </c>
      <c r="DE34" s="97">
        <v>1</v>
      </c>
      <c r="DF34" s="97">
        <v>0</v>
      </c>
      <c r="DG34" s="99">
        <v>5</v>
      </c>
      <c r="DH34" s="100">
        <v>6</v>
      </c>
      <c r="DI34" s="101">
        <v>0</v>
      </c>
      <c r="DJ34" s="102">
        <v>0</v>
      </c>
      <c r="DK34" s="103">
        <v>0</v>
      </c>
      <c r="DL34" s="413">
        <v>0</v>
      </c>
      <c r="DM34" s="102">
        <v>0</v>
      </c>
      <c r="DN34" s="102">
        <v>0</v>
      </c>
      <c r="DO34" s="102">
        <v>0</v>
      </c>
      <c r="DP34" s="102">
        <v>0</v>
      </c>
      <c r="DQ34" s="102">
        <v>0</v>
      </c>
      <c r="DR34" s="103">
        <v>0</v>
      </c>
      <c r="DS34" s="104">
        <v>0</v>
      </c>
      <c r="DT34" s="101">
        <v>0</v>
      </c>
      <c r="DU34" s="102">
        <v>0</v>
      </c>
      <c r="DV34" s="103">
        <v>0</v>
      </c>
      <c r="DW34" s="413">
        <v>0</v>
      </c>
      <c r="DX34" s="102">
        <v>0</v>
      </c>
      <c r="DY34" s="102">
        <v>0</v>
      </c>
      <c r="DZ34" s="102">
        <v>1</v>
      </c>
      <c r="EA34" s="102">
        <v>0</v>
      </c>
      <c r="EB34" s="102">
        <v>0</v>
      </c>
      <c r="EC34" s="103">
        <v>1</v>
      </c>
      <c r="ED34" s="104">
        <v>1</v>
      </c>
      <c r="EE34" s="101">
        <v>0</v>
      </c>
      <c r="EF34" s="102">
        <v>0</v>
      </c>
      <c r="EG34" s="103">
        <v>0</v>
      </c>
      <c r="EH34" s="413">
        <v>0</v>
      </c>
      <c r="EI34" s="102">
        <v>0</v>
      </c>
      <c r="EJ34" s="102">
        <v>0</v>
      </c>
      <c r="EK34" s="102">
        <v>0</v>
      </c>
      <c r="EL34" s="102">
        <v>1</v>
      </c>
      <c r="EM34" s="102">
        <v>0</v>
      </c>
      <c r="EN34" s="103">
        <v>1</v>
      </c>
      <c r="EO34" s="104">
        <v>1</v>
      </c>
      <c r="EP34" s="101">
        <v>0</v>
      </c>
      <c r="EQ34" s="102">
        <v>0</v>
      </c>
      <c r="ER34" s="103">
        <v>0</v>
      </c>
      <c r="ES34" s="413">
        <v>0</v>
      </c>
      <c r="ET34" s="102">
        <v>1</v>
      </c>
      <c r="EU34" s="102">
        <v>0</v>
      </c>
      <c r="EV34" s="102">
        <v>0</v>
      </c>
      <c r="EW34" s="102">
        <v>0</v>
      </c>
      <c r="EX34" s="102">
        <v>0</v>
      </c>
      <c r="EY34" s="103">
        <v>1</v>
      </c>
      <c r="EZ34" s="104">
        <v>1</v>
      </c>
      <c r="FA34" s="101">
        <v>1</v>
      </c>
      <c r="FB34" s="102">
        <v>0</v>
      </c>
      <c r="FC34" s="103">
        <v>1</v>
      </c>
      <c r="FD34" s="413">
        <v>0</v>
      </c>
      <c r="FE34" s="102">
        <v>0</v>
      </c>
      <c r="FF34" s="102">
        <v>0</v>
      </c>
      <c r="FG34" s="102">
        <v>0</v>
      </c>
      <c r="FH34" s="102">
        <v>0</v>
      </c>
      <c r="FI34" s="102">
        <v>0</v>
      </c>
      <c r="FJ34" s="103">
        <v>0</v>
      </c>
      <c r="FK34" s="104">
        <v>1</v>
      </c>
      <c r="FL34" s="101">
        <v>0</v>
      </c>
      <c r="FM34" s="102">
        <v>0</v>
      </c>
      <c r="FN34" s="103">
        <v>0</v>
      </c>
      <c r="FO34" s="413">
        <v>0</v>
      </c>
      <c r="FP34" s="102">
        <v>0</v>
      </c>
      <c r="FQ34" s="102">
        <v>1</v>
      </c>
      <c r="FR34" s="102">
        <v>1</v>
      </c>
      <c r="FS34" s="102">
        <v>0</v>
      </c>
      <c r="FT34" s="102">
        <v>0</v>
      </c>
      <c r="FU34" s="103">
        <v>2</v>
      </c>
      <c r="FV34" s="104">
        <v>2</v>
      </c>
      <c r="FW34" s="101">
        <v>0</v>
      </c>
      <c r="FX34" s="102">
        <v>0</v>
      </c>
      <c r="FY34" s="103">
        <v>0</v>
      </c>
      <c r="FZ34" s="413">
        <v>0</v>
      </c>
      <c r="GA34" s="102">
        <v>0</v>
      </c>
      <c r="GB34" s="102">
        <v>0</v>
      </c>
      <c r="GC34" s="102">
        <v>0</v>
      </c>
      <c r="GD34" s="102">
        <v>0</v>
      </c>
      <c r="GE34" s="102">
        <v>0</v>
      </c>
      <c r="GF34" s="103">
        <v>0</v>
      </c>
      <c r="GG34" s="104">
        <v>0</v>
      </c>
      <c r="GH34" s="101">
        <v>1</v>
      </c>
      <c r="GI34" s="102">
        <v>0</v>
      </c>
      <c r="GJ34" s="103">
        <v>1</v>
      </c>
      <c r="GK34" s="413">
        <v>0</v>
      </c>
      <c r="GL34" s="102">
        <v>1</v>
      </c>
      <c r="GM34" s="102">
        <v>1</v>
      </c>
      <c r="GN34" s="102">
        <v>2</v>
      </c>
      <c r="GO34" s="102">
        <v>1</v>
      </c>
      <c r="GP34" s="102">
        <v>0</v>
      </c>
      <c r="GQ34" s="103">
        <v>5</v>
      </c>
      <c r="GR34" s="104">
        <v>6</v>
      </c>
      <c r="GS34" s="105">
        <v>5</v>
      </c>
      <c r="GT34" s="97">
        <v>3</v>
      </c>
      <c r="GU34" s="98">
        <v>8</v>
      </c>
      <c r="GV34" s="413">
        <v>0</v>
      </c>
      <c r="GW34" s="97">
        <v>6</v>
      </c>
      <c r="GX34" s="97">
        <v>5</v>
      </c>
      <c r="GY34" s="97">
        <v>7</v>
      </c>
      <c r="GZ34" s="97">
        <v>3</v>
      </c>
      <c r="HA34" s="97">
        <v>1</v>
      </c>
      <c r="HB34" s="99">
        <v>22</v>
      </c>
      <c r="HC34" s="100">
        <v>30</v>
      </c>
      <c r="HD34" s="101">
        <v>0</v>
      </c>
      <c r="HE34" s="102">
        <v>0</v>
      </c>
      <c r="HF34" s="103">
        <v>0</v>
      </c>
      <c r="HG34" s="413">
        <v>0</v>
      </c>
      <c r="HH34" s="102">
        <v>0</v>
      </c>
      <c r="HI34" s="102">
        <v>1</v>
      </c>
      <c r="HJ34" s="102">
        <v>0</v>
      </c>
      <c r="HK34" s="102">
        <v>0</v>
      </c>
      <c r="HL34" s="102">
        <v>0</v>
      </c>
      <c r="HM34" s="103">
        <v>1</v>
      </c>
      <c r="HN34" s="104">
        <v>1</v>
      </c>
      <c r="HO34" s="101">
        <v>2</v>
      </c>
      <c r="HP34" s="102">
        <v>1</v>
      </c>
      <c r="HQ34" s="103">
        <v>3</v>
      </c>
      <c r="HR34" s="413">
        <v>0</v>
      </c>
      <c r="HS34" s="102">
        <v>0</v>
      </c>
      <c r="HT34" s="102">
        <v>1</v>
      </c>
      <c r="HU34" s="102">
        <v>2</v>
      </c>
      <c r="HV34" s="102">
        <v>0</v>
      </c>
      <c r="HW34" s="102">
        <v>1</v>
      </c>
      <c r="HX34" s="103">
        <v>4</v>
      </c>
      <c r="HY34" s="104">
        <v>7</v>
      </c>
      <c r="HZ34" s="101">
        <v>0</v>
      </c>
      <c r="IA34" s="102">
        <v>1</v>
      </c>
      <c r="IB34" s="103">
        <v>1</v>
      </c>
      <c r="IC34" s="413">
        <v>0</v>
      </c>
      <c r="ID34" s="102">
        <v>3</v>
      </c>
      <c r="IE34" s="102">
        <v>0</v>
      </c>
      <c r="IF34" s="102">
        <v>1</v>
      </c>
      <c r="IG34" s="102">
        <v>1</v>
      </c>
      <c r="IH34" s="102">
        <v>0</v>
      </c>
      <c r="II34" s="103">
        <v>5</v>
      </c>
      <c r="IJ34" s="104">
        <v>6</v>
      </c>
      <c r="IK34" s="101">
        <v>1</v>
      </c>
      <c r="IL34" s="102">
        <v>1</v>
      </c>
      <c r="IM34" s="103">
        <v>2</v>
      </c>
      <c r="IN34" s="413">
        <v>0</v>
      </c>
      <c r="IO34" s="102">
        <v>1</v>
      </c>
      <c r="IP34" s="102">
        <v>1</v>
      </c>
      <c r="IQ34" s="102">
        <v>0</v>
      </c>
      <c r="IR34" s="102">
        <v>0</v>
      </c>
      <c r="IS34" s="102">
        <v>0</v>
      </c>
      <c r="IT34" s="103">
        <v>2</v>
      </c>
      <c r="IU34" s="104">
        <v>4</v>
      </c>
      <c r="IV34" s="101">
        <v>1</v>
      </c>
      <c r="IW34" s="102">
        <v>0</v>
      </c>
      <c r="IX34" s="103">
        <v>1</v>
      </c>
      <c r="IY34" s="413">
        <v>0</v>
      </c>
      <c r="IZ34" s="102">
        <v>1</v>
      </c>
      <c r="JA34" s="102">
        <v>1</v>
      </c>
      <c r="JB34" s="102">
        <v>1</v>
      </c>
      <c r="JC34" s="102">
        <v>1</v>
      </c>
      <c r="JD34" s="102">
        <v>0</v>
      </c>
      <c r="JE34" s="103">
        <v>4</v>
      </c>
      <c r="JF34" s="104">
        <v>5</v>
      </c>
      <c r="JG34" s="101">
        <v>1</v>
      </c>
      <c r="JH34" s="102">
        <v>0</v>
      </c>
      <c r="JI34" s="103">
        <v>1</v>
      </c>
      <c r="JJ34" s="413">
        <v>0</v>
      </c>
      <c r="JK34" s="102">
        <v>1</v>
      </c>
      <c r="JL34" s="102">
        <v>1</v>
      </c>
      <c r="JM34" s="102">
        <v>3</v>
      </c>
      <c r="JN34" s="102">
        <v>1</v>
      </c>
      <c r="JO34" s="102">
        <v>0</v>
      </c>
      <c r="JP34" s="103">
        <v>6</v>
      </c>
      <c r="JQ34" s="104">
        <v>7</v>
      </c>
      <c r="JR34" s="101">
        <v>0</v>
      </c>
      <c r="JS34" s="102">
        <v>0</v>
      </c>
      <c r="JT34" s="103">
        <v>0</v>
      </c>
      <c r="JU34" s="413">
        <v>0</v>
      </c>
      <c r="JV34" s="102">
        <v>0</v>
      </c>
      <c r="JW34" s="102">
        <v>0</v>
      </c>
      <c r="JX34" s="102">
        <v>0</v>
      </c>
      <c r="JY34" s="102">
        <v>0</v>
      </c>
      <c r="JZ34" s="102">
        <v>0</v>
      </c>
      <c r="KA34" s="103">
        <v>0</v>
      </c>
      <c r="KB34" s="104">
        <v>0</v>
      </c>
      <c r="KC34" s="101">
        <v>5</v>
      </c>
      <c r="KD34" s="102">
        <v>3</v>
      </c>
      <c r="KE34" s="103">
        <v>8</v>
      </c>
      <c r="KF34" s="413">
        <v>0</v>
      </c>
      <c r="KG34" s="102">
        <v>6</v>
      </c>
      <c r="KH34" s="102">
        <v>5</v>
      </c>
      <c r="KI34" s="102">
        <v>7</v>
      </c>
      <c r="KJ34" s="102">
        <v>3</v>
      </c>
      <c r="KK34" s="102">
        <v>1</v>
      </c>
      <c r="KL34" s="103">
        <v>22</v>
      </c>
      <c r="KM34" s="104">
        <v>30</v>
      </c>
    </row>
    <row r="35" spans="2:299" s="70" customFormat="1" ht="21" customHeight="1" x14ac:dyDescent="0.2">
      <c r="B35" s="106" t="s">
        <v>32</v>
      </c>
      <c r="C35" s="96">
        <v>7</v>
      </c>
      <c r="D35" s="97">
        <v>5</v>
      </c>
      <c r="E35" s="98">
        <v>12</v>
      </c>
      <c r="F35" s="413">
        <v>0</v>
      </c>
      <c r="G35" s="97">
        <v>12</v>
      </c>
      <c r="H35" s="97">
        <v>6</v>
      </c>
      <c r="I35" s="97">
        <v>0</v>
      </c>
      <c r="J35" s="97">
        <v>5</v>
      </c>
      <c r="K35" s="97">
        <v>3</v>
      </c>
      <c r="L35" s="99">
        <v>26</v>
      </c>
      <c r="M35" s="100">
        <v>38</v>
      </c>
      <c r="N35" s="101">
        <v>0</v>
      </c>
      <c r="O35" s="102">
        <v>0</v>
      </c>
      <c r="P35" s="103">
        <v>0</v>
      </c>
      <c r="Q35" s="413">
        <v>0</v>
      </c>
      <c r="R35" s="102">
        <v>0</v>
      </c>
      <c r="S35" s="102">
        <v>0</v>
      </c>
      <c r="T35" s="102">
        <v>0</v>
      </c>
      <c r="U35" s="102">
        <v>0</v>
      </c>
      <c r="V35" s="102">
        <v>0</v>
      </c>
      <c r="W35" s="103">
        <v>0</v>
      </c>
      <c r="X35" s="104">
        <v>0</v>
      </c>
      <c r="Y35" s="101">
        <v>0</v>
      </c>
      <c r="Z35" s="102">
        <v>0</v>
      </c>
      <c r="AA35" s="103">
        <v>0</v>
      </c>
      <c r="AB35" s="413">
        <v>0</v>
      </c>
      <c r="AC35" s="102">
        <v>0</v>
      </c>
      <c r="AD35" s="102">
        <v>0</v>
      </c>
      <c r="AE35" s="102">
        <v>0</v>
      </c>
      <c r="AF35" s="102">
        <v>1</v>
      </c>
      <c r="AG35" s="102">
        <v>0</v>
      </c>
      <c r="AH35" s="103">
        <v>1</v>
      </c>
      <c r="AI35" s="104">
        <v>1</v>
      </c>
      <c r="AJ35" s="101">
        <v>1</v>
      </c>
      <c r="AK35" s="102">
        <v>0</v>
      </c>
      <c r="AL35" s="103">
        <v>1</v>
      </c>
      <c r="AM35" s="413">
        <v>0</v>
      </c>
      <c r="AN35" s="102">
        <v>4</v>
      </c>
      <c r="AO35" s="102">
        <v>0</v>
      </c>
      <c r="AP35" s="102">
        <v>0</v>
      </c>
      <c r="AQ35" s="102">
        <v>1</v>
      </c>
      <c r="AR35" s="102">
        <v>2</v>
      </c>
      <c r="AS35" s="103">
        <v>7</v>
      </c>
      <c r="AT35" s="104">
        <v>8</v>
      </c>
      <c r="AU35" s="101">
        <v>3</v>
      </c>
      <c r="AV35" s="102">
        <v>2</v>
      </c>
      <c r="AW35" s="103">
        <v>5</v>
      </c>
      <c r="AX35" s="413">
        <v>0</v>
      </c>
      <c r="AY35" s="102">
        <v>5</v>
      </c>
      <c r="AZ35" s="102">
        <v>1</v>
      </c>
      <c r="BA35" s="102">
        <v>0</v>
      </c>
      <c r="BB35" s="102">
        <v>1</v>
      </c>
      <c r="BC35" s="102">
        <v>1</v>
      </c>
      <c r="BD35" s="103">
        <v>8</v>
      </c>
      <c r="BE35" s="104">
        <v>13</v>
      </c>
      <c r="BF35" s="101">
        <v>0</v>
      </c>
      <c r="BG35" s="102">
        <v>3</v>
      </c>
      <c r="BH35" s="103">
        <v>3</v>
      </c>
      <c r="BI35" s="413">
        <v>0</v>
      </c>
      <c r="BJ35" s="102">
        <v>0</v>
      </c>
      <c r="BK35" s="102">
        <v>3</v>
      </c>
      <c r="BL35" s="102">
        <v>0</v>
      </c>
      <c r="BM35" s="102">
        <v>0</v>
      </c>
      <c r="BN35" s="102">
        <v>0</v>
      </c>
      <c r="BO35" s="103">
        <v>3</v>
      </c>
      <c r="BP35" s="104">
        <v>6</v>
      </c>
      <c r="BQ35" s="101">
        <v>3</v>
      </c>
      <c r="BR35" s="102">
        <v>0</v>
      </c>
      <c r="BS35" s="103">
        <v>3</v>
      </c>
      <c r="BT35" s="413">
        <v>0</v>
      </c>
      <c r="BU35" s="102">
        <v>3</v>
      </c>
      <c r="BV35" s="102">
        <v>2</v>
      </c>
      <c r="BW35" s="102">
        <v>0</v>
      </c>
      <c r="BX35" s="102">
        <v>2</v>
      </c>
      <c r="BY35" s="102">
        <v>0</v>
      </c>
      <c r="BZ35" s="103">
        <v>7</v>
      </c>
      <c r="CA35" s="104">
        <v>10</v>
      </c>
      <c r="CB35" s="101">
        <v>0</v>
      </c>
      <c r="CC35" s="102">
        <v>0</v>
      </c>
      <c r="CD35" s="103">
        <v>0</v>
      </c>
      <c r="CE35" s="413">
        <v>0</v>
      </c>
      <c r="CF35" s="102">
        <v>0</v>
      </c>
      <c r="CG35" s="102">
        <v>0</v>
      </c>
      <c r="CH35" s="102">
        <v>0</v>
      </c>
      <c r="CI35" s="102">
        <v>0</v>
      </c>
      <c r="CJ35" s="102">
        <v>0</v>
      </c>
      <c r="CK35" s="103">
        <v>0</v>
      </c>
      <c r="CL35" s="104">
        <v>0</v>
      </c>
      <c r="CM35" s="101">
        <v>7</v>
      </c>
      <c r="CN35" s="102">
        <v>5</v>
      </c>
      <c r="CO35" s="103">
        <v>12</v>
      </c>
      <c r="CP35" s="413">
        <v>0</v>
      </c>
      <c r="CQ35" s="102">
        <v>12</v>
      </c>
      <c r="CR35" s="102">
        <v>6</v>
      </c>
      <c r="CS35" s="102">
        <v>0</v>
      </c>
      <c r="CT35" s="102">
        <v>5</v>
      </c>
      <c r="CU35" s="102">
        <v>3</v>
      </c>
      <c r="CV35" s="103">
        <v>26</v>
      </c>
      <c r="CW35" s="104">
        <v>38</v>
      </c>
      <c r="CX35" s="105">
        <v>2</v>
      </c>
      <c r="CY35" s="97">
        <v>1</v>
      </c>
      <c r="CZ35" s="98">
        <v>3</v>
      </c>
      <c r="DA35" s="413">
        <v>0</v>
      </c>
      <c r="DB35" s="97">
        <v>5</v>
      </c>
      <c r="DC35" s="97">
        <v>3</v>
      </c>
      <c r="DD35" s="97">
        <v>2</v>
      </c>
      <c r="DE35" s="97">
        <v>3</v>
      </c>
      <c r="DF35" s="97">
        <v>2</v>
      </c>
      <c r="DG35" s="99">
        <v>15</v>
      </c>
      <c r="DH35" s="100">
        <v>18</v>
      </c>
      <c r="DI35" s="101">
        <v>0</v>
      </c>
      <c r="DJ35" s="102">
        <v>0</v>
      </c>
      <c r="DK35" s="103">
        <v>0</v>
      </c>
      <c r="DL35" s="413">
        <v>0</v>
      </c>
      <c r="DM35" s="102">
        <v>0</v>
      </c>
      <c r="DN35" s="102">
        <v>0</v>
      </c>
      <c r="DO35" s="102">
        <v>0</v>
      </c>
      <c r="DP35" s="102">
        <v>0</v>
      </c>
      <c r="DQ35" s="102">
        <v>0</v>
      </c>
      <c r="DR35" s="103">
        <v>0</v>
      </c>
      <c r="DS35" s="104">
        <v>0</v>
      </c>
      <c r="DT35" s="101">
        <v>1</v>
      </c>
      <c r="DU35" s="102">
        <v>0</v>
      </c>
      <c r="DV35" s="103">
        <v>1</v>
      </c>
      <c r="DW35" s="413">
        <v>0</v>
      </c>
      <c r="DX35" s="102">
        <v>0</v>
      </c>
      <c r="DY35" s="102">
        <v>0</v>
      </c>
      <c r="DZ35" s="102">
        <v>0</v>
      </c>
      <c r="EA35" s="102">
        <v>0</v>
      </c>
      <c r="EB35" s="102">
        <v>0</v>
      </c>
      <c r="EC35" s="103">
        <v>0</v>
      </c>
      <c r="ED35" s="104">
        <v>1</v>
      </c>
      <c r="EE35" s="101">
        <v>0</v>
      </c>
      <c r="EF35" s="102">
        <v>0</v>
      </c>
      <c r="EG35" s="103">
        <v>0</v>
      </c>
      <c r="EH35" s="413">
        <v>0</v>
      </c>
      <c r="EI35" s="102">
        <v>1</v>
      </c>
      <c r="EJ35" s="102">
        <v>1</v>
      </c>
      <c r="EK35" s="102">
        <v>1</v>
      </c>
      <c r="EL35" s="102">
        <v>0</v>
      </c>
      <c r="EM35" s="102">
        <v>0</v>
      </c>
      <c r="EN35" s="103">
        <v>3</v>
      </c>
      <c r="EO35" s="104">
        <v>3</v>
      </c>
      <c r="EP35" s="101">
        <v>1</v>
      </c>
      <c r="EQ35" s="102">
        <v>0</v>
      </c>
      <c r="ER35" s="103">
        <v>1</v>
      </c>
      <c r="ES35" s="413">
        <v>0</v>
      </c>
      <c r="ET35" s="102">
        <v>1</v>
      </c>
      <c r="EU35" s="102">
        <v>0</v>
      </c>
      <c r="EV35" s="102">
        <v>0</v>
      </c>
      <c r="EW35" s="102">
        <v>1</v>
      </c>
      <c r="EX35" s="102">
        <v>0</v>
      </c>
      <c r="EY35" s="103">
        <v>2</v>
      </c>
      <c r="EZ35" s="104">
        <v>3</v>
      </c>
      <c r="FA35" s="101">
        <v>0</v>
      </c>
      <c r="FB35" s="102">
        <v>0</v>
      </c>
      <c r="FC35" s="103">
        <v>0</v>
      </c>
      <c r="FD35" s="413">
        <v>0</v>
      </c>
      <c r="FE35" s="102">
        <v>1</v>
      </c>
      <c r="FF35" s="102">
        <v>1</v>
      </c>
      <c r="FG35" s="102">
        <v>0</v>
      </c>
      <c r="FH35" s="102">
        <v>0</v>
      </c>
      <c r="FI35" s="102">
        <v>1</v>
      </c>
      <c r="FJ35" s="103">
        <v>3</v>
      </c>
      <c r="FK35" s="104">
        <v>3</v>
      </c>
      <c r="FL35" s="101">
        <v>0</v>
      </c>
      <c r="FM35" s="102">
        <v>1</v>
      </c>
      <c r="FN35" s="103">
        <v>1</v>
      </c>
      <c r="FO35" s="413">
        <v>0</v>
      </c>
      <c r="FP35" s="102">
        <v>2</v>
      </c>
      <c r="FQ35" s="102">
        <v>1</v>
      </c>
      <c r="FR35" s="102">
        <v>1</v>
      </c>
      <c r="FS35" s="102">
        <v>2</v>
      </c>
      <c r="FT35" s="102">
        <v>1</v>
      </c>
      <c r="FU35" s="103">
        <v>7</v>
      </c>
      <c r="FV35" s="104">
        <v>8</v>
      </c>
      <c r="FW35" s="101">
        <v>0</v>
      </c>
      <c r="FX35" s="102">
        <v>0</v>
      </c>
      <c r="FY35" s="103">
        <v>0</v>
      </c>
      <c r="FZ35" s="413">
        <v>0</v>
      </c>
      <c r="GA35" s="102">
        <v>0</v>
      </c>
      <c r="GB35" s="102">
        <v>0</v>
      </c>
      <c r="GC35" s="102">
        <v>0</v>
      </c>
      <c r="GD35" s="102">
        <v>0</v>
      </c>
      <c r="GE35" s="102">
        <v>0</v>
      </c>
      <c r="GF35" s="103">
        <v>0</v>
      </c>
      <c r="GG35" s="104">
        <v>0</v>
      </c>
      <c r="GH35" s="101">
        <v>2</v>
      </c>
      <c r="GI35" s="102">
        <v>1</v>
      </c>
      <c r="GJ35" s="103">
        <v>3</v>
      </c>
      <c r="GK35" s="413">
        <v>0</v>
      </c>
      <c r="GL35" s="102">
        <v>5</v>
      </c>
      <c r="GM35" s="102">
        <v>3</v>
      </c>
      <c r="GN35" s="102">
        <v>2</v>
      </c>
      <c r="GO35" s="102">
        <v>3</v>
      </c>
      <c r="GP35" s="102">
        <v>2</v>
      </c>
      <c r="GQ35" s="103">
        <v>15</v>
      </c>
      <c r="GR35" s="104">
        <v>18</v>
      </c>
      <c r="GS35" s="105">
        <v>9</v>
      </c>
      <c r="GT35" s="97">
        <v>6</v>
      </c>
      <c r="GU35" s="98">
        <v>15</v>
      </c>
      <c r="GV35" s="413">
        <v>0</v>
      </c>
      <c r="GW35" s="97">
        <v>17</v>
      </c>
      <c r="GX35" s="97">
        <v>9</v>
      </c>
      <c r="GY35" s="97">
        <v>2</v>
      </c>
      <c r="GZ35" s="97">
        <v>8</v>
      </c>
      <c r="HA35" s="97">
        <v>5</v>
      </c>
      <c r="HB35" s="99">
        <v>41</v>
      </c>
      <c r="HC35" s="100">
        <v>56</v>
      </c>
      <c r="HD35" s="101">
        <v>0</v>
      </c>
      <c r="HE35" s="102">
        <v>0</v>
      </c>
      <c r="HF35" s="103">
        <v>0</v>
      </c>
      <c r="HG35" s="413">
        <v>0</v>
      </c>
      <c r="HH35" s="102">
        <v>0</v>
      </c>
      <c r="HI35" s="102">
        <v>0</v>
      </c>
      <c r="HJ35" s="102">
        <v>0</v>
      </c>
      <c r="HK35" s="102">
        <v>0</v>
      </c>
      <c r="HL35" s="102">
        <v>0</v>
      </c>
      <c r="HM35" s="103">
        <v>0</v>
      </c>
      <c r="HN35" s="104">
        <v>0</v>
      </c>
      <c r="HO35" s="101">
        <v>1</v>
      </c>
      <c r="HP35" s="102">
        <v>0</v>
      </c>
      <c r="HQ35" s="103">
        <v>1</v>
      </c>
      <c r="HR35" s="413">
        <v>0</v>
      </c>
      <c r="HS35" s="102">
        <v>0</v>
      </c>
      <c r="HT35" s="102">
        <v>0</v>
      </c>
      <c r="HU35" s="102">
        <v>0</v>
      </c>
      <c r="HV35" s="102">
        <v>1</v>
      </c>
      <c r="HW35" s="102">
        <v>0</v>
      </c>
      <c r="HX35" s="103">
        <v>1</v>
      </c>
      <c r="HY35" s="104">
        <v>2</v>
      </c>
      <c r="HZ35" s="101">
        <v>1</v>
      </c>
      <c r="IA35" s="102">
        <v>0</v>
      </c>
      <c r="IB35" s="103">
        <v>1</v>
      </c>
      <c r="IC35" s="413">
        <v>0</v>
      </c>
      <c r="ID35" s="102">
        <v>5</v>
      </c>
      <c r="IE35" s="102">
        <v>1</v>
      </c>
      <c r="IF35" s="102">
        <v>1</v>
      </c>
      <c r="IG35" s="102">
        <v>1</v>
      </c>
      <c r="IH35" s="102">
        <v>2</v>
      </c>
      <c r="II35" s="103">
        <v>10</v>
      </c>
      <c r="IJ35" s="104">
        <v>11</v>
      </c>
      <c r="IK35" s="101">
        <v>4</v>
      </c>
      <c r="IL35" s="102">
        <v>2</v>
      </c>
      <c r="IM35" s="103">
        <v>6</v>
      </c>
      <c r="IN35" s="413">
        <v>0</v>
      </c>
      <c r="IO35" s="102">
        <v>6</v>
      </c>
      <c r="IP35" s="102">
        <v>1</v>
      </c>
      <c r="IQ35" s="102">
        <v>0</v>
      </c>
      <c r="IR35" s="102">
        <v>2</v>
      </c>
      <c r="IS35" s="102">
        <v>1</v>
      </c>
      <c r="IT35" s="103">
        <v>10</v>
      </c>
      <c r="IU35" s="104">
        <v>16</v>
      </c>
      <c r="IV35" s="101">
        <v>0</v>
      </c>
      <c r="IW35" s="102">
        <v>3</v>
      </c>
      <c r="IX35" s="103">
        <v>3</v>
      </c>
      <c r="IY35" s="413">
        <v>0</v>
      </c>
      <c r="IZ35" s="102">
        <v>1</v>
      </c>
      <c r="JA35" s="102">
        <v>4</v>
      </c>
      <c r="JB35" s="102">
        <v>0</v>
      </c>
      <c r="JC35" s="102">
        <v>0</v>
      </c>
      <c r="JD35" s="102">
        <v>1</v>
      </c>
      <c r="JE35" s="103">
        <v>6</v>
      </c>
      <c r="JF35" s="104">
        <v>9</v>
      </c>
      <c r="JG35" s="101">
        <v>3</v>
      </c>
      <c r="JH35" s="102">
        <v>1</v>
      </c>
      <c r="JI35" s="103">
        <v>4</v>
      </c>
      <c r="JJ35" s="413">
        <v>0</v>
      </c>
      <c r="JK35" s="102">
        <v>5</v>
      </c>
      <c r="JL35" s="102">
        <v>3</v>
      </c>
      <c r="JM35" s="102">
        <v>1</v>
      </c>
      <c r="JN35" s="102">
        <v>4</v>
      </c>
      <c r="JO35" s="102">
        <v>1</v>
      </c>
      <c r="JP35" s="103">
        <v>14</v>
      </c>
      <c r="JQ35" s="104">
        <v>18</v>
      </c>
      <c r="JR35" s="101">
        <v>0</v>
      </c>
      <c r="JS35" s="102">
        <v>0</v>
      </c>
      <c r="JT35" s="103">
        <v>0</v>
      </c>
      <c r="JU35" s="413">
        <v>0</v>
      </c>
      <c r="JV35" s="102">
        <v>0</v>
      </c>
      <c r="JW35" s="102">
        <v>0</v>
      </c>
      <c r="JX35" s="102">
        <v>0</v>
      </c>
      <c r="JY35" s="102">
        <v>0</v>
      </c>
      <c r="JZ35" s="102">
        <v>0</v>
      </c>
      <c r="KA35" s="103">
        <v>0</v>
      </c>
      <c r="KB35" s="104">
        <v>0</v>
      </c>
      <c r="KC35" s="101">
        <v>9</v>
      </c>
      <c r="KD35" s="102">
        <v>6</v>
      </c>
      <c r="KE35" s="103">
        <v>15</v>
      </c>
      <c r="KF35" s="413">
        <v>0</v>
      </c>
      <c r="KG35" s="102">
        <v>17</v>
      </c>
      <c r="KH35" s="102">
        <v>9</v>
      </c>
      <c r="KI35" s="102">
        <v>2</v>
      </c>
      <c r="KJ35" s="102">
        <v>8</v>
      </c>
      <c r="KK35" s="102">
        <v>5</v>
      </c>
      <c r="KL35" s="103">
        <v>41</v>
      </c>
      <c r="KM35" s="104">
        <v>56</v>
      </c>
    </row>
    <row r="36" spans="2:299" s="70" customFormat="1" ht="21" customHeight="1" x14ac:dyDescent="0.2">
      <c r="B36" s="106" t="s">
        <v>33</v>
      </c>
      <c r="C36" s="96">
        <v>2</v>
      </c>
      <c r="D36" s="97">
        <v>2</v>
      </c>
      <c r="E36" s="98">
        <v>4</v>
      </c>
      <c r="F36" s="413">
        <v>0</v>
      </c>
      <c r="G36" s="97">
        <v>13</v>
      </c>
      <c r="H36" s="97">
        <v>1</v>
      </c>
      <c r="I36" s="97">
        <v>4</v>
      </c>
      <c r="J36" s="97">
        <v>2</v>
      </c>
      <c r="K36" s="97">
        <v>2</v>
      </c>
      <c r="L36" s="99">
        <v>22</v>
      </c>
      <c r="M36" s="100">
        <v>26</v>
      </c>
      <c r="N36" s="101">
        <v>0</v>
      </c>
      <c r="O36" s="102">
        <v>0</v>
      </c>
      <c r="P36" s="103">
        <v>0</v>
      </c>
      <c r="Q36" s="413">
        <v>0</v>
      </c>
      <c r="R36" s="102">
        <v>1</v>
      </c>
      <c r="S36" s="102">
        <v>0</v>
      </c>
      <c r="T36" s="102">
        <v>0</v>
      </c>
      <c r="U36" s="102">
        <v>1</v>
      </c>
      <c r="V36" s="102">
        <v>0</v>
      </c>
      <c r="W36" s="103">
        <v>2</v>
      </c>
      <c r="X36" s="104">
        <v>2</v>
      </c>
      <c r="Y36" s="101">
        <v>0</v>
      </c>
      <c r="Z36" s="102">
        <v>0</v>
      </c>
      <c r="AA36" s="103">
        <v>0</v>
      </c>
      <c r="AB36" s="413">
        <v>0</v>
      </c>
      <c r="AC36" s="102">
        <v>3</v>
      </c>
      <c r="AD36" s="102">
        <v>0</v>
      </c>
      <c r="AE36" s="102">
        <v>0</v>
      </c>
      <c r="AF36" s="102">
        <v>0</v>
      </c>
      <c r="AG36" s="102">
        <v>1</v>
      </c>
      <c r="AH36" s="103">
        <v>4</v>
      </c>
      <c r="AI36" s="104">
        <v>4</v>
      </c>
      <c r="AJ36" s="101">
        <v>0</v>
      </c>
      <c r="AK36" s="102">
        <v>1</v>
      </c>
      <c r="AL36" s="103">
        <v>1</v>
      </c>
      <c r="AM36" s="413">
        <v>0</v>
      </c>
      <c r="AN36" s="102">
        <v>2</v>
      </c>
      <c r="AO36" s="102">
        <v>0</v>
      </c>
      <c r="AP36" s="102">
        <v>2</v>
      </c>
      <c r="AQ36" s="102">
        <v>0</v>
      </c>
      <c r="AR36" s="102">
        <v>1</v>
      </c>
      <c r="AS36" s="103">
        <v>5</v>
      </c>
      <c r="AT36" s="104">
        <v>6</v>
      </c>
      <c r="AU36" s="101">
        <v>1</v>
      </c>
      <c r="AV36" s="102">
        <v>1</v>
      </c>
      <c r="AW36" s="103">
        <v>2</v>
      </c>
      <c r="AX36" s="413">
        <v>0</v>
      </c>
      <c r="AY36" s="102">
        <v>1</v>
      </c>
      <c r="AZ36" s="102">
        <v>0</v>
      </c>
      <c r="BA36" s="102">
        <v>1</v>
      </c>
      <c r="BB36" s="102">
        <v>1</v>
      </c>
      <c r="BC36" s="102">
        <v>0</v>
      </c>
      <c r="BD36" s="103">
        <v>3</v>
      </c>
      <c r="BE36" s="104">
        <v>5</v>
      </c>
      <c r="BF36" s="101">
        <v>1</v>
      </c>
      <c r="BG36" s="102">
        <v>0</v>
      </c>
      <c r="BH36" s="103">
        <v>1</v>
      </c>
      <c r="BI36" s="413">
        <v>0</v>
      </c>
      <c r="BJ36" s="102">
        <v>1</v>
      </c>
      <c r="BK36" s="102">
        <v>1</v>
      </c>
      <c r="BL36" s="102">
        <v>0</v>
      </c>
      <c r="BM36" s="102">
        <v>0</v>
      </c>
      <c r="BN36" s="102">
        <v>0</v>
      </c>
      <c r="BO36" s="103">
        <v>2</v>
      </c>
      <c r="BP36" s="104">
        <v>3</v>
      </c>
      <c r="BQ36" s="101">
        <v>0</v>
      </c>
      <c r="BR36" s="102">
        <v>0</v>
      </c>
      <c r="BS36" s="103">
        <v>0</v>
      </c>
      <c r="BT36" s="413">
        <v>0</v>
      </c>
      <c r="BU36" s="102">
        <v>5</v>
      </c>
      <c r="BV36" s="102">
        <v>0</v>
      </c>
      <c r="BW36" s="102">
        <v>1</v>
      </c>
      <c r="BX36" s="102">
        <v>0</v>
      </c>
      <c r="BY36" s="102">
        <v>0</v>
      </c>
      <c r="BZ36" s="103">
        <v>6</v>
      </c>
      <c r="CA36" s="104">
        <v>6</v>
      </c>
      <c r="CB36" s="101">
        <v>0</v>
      </c>
      <c r="CC36" s="102">
        <v>0</v>
      </c>
      <c r="CD36" s="103">
        <v>0</v>
      </c>
      <c r="CE36" s="413">
        <v>0</v>
      </c>
      <c r="CF36" s="102">
        <v>0</v>
      </c>
      <c r="CG36" s="102">
        <v>0</v>
      </c>
      <c r="CH36" s="102">
        <v>0</v>
      </c>
      <c r="CI36" s="102">
        <v>0</v>
      </c>
      <c r="CJ36" s="102">
        <v>0</v>
      </c>
      <c r="CK36" s="103">
        <v>0</v>
      </c>
      <c r="CL36" s="104">
        <v>0</v>
      </c>
      <c r="CM36" s="101">
        <v>2</v>
      </c>
      <c r="CN36" s="102">
        <v>2</v>
      </c>
      <c r="CO36" s="103">
        <v>4</v>
      </c>
      <c r="CP36" s="413">
        <v>0</v>
      </c>
      <c r="CQ36" s="102">
        <v>13</v>
      </c>
      <c r="CR36" s="102">
        <v>1</v>
      </c>
      <c r="CS36" s="102">
        <v>4</v>
      </c>
      <c r="CT36" s="102">
        <v>2</v>
      </c>
      <c r="CU36" s="102">
        <v>2</v>
      </c>
      <c r="CV36" s="103">
        <v>22</v>
      </c>
      <c r="CW36" s="104">
        <v>26</v>
      </c>
      <c r="CX36" s="105">
        <v>0</v>
      </c>
      <c r="CY36" s="97">
        <v>3</v>
      </c>
      <c r="CZ36" s="98">
        <v>3</v>
      </c>
      <c r="DA36" s="413">
        <v>0</v>
      </c>
      <c r="DB36" s="97">
        <v>5</v>
      </c>
      <c r="DC36" s="97">
        <v>3</v>
      </c>
      <c r="DD36" s="97">
        <v>2</v>
      </c>
      <c r="DE36" s="97">
        <v>2</v>
      </c>
      <c r="DF36" s="97">
        <v>1</v>
      </c>
      <c r="DG36" s="99">
        <v>13</v>
      </c>
      <c r="DH36" s="100">
        <v>16</v>
      </c>
      <c r="DI36" s="101">
        <v>0</v>
      </c>
      <c r="DJ36" s="102">
        <v>0</v>
      </c>
      <c r="DK36" s="103">
        <v>0</v>
      </c>
      <c r="DL36" s="413">
        <v>0</v>
      </c>
      <c r="DM36" s="102">
        <v>0</v>
      </c>
      <c r="DN36" s="102">
        <v>0</v>
      </c>
      <c r="DO36" s="102">
        <v>0</v>
      </c>
      <c r="DP36" s="102">
        <v>0</v>
      </c>
      <c r="DQ36" s="102">
        <v>0</v>
      </c>
      <c r="DR36" s="103">
        <v>0</v>
      </c>
      <c r="DS36" s="104">
        <v>0</v>
      </c>
      <c r="DT36" s="101">
        <v>0</v>
      </c>
      <c r="DU36" s="102">
        <v>0</v>
      </c>
      <c r="DV36" s="103">
        <v>0</v>
      </c>
      <c r="DW36" s="413">
        <v>0</v>
      </c>
      <c r="DX36" s="102">
        <v>0</v>
      </c>
      <c r="DY36" s="102">
        <v>0</v>
      </c>
      <c r="DZ36" s="102">
        <v>0</v>
      </c>
      <c r="EA36" s="102">
        <v>0</v>
      </c>
      <c r="EB36" s="102">
        <v>0</v>
      </c>
      <c r="EC36" s="103">
        <v>0</v>
      </c>
      <c r="ED36" s="104">
        <v>0</v>
      </c>
      <c r="EE36" s="101">
        <v>0</v>
      </c>
      <c r="EF36" s="102">
        <v>0</v>
      </c>
      <c r="EG36" s="103">
        <v>0</v>
      </c>
      <c r="EH36" s="413">
        <v>0</v>
      </c>
      <c r="EI36" s="102">
        <v>1</v>
      </c>
      <c r="EJ36" s="102">
        <v>0</v>
      </c>
      <c r="EK36" s="102">
        <v>0</v>
      </c>
      <c r="EL36" s="102">
        <v>0</v>
      </c>
      <c r="EM36" s="102">
        <v>0</v>
      </c>
      <c r="EN36" s="103">
        <v>1</v>
      </c>
      <c r="EO36" s="104">
        <v>1</v>
      </c>
      <c r="EP36" s="101">
        <v>0</v>
      </c>
      <c r="EQ36" s="102">
        <v>1</v>
      </c>
      <c r="ER36" s="103">
        <v>1</v>
      </c>
      <c r="ES36" s="413">
        <v>0</v>
      </c>
      <c r="ET36" s="102">
        <v>0</v>
      </c>
      <c r="EU36" s="102">
        <v>0</v>
      </c>
      <c r="EV36" s="102">
        <v>0</v>
      </c>
      <c r="EW36" s="102">
        <v>0</v>
      </c>
      <c r="EX36" s="102">
        <v>1</v>
      </c>
      <c r="EY36" s="103">
        <v>1</v>
      </c>
      <c r="EZ36" s="104">
        <v>2</v>
      </c>
      <c r="FA36" s="101">
        <v>0</v>
      </c>
      <c r="FB36" s="102">
        <v>2</v>
      </c>
      <c r="FC36" s="103">
        <v>2</v>
      </c>
      <c r="FD36" s="413">
        <v>0</v>
      </c>
      <c r="FE36" s="102">
        <v>1</v>
      </c>
      <c r="FF36" s="102">
        <v>0</v>
      </c>
      <c r="FG36" s="102">
        <v>0</v>
      </c>
      <c r="FH36" s="102">
        <v>1</v>
      </c>
      <c r="FI36" s="102">
        <v>0</v>
      </c>
      <c r="FJ36" s="103">
        <v>2</v>
      </c>
      <c r="FK36" s="104">
        <v>4</v>
      </c>
      <c r="FL36" s="101">
        <v>0</v>
      </c>
      <c r="FM36" s="102">
        <v>0</v>
      </c>
      <c r="FN36" s="103">
        <v>0</v>
      </c>
      <c r="FO36" s="413">
        <v>0</v>
      </c>
      <c r="FP36" s="102">
        <v>3</v>
      </c>
      <c r="FQ36" s="102">
        <v>3</v>
      </c>
      <c r="FR36" s="102">
        <v>2</v>
      </c>
      <c r="FS36" s="102">
        <v>1</v>
      </c>
      <c r="FT36" s="102">
        <v>0</v>
      </c>
      <c r="FU36" s="103">
        <v>9</v>
      </c>
      <c r="FV36" s="104">
        <v>9</v>
      </c>
      <c r="FW36" s="101">
        <v>0</v>
      </c>
      <c r="FX36" s="102">
        <v>0</v>
      </c>
      <c r="FY36" s="103">
        <v>0</v>
      </c>
      <c r="FZ36" s="413">
        <v>0</v>
      </c>
      <c r="GA36" s="102">
        <v>0</v>
      </c>
      <c r="GB36" s="102">
        <v>0</v>
      </c>
      <c r="GC36" s="102">
        <v>0</v>
      </c>
      <c r="GD36" s="102">
        <v>0</v>
      </c>
      <c r="GE36" s="102">
        <v>0</v>
      </c>
      <c r="GF36" s="103">
        <v>0</v>
      </c>
      <c r="GG36" s="104">
        <v>0</v>
      </c>
      <c r="GH36" s="101">
        <v>0</v>
      </c>
      <c r="GI36" s="102">
        <v>3</v>
      </c>
      <c r="GJ36" s="103">
        <v>3</v>
      </c>
      <c r="GK36" s="413">
        <v>0</v>
      </c>
      <c r="GL36" s="102">
        <v>5</v>
      </c>
      <c r="GM36" s="102">
        <v>3</v>
      </c>
      <c r="GN36" s="102">
        <v>2</v>
      </c>
      <c r="GO36" s="102">
        <v>2</v>
      </c>
      <c r="GP36" s="102">
        <v>1</v>
      </c>
      <c r="GQ36" s="103">
        <v>13</v>
      </c>
      <c r="GR36" s="104">
        <v>16</v>
      </c>
      <c r="GS36" s="105">
        <v>2</v>
      </c>
      <c r="GT36" s="97">
        <v>5</v>
      </c>
      <c r="GU36" s="98">
        <v>7</v>
      </c>
      <c r="GV36" s="413">
        <v>0</v>
      </c>
      <c r="GW36" s="97">
        <v>18</v>
      </c>
      <c r="GX36" s="97">
        <v>4</v>
      </c>
      <c r="GY36" s="97">
        <v>6</v>
      </c>
      <c r="GZ36" s="97">
        <v>4</v>
      </c>
      <c r="HA36" s="97">
        <v>3</v>
      </c>
      <c r="HB36" s="99">
        <v>35</v>
      </c>
      <c r="HC36" s="100">
        <v>42</v>
      </c>
      <c r="HD36" s="101">
        <v>0</v>
      </c>
      <c r="HE36" s="102">
        <v>0</v>
      </c>
      <c r="HF36" s="103">
        <v>0</v>
      </c>
      <c r="HG36" s="413">
        <v>0</v>
      </c>
      <c r="HH36" s="102">
        <v>1</v>
      </c>
      <c r="HI36" s="102">
        <v>0</v>
      </c>
      <c r="HJ36" s="102">
        <v>0</v>
      </c>
      <c r="HK36" s="102">
        <v>1</v>
      </c>
      <c r="HL36" s="102">
        <v>0</v>
      </c>
      <c r="HM36" s="103">
        <v>2</v>
      </c>
      <c r="HN36" s="104">
        <v>2</v>
      </c>
      <c r="HO36" s="101">
        <v>0</v>
      </c>
      <c r="HP36" s="102">
        <v>0</v>
      </c>
      <c r="HQ36" s="103">
        <v>0</v>
      </c>
      <c r="HR36" s="413">
        <v>0</v>
      </c>
      <c r="HS36" s="102">
        <v>3</v>
      </c>
      <c r="HT36" s="102">
        <v>0</v>
      </c>
      <c r="HU36" s="102">
        <v>0</v>
      </c>
      <c r="HV36" s="102">
        <v>0</v>
      </c>
      <c r="HW36" s="102">
        <v>1</v>
      </c>
      <c r="HX36" s="103">
        <v>4</v>
      </c>
      <c r="HY36" s="104">
        <v>4</v>
      </c>
      <c r="HZ36" s="101">
        <v>0</v>
      </c>
      <c r="IA36" s="102">
        <v>1</v>
      </c>
      <c r="IB36" s="103">
        <v>1</v>
      </c>
      <c r="IC36" s="413">
        <v>0</v>
      </c>
      <c r="ID36" s="102">
        <v>3</v>
      </c>
      <c r="IE36" s="102">
        <v>0</v>
      </c>
      <c r="IF36" s="102">
        <v>2</v>
      </c>
      <c r="IG36" s="102">
        <v>0</v>
      </c>
      <c r="IH36" s="102">
        <v>1</v>
      </c>
      <c r="II36" s="103">
        <v>6</v>
      </c>
      <c r="IJ36" s="104">
        <v>7</v>
      </c>
      <c r="IK36" s="101">
        <v>1</v>
      </c>
      <c r="IL36" s="102">
        <v>2</v>
      </c>
      <c r="IM36" s="103">
        <v>3</v>
      </c>
      <c r="IN36" s="413">
        <v>0</v>
      </c>
      <c r="IO36" s="102">
        <v>1</v>
      </c>
      <c r="IP36" s="102">
        <v>0</v>
      </c>
      <c r="IQ36" s="102">
        <v>1</v>
      </c>
      <c r="IR36" s="102">
        <v>1</v>
      </c>
      <c r="IS36" s="102">
        <v>1</v>
      </c>
      <c r="IT36" s="103">
        <v>4</v>
      </c>
      <c r="IU36" s="104">
        <v>7</v>
      </c>
      <c r="IV36" s="101">
        <v>1</v>
      </c>
      <c r="IW36" s="102">
        <v>2</v>
      </c>
      <c r="IX36" s="103">
        <v>3</v>
      </c>
      <c r="IY36" s="413">
        <v>0</v>
      </c>
      <c r="IZ36" s="102">
        <v>2</v>
      </c>
      <c r="JA36" s="102">
        <v>1</v>
      </c>
      <c r="JB36" s="102">
        <v>0</v>
      </c>
      <c r="JC36" s="102">
        <v>1</v>
      </c>
      <c r="JD36" s="102">
        <v>0</v>
      </c>
      <c r="JE36" s="103">
        <v>4</v>
      </c>
      <c r="JF36" s="104">
        <v>7</v>
      </c>
      <c r="JG36" s="101">
        <v>0</v>
      </c>
      <c r="JH36" s="102">
        <v>0</v>
      </c>
      <c r="JI36" s="103">
        <v>0</v>
      </c>
      <c r="JJ36" s="413">
        <v>0</v>
      </c>
      <c r="JK36" s="102">
        <v>8</v>
      </c>
      <c r="JL36" s="102">
        <v>3</v>
      </c>
      <c r="JM36" s="102">
        <v>3</v>
      </c>
      <c r="JN36" s="102">
        <v>1</v>
      </c>
      <c r="JO36" s="102">
        <v>0</v>
      </c>
      <c r="JP36" s="103">
        <v>15</v>
      </c>
      <c r="JQ36" s="104">
        <v>15</v>
      </c>
      <c r="JR36" s="101">
        <v>0</v>
      </c>
      <c r="JS36" s="102">
        <v>0</v>
      </c>
      <c r="JT36" s="103">
        <v>0</v>
      </c>
      <c r="JU36" s="413">
        <v>0</v>
      </c>
      <c r="JV36" s="102">
        <v>0</v>
      </c>
      <c r="JW36" s="102">
        <v>0</v>
      </c>
      <c r="JX36" s="102">
        <v>0</v>
      </c>
      <c r="JY36" s="102">
        <v>0</v>
      </c>
      <c r="JZ36" s="102">
        <v>0</v>
      </c>
      <c r="KA36" s="103">
        <v>0</v>
      </c>
      <c r="KB36" s="104">
        <v>0</v>
      </c>
      <c r="KC36" s="101">
        <v>2</v>
      </c>
      <c r="KD36" s="102">
        <v>5</v>
      </c>
      <c r="KE36" s="103">
        <v>7</v>
      </c>
      <c r="KF36" s="413">
        <v>0</v>
      </c>
      <c r="KG36" s="102">
        <v>18</v>
      </c>
      <c r="KH36" s="102">
        <v>4</v>
      </c>
      <c r="KI36" s="102">
        <v>6</v>
      </c>
      <c r="KJ36" s="102">
        <v>4</v>
      </c>
      <c r="KK36" s="102">
        <v>3</v>
      </c>
      <c r="KL36" s="103">
        <v>35</v>
      </c>
      <c r="KM36" s="104">
        <v>42</v>
      </c>
    </row>
    <row r="37" spans="2:299" s="70" customFormat="1" ht="21" customHeight="1" x14ac:dyDescent="0.2">
      <c r="B37" s="106" t="s">
        <v>34</v>
      </c>
      <c r="C37" s="96">
        <v>3</v>
      </c>
      <c r="D37" s="97">
        <v>1</v>
      </c>
      <c r="E37" s="98">
        <v>4</v>
      </c>
      <c r="F37" s="413">
        <v>0</v>
      </c>
      <c r="G37" s="97">
        <v>4</v>
      </c>
      <c r="H37" s="97">
        <v>4</v>
      </c>
      <c r="I37" s="97">
        <v>0</v>
      </c>
      <c r="J37" s="97">
        <v>3</v>
      </c>
      <c r="K37" s="97">
        <v>0</v>
      </c>
      <c r="L37" s="99">
        <v>11</v>
      </c>
      <c r="M37" s="100">
        <v>15</v>
      </c>
      <c r="N37" s="101">
        <v>0</v>
      </c>
      <c r="O37" s="102">
        <v>0</v>
      </c>
      <c r="P37" s="103">
        <v>0</v>
      </c>
      <c r="Q37" s="413">
        <v>0</v>
      </c>
      <c r="R37" s="102">
        <v>0</v>
      </c>
      <c r="S37" s="102">
        <v>0</v>
      </c>
      <c r="T37" s="102">
        <v>0</v>
      </c>
      <c r="U37" s="102">
        <v>0</v>
      </c>
      <c r="V37" s="102">
        <v>0</v>
      </c>
      <c r="W37" s="103">
        <v>0</v>
      </c>
      <c r="X37" s="104">
        <v>0</v>
      </c>
      <c r="Y37" s="101">
        <v>0</v>
      </c>
      <c r="Z37" s="102">
        <v>0</v>
      </c>
      <c r="AA37" s="103">
        <v>0</v>
      </c>
      <c r="AB37" s="413">
        <v>0</v>
      </c>
      <c r="AC37" s="102">
        <v>0</v>
      </c>
      <c r="AD37" s="102">
        <v>1</v>
      </c>
      <c r="AE37" s="102">
        <v>0</v>
      </c>
      <c r="AF37" s="102">
        <v>0</v>
      </c>
      <c r="AG37" s="102">
        <v>0</v>
      </c>
      <c r="AH37" s="103">
        <v>1</v>
      </c>
      <c r="AI37" s="104">
        <v>1</v>
      </c>
      <c r="AJ37" s="101">
        <v>1</v>
      </c>
      <c r="AK37" s="102">
        <v>1</v>
      </c>
      <c r="AL37" s="103">
        <v>2</v>
      </c>
      <c r="AM37" s="413">
        <v>0</v>
      </c>
      <c r="AN37" s="102">
        <v>0</v>
      </c>
      <c r="AO37" s="102">
        <v>1</v>
      </c>
      <c r="AP37" s="102">
        <v>0</v>
      </c>
      <c r="AQ37" s="102">
        <v>0</v>
      </c>
      <c r="AR37" s="102">
        <v>0</v>
      </c>
      <c r="AS37" s="103">
        <v>1</v>
      </c>
      <c r="AT37" s="104">
        <v>3</v>
      </c>
      <c r="AU37" s="101">
        <v>1</v>
      </c>
      <c r="AV37" s="102">
        <v>0</v>
      </c>
      <c r="AW37" s="103">
        <v>1</v>
      </c>
      <c r="AX37" s="413">
        <v>0</v>
      </c>
      <c r="AY37" s="102">
        <v>2</v>
      </c>
      <c r="AZ37" s="102">
        <v>1</v>
      </c>
      <c r="BA37" s="102">
        <v>0</v>
      </c>
      <c r="BB37" s="102">
        <v>2</v>
      </c>
      <c r="BC37" s="102">
        <v>0</v>
      </c>
      <c r="BD37" s="103">
        <v>5</v>
      </c>
      <c r="BE37" s="104">
        <v>6</v>
      </c>
      <c r="BF37" s="101">
        <v>0</v>
      </c>
      <c r="BG37" s="102">
        <v>0</v>
      </c>
      <c r="BH37" s="103">
        <v>0</v>
      </c>
      <c r="BI37" s="413">
        <v>0</v>
      </c>
      <c r="BJ37" s="102">
        <v>1</v>
      </c>
      <c r="BK37" s="102">
        <v>0</v>
      </c>
      <c r="BL37" s="102">
        <v>0</v>
      </c>
      <c r="BM37" s="102">
        <v>0</v>
      </c>
      <c r="BN37" s="102">
        <v>0</v>
      </c>
      <c r="BO37" s="103">
        <v>1</v>
      </c>
      <c r="BP37" s="104">
        <v>1</v>
      </c>
      <c r="BQ37" s="101">
        <v>1</v>
      </c>
      <c r="BR37" s="102">
        <v>0</v>
      </c>
      <c r="BS37" s="103">
        <v>1</v>
      </c>
      <c r="BT37" s="413">
        <v>0</v>
      </c>
      <c r="BU37" s="102">
        <v>1</v>
      </c>
      <c r="BV37" s="102">
        <v>1</v>
      </c>
      <c r="BW37" s="102">
        <v>0</v>
      </c>
      <c r="BX37" s="102">
        <v>1</v>
      </c>
      <c r="BY37" s="102">
        <v>0</v>
      </c>
      <c r="BZ37" s="103">
        <v>3</v>
      </c>
      <c r="CA37" s="104">
        <v>4</v>
      </c>
      <c r="CB37" s="101">
        <v>0</v>
      </c>
      <c r="CC37" s="102">
        <v>0</v>
      </c>
      <c r="CD37" s="103">
        <v>0</v>
      </c>
      <c r="CE37" s="413">
        <v>0</v>
      </c>
      <c r="CF37" s="102">
        <v>0</v>
      </c>
      <c r="CG37" s="102">
        <v>0</v>
      </c>
      <c r="CH37" s="102">
        <v>0</v>
      </c>
      <c r="CI37" s="102">
        <v>0</v>
      </c>
      <c r="CJ37" s="102">
        <v>0</v>
      </c>
      <c r="CK37" s="103">
        <v>0</v>
      </c>
      <c r="CL37" s="104">
        <v>0</v>
      </c>
      <c r="CM37" s="101">
        <v>3</v>
      </c>
      <c r="CN37" s="102">
        <v>1</v>
      </c>
      <c r="CO37" s="103">
        <v>4</v>
      </c>
      <c r="CP37" s="413">
        <v>0</v>
      </c>
      <c r="CQ37" s="102">
        <v>4</v>
      </c>
      <c r="CR37" s="102">
        <v>4</v>
      </c>
      <c r="CS37" s="102">
        <v>0</v>
      </c>
      <c r="CT37" s="102">
        <v>3</v>
      </c>
      <c r="CU37" s="102">
        <v>0</v>
      </c>
      <c r="CV37" s="103">
        <v>11</v>
      </c>
      <c r="CW37" s="104">
        <v>15</v>
      </c>
      <c r="CX37" s="105">
        <v>3</v>
      </c>
      <c r="CY37" s="97">
        <v>0</v>
      </c>
      <c r="CZ37" s="98">
        <v>3</v>
      </c>
      <c r="DA37" s="413">
        <v>0</v>
      </c>
      <c r="DB37" s="97">
        <v>1</v>
      </c>
      <c r="DC37" s="97">
        <v>2</v>
      </c>
      <c r="DD37" s="97">
        <v>1</v>
      </c>
      <c r="DE37" s="97">
        <v>1</v>
      </c>
      <c r="DF37" s="97">
        <v>1</v>
      </c>
      <c r="DG37" s="99">
        <v>6</v>
      </c>
      <c r="DH37" s="100">
        <v>9</v>
      </c>
      <c r="DI37" s="101">
        <v>0</v>
      </c>
      <c r="DJ37" s="102">
        <v>0</v>
      </c>
      <c r="DK37" s="103">
        <v>0</v>
      </c>
      <c r="DL37" s="413">
        <v>0</v>
      </c>
      <c r="DM37" s="102">
        <v>0</v>
      </c>
      <c r="DN37" s="102">
        <v>0</v>
      </c>
      <c r="DO37" s="102">
        <v>0</v>
      </c>
      <c r="DP37" s="102">
        <v>0</v>
      </c>
      <c r="DQ37" s="102">
        <v>0</v>
      </c>
      <c r="DR37" s="103">
        <v>0</v>
      </c>
      <c r="DS37" s="104">
        <v>0</v>
      </c>
      <c r="DT37" s="101">
        <v>0</v>
      </c>
      <c r="DU37" s="102">
        <v>0</v>
      </c>
      <c r="DV37" s="103">
        <v>0</v>
      </c>
      <c r="DW37" s="413">
        <v>0</v>
      </c>
      <c r="DX37" s="102">
        <v>0</v>
      </c>
      <c r="DY37" s="102">
        <v>0</v>
      </c>
      <c r="DZ37" s="102">
        <v>0</v>
      </c>
      <c r="EA37" s="102">
        <v>0</v>
      </c>
      <c r="EB37" s="102">
        <v>0</v>
      </c>
      <c r="EC37" s="103">
        <v>0</v>
      </c>
      <c r="ED37" s="104">
        <v>0</v>
      </c>
      <c r="EE37" s="101">
        <v>0</v>
      </c>
      <c r="EF37" s="102">
        <v>0</v>
      </c>
      <c r="EG37" s="103">
        <v>0</v>
      </c>
      <c r="EH37" s="413">
        <v>0</v>
      </c>
      <c r="EI37" s="102">
        <v>0</v>
      </c>
      <c r="EJ37" s="102">
        <v>0</v>
      </c>
      <c r="EK37" s="102">
        <v>0</v>
      </c>
      <c r="EL37" s="102">
        <v>0</v>
      </c>
      <c r="EM37" s="102">
        <v>0</v>
      </c>
      <c r="EN37" s="103">
        <v>0</v>
      </c>
      <c r="EO37" s="104">
        <v>0</v>
      </c>
      <c r="EP37" s="101">
        <v>1</v>
      </c>
      <c r="EQ37" s="102">
        <v>0</v>
      </c>
      <c r="ER37" s="103">
        <v>1</v>
      </c>
      <c r="ES37" s="413">
        <v>0</v>
      </c>
      <c r="ET37" s="102">
        <v>0</v>
      </c>
      <c r="EU37" s="102">
        <v>0</v>
      </c>
      <c r="EV37" s="102">
        <v>1</v>
      </c>
      <c r="EW37" s="102">
        <v>0</v>
      </c>
      <c r="EX37" s="102">
        <v>1</v>
      </c>
      <c r="EY37" s="103">
        <v>2</v>
      </c>
      <c r="EZ37" s="104">
        <v>3</v>
      </c>
      <c r="FA37" s="101">
        <v>2</v>
      </c>
      <c r="FB37" s="102">
        <v>0</v>
      </c>
      <c r="FC37" s="103">
        <v>2</v>
      </c>
      <c r="FD37" s="413">
        <v>0</v>
      </c>
      <c r="FE37" s="102">
        <v>0</v>
      </c>
      <c r="FF37" s="102">
        <v>0</v>
      </c>
      <c r="FG37" s="102">
        <v>0</v>
      </c>
      <c r="FH37" s="102">
        <v>1</v>
      </c>
      <c r="FI37" s="102">
        <v>0</v>
      </c>
      <c r="FJ37" s="103">
        <v>1</v>
      </c>
      <c r="FK37" s="104">
        <v>3</v>
      </c>
      <c r="FL37" s="101">
        <v>0</v>
      </c>
      <c r="FM37" s="102">
        <v>0</v>
      </c>
      <c r="FN37" s="103">
        <v>0</v>
      </c>
      <c r="FO37" s="413">
        <v>0</v>
      </c>
      <c r="FP37" s="102">
        <v>1</v>
      </c>
      <c r="FQ37" s="102">
        <v>2</v>
      </c>
      <c r="FR37" s="102">
        <v>0</v>
      </c>
      <c r="FS37" s="102">
        <v>0</v>
      </c>
      <c r="FT37" s="102">
        <v>0</v>
      </c>
      <c r="FU37" s="103">
        <v>3</v>
      </c>
      <c r="FV37" s="104">
        <v>3</v>
      </c>
      <c r="FW37" s="101">
        <v>0</v>
      </c>
      <c r="FX37" s="102">
        <v>0</v>
      </c>
      <c r="FY37" s="103">
        <v>0</v>
      </c>
      <c r="FZ37" s="413">
        <v>0</v>
      </c>
      <c r="GA37" s="102">
        <v>0</v>
      </c>
      <c r="GB37" s="102">
        <v>0</v>
      </c>
      <c r="GC37" s="102">
        <v>0</v>
      </c>
      <c r="GD37" s="102">
        <v>0</v>
      </c>
      <c r="GE37" s="102">
        <v>0</v>
      </c>
      <c r="GF37" s="103">
        <v>0</v>
      </c>
      <c r="GG37" s="104">
        <v>0</v>
      </c>
      <c r="GH37" s="101">
        <v>3</v>
      </c>
      <c r="GI37" s="102">
        <v>0</v>
      </c>
      <c r="GJ37" s="103">
        <v>3</v>
      </c>
      <c r="GK37" s="413">
        <v>0</v>
      </c>
      <c r="GL37" s="102">
        <v>1</v>
      </c>
      <c r="GM37" s="102">
        <v>2</v>
      </c>
      <c r="GN37" s="102">
        <v>1</v>
      </c>
      <c r="GO37" s="102">
        <v>1</v>
      </c>
      <c r="GP37" s="102">
        <v>1</v>
      </c>
      <c r="GQ37" s="103">
        <v>6</v>
      </c>
      <c r="GR37" s="104">
        <v>9</v>
      </c>
      <c r="GS37" s="105">
        <v>6</v>
      </c>
      <c r="GT37" s="97">
        <v>1</v>
      </c>
      <c r="GU37" s="98">
        <v>7</v>
      </c>
      <c r="GV37" s="413">
        <v>0</v>
      </c>
      <c r="GW37" s="97">
        <v>5</v>
      </c>
      <c r="GX37" s="97">
        <v>6</v>
      </c>
      <c r="GY37" s="97">
        <v>1</v>
      </c>
      <c r="GZ37" s="97">
        <v>4</v>
      </c>
      <c r="HA37" s="97">
        <v>1</v>
      </c>
      <c r="HB37" s="99">
        <v>17</v>
      </c>
      <c r="HC37" s="100">
        <v>24</v>
      </c>
      <c r="HD37" s="101">
        <v>0</v>
      </c>
      <c r="HE37" s="102">
        <v>0</v>
      </c>
      <c r="HF37" s="103">
        <v>0</v>
      </c>
      <c r="HG37" s="413">
        <v>0</v>
      </c>
      <c r="HH37" s="102">
        <v>0</v>
      </c>
      <c r="HI37" s="102">
        <v>0</v>
      </c>
      <c r="HJ37" s="102">
        <v>0</v>
      </c>
      <c r="HK37" s="102">
        <v>0</v>
      </c>
      <c r="HL37" s="102">
        <v>0</v>
      </c>
      <c r="HM37" s="103">
        <v>0</v>
      </c>
      <c r="HN37" s="104">
        <v>0</v>
      </c>
      <c r="HO37" s="101">
        <v>0</v>
      </c>
      <c r="HP37" s="102">
        <v>0</v>
      </c>
      <c r="HQ37" s="103">
        <v>0</v>
      </c>
      <c r="HR37" s="413">
        <v>0</v>
      </c>
      <c r="HS37" s="102">
        <v>0</v>
      </c>
      <c r="HT37" s="102">
        <v>1</v>
      </c>
      <c r="HU37" s="102">
        <v>0</v>
      </c>
      <c r="HV37" s="102">
        <v>0</v>
      </c>
      <c r="HW37" s="102">
        <v>0</v>
      </c>
      <c r="HX37" s="103">
        <v>1</v>
      </c>
      <c r="HY37" s="104">
        <v>1</v>
      </c>
      <c r="HZ37" s="101">
        <v>1</v>
      </c>
      <c r="IA37" s="102">
        <v>1</v>
      </c>
      <c r="IB37" s="103">
        <v>2</v>
      </c>
      <c r="IC37" s="413">
        <v>0</v>
      </c>
      <c r="ID37" s="102">
        <v>0</v>
      </c>
      <c r="IE37" s="102">
        <v>1</v>
      </c>
      <c r="IF37" s="102">
        <v>0</v>
      </c>
      <c r="IG37" s="102">
        <v>0</v>
      </c>
      <c r="IH37" s="102">
        <v>0</v>
      </c>
      <c r="II37" s="103">
        <v>1</v>
      </c>
      <c r="IJ37" s="104">
        <v>3</v>
      </c>
      <c r="IK37" s="101">
        <v>2</v>
      </c>
      <c r="IL37" s="102">
        <v>0</v>
      </c>
      <c r="IM37" s="103">
        <v>2</v>
      </c>
      <c r="IN37" s="413">
        <v>0</v>
      </c>
      <c r="IO37" s="102">
        <v>2</v>
      </c>
      <c r="IP37" s="102">
        <v>1</v>
      </c>
      <c r="IQ37" s="102">
        <v>1</v>
      </c>
      <c r="IR37" s="102">
        <v>2</v>
      </c>
      <c r="IS37" s="102">
        <v>1</v>
      </c>
      <c r="IT37" s="103">
        <v>7</v>
      </c>
      <c r="IU37" s="104">
        <v>9</v>
      </c>
      <c r="IV37" s="101">
        <v>2</v>
      </c>
      <c r="IW37" s="102">
        <v>0</v>
      </c>
      <c r="IX37" s="103">
        <v>2</v>
      </c>
      <c r="IY37" s="413">
        <v>0</v>
      </c>
      <c r="IZ37" s="102">
        <v>1</v>
      </c>
      <c r="JA37" s="102">
        <v>0</v>
      </c>
      <c r="JB37" s="102">
        <v>0</v>
      </c>
      <c r="JC37" s="102">
        <v>1</v>
      </c>
      <c r="JD37" s="102">
        <v>0</v>
      </c>
      <c r="JE37" s="103">
        <v>2</v>
      </c>
      <c r="JF37" s="104">
        <v>4</v>
      </c>
      <c r="JG37" s="101">
        <v>1</v>
      </c>
      <c r="JH37" s="102">
        <v>0</v>
      </c>
      <c r="JI37" s="103">
        <v>1</v>
      </c>
      <c r="JJ37" s="413">
        <v>0</v>
      </c>
      <c r="JK37" s="102">
        <v>2</v>
      </c>
      <c r="JL37" s="102">
        <v>3</v>
      </c>
      <c r="JM37" s="102">
        <v>0</v>
      </c>
      <c r="JN37" s="102">
        <v>1</v>
      </c>
      <c r="JO37" s="102">
        <v>0</v>
      </c>
      <c r="JP37" s="103">
        <v>6</v>
      </c>
      <c r="JQ37" s="104">
        <v>7</v>
      </c>
      <c r="JR37" s="101">
        <v>0</v>
      </c>
      <c r="JS37" s="102">
        <v>0</v>
      </c>
      <c r="JT37" s="103">
        <v>0</v>
      </c>
      <c r="JU37" s="413">
        <v>0</v>
      </c>
      <c r="JV37" s="102">
        <v>0</v>
      </c>
      <c r="JW37" s="102">
        <v>0</v>
      </c>
      <c r="JX37" s="102">
        <v>0</v>
      </c>
      <c r="JY37" s="102">
        <v>0</v>
      </c>
      <c r="JZ37" s="102">
        <v>0</v>
      </c>
      <c r="KA37" s="103">
        <v>0</v>
      </c>
      <c r="KB37" s="104">
        <v>0</v>
      </c>
      <c r="KC37" s="101">
        <v>6</v>
      </c>
      <c r="KD37" s="102">
        <v>1</v>
      </c>
      <c r="KE37" s="103">
        <v>7</v>
      </c>
      <c r="KF37" s="413">
        <v>0</v>
      </c>
      <c r="KG37" s="102">
        <v>5</v>
      </c>
      <c r="KH37" s="102">
        <v>6</v>
      </c>
      <c r="KI37" s="102">
        <v>1</v>
      </c>
      <c r="KJ37" s="102">
        <v>4</v>
      </c>
      <c r="KK37" s="102">
        <v>1</v>
      </c>
      <c r="KL37" s="103">
        <v>17</v>
      </c>
      <c r="KM37" s="104">
        <v>24</v>
      </c>
    </row>
    <row r="38" spans="2:299" s="70" customFormat="1" ht="21" customHeight="1" x14ac:dyDescent="0.2">
      <c r="B38" s="106" t="s">
        <v>35</v>
      </c>
      <c r="C38" s="96">
        <v>8</v>
      </c>
      <c r="D38" s="97">
        <v>12</v>
      </c>
      <c r="E38" s="98">
        <v>20</v>
      </c>
      <c r="F38" s="413">
        <v>0</v>
      </c>
      <c r="G38" s="97">
        <v>14</v>
      </c>
      <c r="H38" s="97">
        <v>10</v>
      </c>
      <c r="I38" s="97">
        <v>2</v>
      </c>
      <c r="J38" s="97">
        <v>4</v>
      </c>
      <c r="K38" s="97">
        <v>1</v>
      </c>
      <c r="L38" s="99">
        <v>31</v>
      </c>
      <c r="M38" s="100">
        <v>51</v>
      </c>
      <c r="N38" s="101">
        <v>0</v>
      </c>
      <c r="O38" s="102">
        <v>1</v>
      </c>
      <c r="P38" s="103">
        <v>1</v>
      </c>
      <c r="Q38" s="413">
        <v>0</v>
      </c>
      <c r="R38" s="102">
        <v>0</v>
      </c>
      <c r="S38" s="102">
        <v>0</v>
      </c>
      <c r="T38" s="102">
        <v>0</v>
      </c>
      <c r="U38" s="102">
        <v>0</v>
      </c>
      <c r="V38" s="102">
        <v>0</v>
      </c>
      <c r="W38" s="103">
        <v>0</v>
      </c>
      <c r="X38" s="104">
        <v>1</v>
      </c>
      <c r="Y38" s="101">
        <v>0</v>
      </c>
      <c r="Z38" s="102">
        <v>0</v>
      </c>
      <c r="AA38" s="103">
        <v>0</v>
      </c>
      <c r="AB38" s="413">
        <v>0</v>
      </c>
      <c r="AC38" s="102">
        <v>0</v>
      </c>
      <c r="AD38" s="102">
        <v>1</v>
      </c>
      <c r="AE38" s="102">
        <v>0</v>
      </c>
      <c r="AF38" s="102">
        <v>0</v>
      </c>
      <c r="AG38" s="102">
        <v>0</v>
      </c>
      <c r="AH38" s="103">
        <v>1</v>
      </c>
      <c r="AI38" s="104">
        <v>1</v>
      </c>
      <c r="AJ38" s="101">
        <v>1</v>
      </c>
      <c r="AK38" s="102">
        <v>2</v>
      </c>
      <c r="AL38" s="103">
        <v>3</v>
      </c>
      <c r="AM38" s="413">
        <v>0</v>
      </c>
      <c r="AN38" s="102">
        <v>4</v>
      </c>
      <c r="AO38" s="102">
        <v>0</v>
      </c>
      <c r="AP38" s="102">
        <v>2</v>
      </c>
      <c r="AQ38" s="102">
        <v>1</v>
      </c>
      <c r="AR38" s="102">
        <v>0</v>
      </c>
      <c r="AS38" s="103">
        <v>7</v>
      </c>
      <c r="AT38" s="104">
        <v>10</v>
      </c>
      <c r="AU38" s="101">
        <v>2</v>
      </c>
      <c r="AV38" s="102">
        <v>4</v>
      </c>
      <c r="AW38" s="103">
        <v>6</v>
      </c>
      <c r="AX38" s="413">
        <v>0</v>
      </c>
      <c r="AY38" s="102">
        <v>2</v>
      </c>
      <c r="AZ38" s="102">
        <v>3</v>
      </c>
      <c r="BA38" s="102">
        <v>0</v>
      </c>
      <c r="BB38" s="102">
        <v>0</v>
      </c>
      <c r="BC38" s="102">
        <v>1</v>
      </c>
      <c r="BD38" s="103">
        <v>6</v>
      </c>
      <c r="BE38" s="104">
        <v>12</v>
      </c>
      <c r="BF38" s="101">
        <v>4</v>
      </c>
      <c r="BG38" s="102">
        <v>1</v>
      </c>
      <c r="BH38" s="103">
        <v>5</v>
      </c>
      <c r="BI38" s="413">
        <v>0</v>
      </c>
      <c r="BJ38" s="102">
        <v>6</v>
      </c>
      <c r="BK38" s="102">
        <v>3</v>
      </c>
      <c r="BL38" s="102">
        <v>0</v>
      </c>
      <c r="BM38" s="102">
        <v>2</v>
      </c>
      <c r="BN38" s="102">
        <v>0</v>
      </c>
      <c r="BO38" s="103">
        <v>11</v>
      </c>
      <c r="BP38" s="104">
        <v>16</v>
      </c>
      <c r="BQ38" s="101">
        <v>1</v>
      </c>
      <c r="BR38" s="102">
        <v>4</v>
      </c>
      <c r="BS38" s="103">
        <v>5</v>
      </c>
      <c r="BT38" s="413">
        <v>0</v>
      </c>
      <c r="BU38" s="102">
        <v>2</v>
      </c>
      <c r="BV38" s="102">
        <v>3</v>
      </c>
      <c r="BW38" s="102">
        <v>0</v>
      </c>
      <c r="BX38" s="102">
        <v>1</v>
      </c>
      <c r="BY38" s="102">
        <v>0</v>
      </c>
      <c r="BZ38" s="103">
        <v>6</v>
      </c>
      <c r="CA38" s="104">
        <v>11</v>
      </c>
      <c r="CB38" s="101">
        <v>0</v>
      </c>
      <c r="CC38" s="102">
        <v>0</v>
      </c>
      <c r="CD38" s="103">
        <v>0</v>
      </c>
      <c r="CE38" s="413">
        <v>0</v>
      </c>
      <c r="CF38" s="102">
        <v>0</v>
      </c>
      <c r="CG38" s="102">
        <v>0</v>
      </c>
      <c r="CH38" s="102">
        <v>0</v>
      </c>
      <c r="CI38" s="102">
        <v>0</v>
      </c>
      <c r="CJ38" s="102">
        <v>0</v>
      </c>
      <c r="CK38" s="103">
        <v>0</v>
      </c>
      <c r="CL38" s="104">
        <v>0</v>
      </c>
      <c r="CM38" s="101">
        <v>8</v>
      </c>
      <c r="CN38" s="102">
        <v>12</v>
      </c>
      <c r="CO38" s="103">
        <v>20</v>
      </c>
      <c r="CP38" s="413">
        <v>0</v>
      </c>
      <c r="CQ38" s="102">
        <v>14</v>
      </c>
      <c r="CR38" s="102">
        <v>10</v>
      </c>
      <c r="CS38" s="102">
        <v>2</v>
      </c>
      <c r="CT38" s="102">
        <v>4</v>
      </c>
      <c r="CU38" s="102">
        <v>1</v>
      </c>
      <c r="CV38" s="103">
        <v>31</v>
      </c>
      <c r="CW38" s="104">
        <v>51</v>
      </c>
      <c r="CX38" s="105">
        <v>5</v>
      </c>
      <c r="CY38" s="97">
        <v>3</v>
      </c>
      <c r="CZ38" s="98">
        <v>8</v>
      </c>
      <c r="DA38" s="413">
        <v>0</v>
      </c>
      <c r="DB38" s="97">
        <v>8</v>
      </c>
      <c r="DC38" s="97">
        <v>6</v>
      </c>
      <c r="DD38" s="97">
        <v>4</v>
      </c>
      <c r="DE38" s="97">
        <v>2</v>
      </c>
      <c r="DF38" s="97">
        <v>2</v>
      </c>
      <c r="DG38" s="99">
        <v>22</v>
      </c>
      <c r="DH38" s="100">
        <v>30</v>
      </c>
      <c r="DI38" s="101">
        <v>0</v>
      </c>
      <c r="DJ38" s="102">
        <v>0</v>
      </c>
      <c r="DK38" s="103">
        <v>0</v>
      </c>
      <c r="DL38" s="413">
        <v>0</v>
      </c>
      <c r="DM38" s="102">
        <v>0</v>
      </c>
      <c r="DN38" s="102">
        <v>1</v>
      </c>
      <c r="DO38" s="102">
        <v>0</v>
      </c>
      <c r="DP38" s="102">
        <v>0</v>
      </c>
      <c r="DQ38" s="102">
        <v>0</v>
      </c>
      <c r="DR38" s="103">
        <v>1</v>
      </c>
      <c r="DS38" s="104">
        <v>1</v>
      </c>
      <c r="DT38" s="101">
        <v>1</v>
      </c>
      <c r="DU38" s="102">
        <v>1</v>
      </c>
      <c r="DV38" s="103">
        <v>2</v>
      </c>
      <c r="DW38" s="413">
        <v>0</v>
      </c>
      <c r="DX38" s="102">
        <v>0</v>
      </c>
      <c r="DY38" s="102">
        <v>1</v>
      </c>
      <c r="DZ38" s="102">
        <v>0</v>
      </c>
      <c r="EA38" s="102">
        <v>0</v>
      </c>
      <c r="EB38" s="102">
        <v>0</v>
      </c>
      <c r="EC38" s="103">
        <v>1</v>
      </c>
      <c r="ED38" s="104">
        <v>3</v>
      </c>
      <c r="EE38" s="101">
        <v>1</v>
      </c>
      <c r="EF38" s="102">
        <v>0</v>
      </c>
      <c r="EG38" s="103">
        <v>1</v>
      </c>
      <c r="EH38" s="413">
        <v>0</v>
      </c>
      <c r="EI38" s="102">
        <v>0</v>
      </c>
      <c r="EJ38" s="102">
        <v>1</v>
      </c>
      <c r="EK38" s="102">
        <v>0</v>
      </c>
      <c r="EL38" s="102">
        <v>0</v>
      </c>
      <c r="EM38" s="102">
        <v>1</v>
      </c>
      <c r="EN38" s="103">
        <v>2</v>
      </c>
      <c r="EO38" s="104">
        <v>3</v>
      </c>
      <c r="EP38" s="101">
        <v>2</v>
      </c>
      <c r="EQ38" s="102">
        <v>1</v>
      </c>
      <c r="ER38" s="103">
        <v>3</v>
      </c>
      <c r="ES38" s="413">
        <v>0</v>
      </c>
      <c r="ET38" s="102">
        <v>1</v>
      </c>
      <c r="EU38" s="102">
        <v>0</v>
      </c>
      <c r="EV38" s="102">
        <v>2</v>
      </c>
      <c r="EW38" s="102">
        <v>1</v>
      </c>
      <c r="EX38" s="102">
        <v>0</v>
      </c>
      <c r="EY38" s="103">
        <v>4</v>
      </c>
      <c r="EZ38" s="104">
        <v>7</v>
      </c>
      <c r="FA38" s="101">
        <v>0</v>
      </c>
      <c r="FB38" s="102">
        <v>1</v>
      </c>
      <c r="FC38" s="103">
        <v>1</v>
      </c>
      <c r="FD38" s="413">
        <v>0</v>
      </c>
      <c r="FE38" s="102">
        <v>4</v>
      </c>
      <c r="FF38" s="102">
        <v>1</v>
      </c>
      <c r="FG38" s="102">
        <v>0</v>
      </c>
      <c r="FH38" s="102">
        <v>0</v>
      </c>
      <c r="FI38" s="102">
        <v>0</v>
      </c>
      <c r="FJ38" s="103">
        <v>5</v>
      </c>
      <c r="FK38" s="104">
        <v>6</v>
      </c>
      <c r="FL38" s="101">
        <v>1</v>
      </c>
      <c r="FM38" s="102">
        <v>0</v>
      </c>
      <c r="FN38" s="103">
        <v>1</v>
      </c>
      <c r="FO38" s="413">
        <v>0</v>
      </c>
      <c r="FP38" s="102">
        <v>3</v>
      </c>
      <c r="FQ38" s="102">
        <v>2</v>
      </c>
      <c r="FR38" s="102">
        <v>2</v>
      </c>
      <c r="FS38" s="102">
        <v>1</v>
      </c>
      <c r="FT38" s="102">
        <v>1</v>
      </c>
      <c r="FU38" s="103">
        <v>9</v>
      </c>
      <c r="FV38" s="104">
        <v>10</v>
      </c>
      <c r="FW38" s="101">
        <v>0</v>
      </c>
      <c r="FX38" s="102">
        <v>0</v>
      </c>
      <c r="FY38" s="103">
        <v>0</v>
      </c>
      <c r="FZ38" s="413">
        <v>0</v>
      </c>
      <c r="GA38" s="102">
        <v>0</v>
      </c>
      <c r="GB38" s="102">
        <v>0</v>
      </c>
      <c r="GC38" s="102">
        <v>0</v>
      </c>
      <c r="GD38" s="102">
        <v>0</v>
      </c>
      <c r="GE38" s="102">
        <v>0</v>
      </c>
      <c r="GF38" s="103">
        <v>0</v>
      </c>
      <c r="GG38" s="104">
        <v>0</v>
      </c>
      <c r="GH38" s="101">
        <v>5</v>
      </c>
      <c r="GI38" s="102">
        <v>3</v>
      </c>
      <c r="GJ38" s="103">
        <v>8</v>
      </c>
      <c r="GK38" s="413">
        <v>0</v>
      </c>
      <c r="GL38" s="102">
        <v>8</v>
      </c>
      <c r="GM38" s="102">
        <v>6</v>
      </c>
      <c r="GN38" s="102">
        <v>4</v>
      </c>
      <c r="GO38" s="102">
        <v>2</v>
      </c>
      <c r="GP38" s="102">
        <v>2</v>
      </c>
      <c r="GQ38" s="103">
        <v>22</v>
      </c>
      <c r="GR38" s="104">
        <v>30</v>
      </c>
      <c r="GS38" s="105">
        <v>13</v>
      </c>
      <c r="GT38" s="97">
        <v>15</v>
      </c>
      <c r="GU38" s="98">
        <v>28</v>
      </c>
      <c r="GV38" s="413">
        <v>0</v>
      </c>
      <c r="GW38" s="97">
        <v>22</v>
      </c>
      <c r="GX38" s="97">
        <v>16</v>
      </c>
      <c r="GY38" s="97">
        <v>6</v>
      </c>
      <c r="GZ38" s="97">
        <v>6</v>
      </c>
      <c r="HA38" s="97">
        <v>3</v>
      </c>
      <c r="HB38" s="99">
        <v>53</v>
      </c>
      <c r="HC38" s="100">
        <v>81</v>
      </c>
      <c r="HD38" s="101">
        <v>0</v>
      </c>
      <c r="HE38" s="102">
        <v>1</v>
      </c>
      <c r="HF38" s="103">
        <v>1</v>
      </c>
      <c r="HG38" s="413">
        <v>0</v>
      </c>
      <c r="HH38" s="102">
        <v>0</v>
      </c>
      <c r="HI38" s="102">
        <v>1</v>
      </c>
      <c r="HJ38" s="102">
        <v>0</v>
      </c>
      <c r="HK38" s="102">
        <v>0</v>
      </c>
      <c r="HL38" s="102">
        <v>0</v>
      </c>
      <c r="HM38" s="103">
        <v>1</v>
      </c>
      <c r="HN38" s="104">
        <v>2</v>
      </c>
      <c r="HO38" s="101">
        <v>1</v>
      </c>
      <c r="HP38" s="102">
        <v>1</v>
      </c>
      <c r="HQ38" s="103">
        <v>2</v>
      </c>
      <c r="HR38" s="413">
        <v>0</v>
      </c>
      <c r="HS38" s="102">
        <v>0</v>
      </c>
      <c r="HT38" s="102">
        <v>2</v>
      </c>
      <c r="HU38" s="102">
        <v>0</v>
      </c>
      <c r="HV38" s="102">
        <v>0</v>
      </c>
      <c r="HW38" s="102">
        <v>0</v>
      </c>
      <c r="HX38" s="103">
        <v>2</v>
      </c>
      <c r="HY38" s="104">
        <v>4</v>
      </c>
      <c r="HZ38" s="101">
        <v>2</v>
      </c>
      <c r="IA38" s="102">
        <v>2</v>
      </c>
      <c r="IB38" s="103">
        <v>4</v>
      </c>
      <c r="IC38" s="413">
        <v>0</v>
      </c>
      <c r="ID38" s="102">
        <v>4</v>
      </c>
      <c r="IE38" s="102">
        <v>1</v>
      </c>
      <c r="IF38" s="102">
        <v>2</v>
      </c>
      <c r="IG38" s="102">
        <v>1</v>
      </c>
      <c r="IH38" s="102">
        <v>1</v>
      </c>
      <c r="II38" s="103">
        <v>9</v>
      </c>
      <c r="IJ38" s="104">
        <v>13</v>
      </c>
      <c r="IK38" s="101">
        <v>4</v>
      </c>
      <c r="IL38" s="102">
        <v>5</v>
      </c>
      <c r="IM38" s="103">
        <v>9</v>
      </c>
      <c r="IN38" s="413">
        <v>0</v>
      </c>
      <c r="IO38" s="102">
        <v>3</v>
      </c>
      <c r="IP38" s="102">
        <v>3</v>
      </c>
      <c r="IQ38" s="102">
        <v>2</v>
      </c>
      <c r="IR38" s="102">
        <v>1</v>
      </c>
      <c r="IS38" s="102">
        <v>1</v>
      </c>
      <c r="IT38" s="103">
        <v>10</v>
      </c>
      <c r="IU38" s="104">
        <v>19</v>
      </c>
      <c r="IV38" s="101">
        <v>4</v>
      </c>
      <c r="IW38" s="102">
        <v>2</v>
      </c>
      <c r="IX38" s="103">
        <v>6</v>
      </c>
      <c r="IY38" s="413">
        <v>0</v>
      </c>
      <c r="IZ38" s="102">
        <v>10</v>
      </c>
      <c r="JA38" s="102">
        <v>4</v>
      </c>
      <c r="JB38" s="102">
        <v>0</v>
      </c>
      <c r="JC38" s="102">
        <v>2</v>
      </c>
      <c r="JD38" s="102">
        <v>0</v>
      </c>
      <c r="JE38" s="103">
        <v>16</v>
      </c>
      <c r="JF38" s="104">
        <v>22</v>
      </c>
      <c r="JG38" s="101">
        <v>2</v>
      </c>
      <c r="JH38" s="102">
        <v>4</v>
      </c>
      <c r="JI38" s="103">
        <v>6</v>
      </c>
      <c r="JJ38" s="413">
        <v>0</v>
      </c>
      <c r="JK38" s="102">
        <v>5</v>
      </c>
      <c r="JL38" s="102">
        <v>5</v>
      </c>
      <c r="JM38" s="102">
        <v>2</v>
      </c>
      <c r="JN38" s="102">
        <v>2</v>
      </c>
      <c r="JO38" s="102">
        <v>1</v>
      </c>
      <c r="JP38" s="103">
        <v>15</v>
      </c>
      <c r="JQ38" s="104">
        <v>21</v>
      </c>
      <c r="JR38" s="101">
        <v>0</v>
      </c>
      <c r="JS38" s="102">
        <v>0</v>
      </c>
      <c r="JT38" s="103">
        <v>0</v>
      </c>
      <c r="JU38" s="413">
        <v>0</v>
      </c>
      <c r="JV38" s="102">
        <v>0</v>
      </c>
      <c r="JW38" s="102">
        <v>0</v>
      </c>
      <c r="JX38" s="102">
        <v>0</v>
      </c>
      <c r="JY38" s="102">
        <v>0</v>
      </c>
      <c r="JZ38" s="102">
        <v>0</v>
      </c>
      <c r="KA38" s="103">
        <v>0</v>
      </c>
      <c r="KB38" s="104">
        <v>0</v>
      </c>
      <c r="KC38" s="101">
        <v>13</v>
      </c>
      <c r="KD38" s="102">
        <v>15</v>
      </c>
      <c r="KE38" s="103">
        <v>28</v>
      </c>
      <c r="KF38" s="413">
        <v>0</v>
      </c>
      <c r="KG38" s="102">
        <v>22</v>
      </c>
      <c r="KH38" s="102">
        <v>16</v>
      </c>
      <c r="KI38" s="102">
        <v>6</v>
      </c>
      <c r="KJ38" s="102">
        <v>6</v>
      </c>
      <c r="KK38" s="102">
        <v>3</v>
      </c>
      <c r="KL38" s="103">
        <v>53</v>
      </c>
      <c r="KM38" s="104">
        <v>81</v>
      </c>
    </row>
    <row r="39" spans="2:299" s="70" customFormat="1" ht="21" customHeight="1" x14ac:dyDescent="0.2">
      <c r="B39" s="106" t="s">
        <v>36</v>
      </c>
      <c r="C39" s="96">
        <v>4</v>
      </c>
      <c r="D39" s="97">
        <v>7</v>
      </c>
      <c r="E39" s="98">
        <v>11</v>
      </c>
      <c r="F39" s="413">
        <v>0</v>
      </c>
      <c r="G39" s="97">
        <v>15</v>
      </c>
      <c r="H39" s="97">
        <v>8</v>
      </c>
      <c r="I39" s="97">
        <v>3</v>
      </c>
      <c r="J39" s="97">
        <v>5</v>
      </c>
      <c r="K39" s="97">
        <v>1</v>
      </c>
      <c r="L39" s="99">
        <v>32</v>
      </c>
      <c r="M39" s="100">
        <v>43</v>
      </c>
      <c r="N39" s="101">
        <v>0</v>
      </c>
      <c r="O39" s="102">
        <v>1</v>
      </c>
      <c r="P39" s="103">
        <v>1</v>
      </c>
      <c r="Q39" s="413">
        <v>0</v>
      </c>
      <c r="R39" s="102">
        <v>1</v>
      </c>
      <c r="S39" s="102">
        <v>1</v>
      </c>
      <c r="T39" s="102">
        <v>1</v>
      </c>
      <c r="U39" s="102">
        <v>0</v>
      </c>
      <c r="V39" s="102">
        <v>0</v>
      </c>
      <c r="W39" s="103">
        <v>3</v>
      </c>
      <c r="X39" s="104">
        <v>4</v>
      </c>
      <c r="Y39" s="101">
        <v>0</v>
      </c>
      <c r="Z39" s="102">
        <v>0</v>
      </c>
      <c r="AA39" s="103">
        <v>0</v>
      </c>
      <c r="AB39" s="413">
        <v>0</v>
      </c>
      <c r="AC39" s="102">
        <v>2</v>
      </c>
      <c r="AD39" s="102">
        <v>2</v>
      </c>
      <c r="AE39" s="102">
        <v>1</v>
      </c>
      <c r="AF39" s="102">
        <v>1</v>
      </c>
      <c r="AG39" s="102">
        <v>0</v>
      </c>
      <c r="AH39" s="103">
        <v>6</v>
      </c>
      <c r="AI39" s="104">
        <v>6</v>
      </c>
      <c r="AJ39" s="101">
        <v>2</v>
      </c>
      <c r="AK39" s="102">
        <v>0</v>
      </c>
      <c r="AL39" s="103">
        <v>2</v>
      </c>
      <c r="AM39" s="413">
        <v>0</v>
      </c>
      <c r="AN39" s="102">
        <v>2</v>
      </c>
      <c r="AO39" s="102">
        <v>1</v>
      </c>
      <c r="AP39" s="102">
        <v>0</v>
      </c>
      <c r="AQ39" s="102">
        <v>0</v>
      </c>
      <c r="AR39" s="102">
        <v>0</v>
      </c>
      <c r="AS39" s="103">
        <v>3</v>
      </c>
      <c r="AT39" s="104">
        <v>5</v>
      </c>
      <c r="AU39" s="101">
        <v>1</v>
      </c>
      <c r="AV39" s="102">
        <v>2</v>
      </c>
      <c r="AW39" s="103">
        <v>3</v>
      </c>
      <c r="AX39" s="413">
        <v>0</v>
      </c>
      <c r="AY39" s="102">
        <v>3</v>
      </c>
      <c r="AZ39" s="102">
        <v>1</v>
      </c>
      <c r="BA39" s="102">
        <v>0</v>
      </c>
      <c r="BB39" s="102">
        <v>1</v>
      </c>
      <c r="BC39" s="102">
        <v>0</v>
      </c>
      <c r="BD39" s="103">
        <v>5</v>
      </c>
      <c r="BE39" s="104">
        <v>8</v>
      </c>
      <c r="BF39" s="101">
        <v>1</v>
      </c>
      <c r="BG39" s="102">
        <v>1</v>
      </c>
      <c r="BH39" s="103">
        <v>2</v>
      </c>
      <c r="BI39" s="413">
        <v>0</v>
      </c>
      <c r="BJ39" s="102">
        <v>4</v>
      </c>
      <c r="BK39" s="102">
        <v>2</v>
      </c>
      <c r="BL39" s="102">
        <v>1</v>
      </c>
      <c r="BM39" s="102">
        <v>1</v>
      </c>
      <c r="BN39" s="102">
        <v>0</v>
      </c>
      <c r="BO39" s="103">
        <v>8</v>
      </c>
      <c r="BP39" s="104">
        <v>10</v>
      </c>
      <c r="BQ39" s="101">
        <v>0</v>
      </c>
      <c r="BR39" s="102">
        <v>3</v>
      </c>
      <c r="BS39" s="103">
        <v>3</v>
      </c>
      <c r="BT39" s="413">
        <v>0</v>
      </c>
      <c r="BU39" s="102">
        <v>3</v>
      </c>
      <c r="BV39" s="102">
        <v>1</v>
      </c>
      <c r="BW39" s="102">
        <v>0</v>
      </c>
      <c r="BX39" s="102">
        <v>2</v>
      </c>
      <c r="BY39" s="102">
        <v>1</v>
      </c>
      <c r="BZ39" s="103">
        <v>7</v>
      </c>
      <c r="CA39" s="104">
        <v>10</v>
      </c>
      <c r="CB39" s="101">
        <v>0</v>
      </c>
      <c r="CC39" s="102">
        <v>0</v>
      </c>
      <c r="CD39" s="103">
        <v>0</v>
      </c>
      <c r="CE39" s="413">
        <v>0</v>
      </c>
      <c r="CF39" s="102">
        <v>0</v>
      </c>
      <c r="CG39" s="102">
        <v>0</v>
      </c>
      <c r="CH39" s="102">
        <v>0</v>
      </c>
      <c r="CI39" s="102">
        <v>0</v>
      </c>
      <c r="CJ39" s="102">
        <v>0</v>
      </c>
      <c r="CK39" s="103">
        <v>0</v>
      </c>
      <c r="CL39" s="104">
        <v>0</v>
      </c>
      <c r="CM39" s="101">
        <v>4</v>
      </c>
      <c r="CN39" s="102">
        <v>7</v>
      </c>
      <c r="CO39" s="103">
        <v>11</v>
      </c>
      <c r="CP39" s="413">
        <v>0</v>
      </c>
      <c r="CQ39" s="102">
        <v>15</v>
      </c>
      <c r="CR39" s="102">
        <v>8</v>
      </c>
      <c r="CS39" s="102">
        <v>3</v>
      </c>
      <c r="CT39" s="102">
        <v>5</v>
      </c>
      <c r="CU39" s="102">
        <v>1</v>
      </c>
      <c r="CV39" s="103">
        <v>32</v>
      </c>
      <c r="CW39" s="104">
        <v>43</v>
      </c>
      <c r="CX39" s="105">
        <v>3</v>
      </c>
      <c r="CY39" s="97">
        <v>3</v>
      </c>
      <c r="CZ39" s="98">
        <v>6</v>
      </c>
      <c r="DA39" s="413">
        <v>0</v>
      </c>
      <c r="DB39" s="97">
        <v>7</v>
      </c>
      <c r="DC39" s="97">
        <v>5</v>
      </c>
      <c r="DD39" s="97">
        <v>2</v>
      </c>
      <c r="DE39" s="97">
        <v>3</v>
      </c>
      <c r="DF39" s="97">
        <v>2</v>
      </c>
      <c r="DG39" s="99">
        <v>19</v>
      </c>
      <c r="DH39" s="100">
        <v>25</v>
      </c>
      <c r="DI39" s="101">
        <v>0</v>
      </c>
      <c r="DJ39" s="102">
        <v>0</v>
      </c>
      <c r="DK39" s="103">
        <v>0</v>
      </c>
      <c r="DL39" s="413">
        <v>0</v>
      </c>
      <c r="DM39" s="102">
        <v>0</v>
      </c>
      <c r="DN39" s="102">
        <v>0</v>
      </c>
      <c r="DO39" s="102">
        <v>0</v>
      </c>
      <c r="DP39" s="102">
        <v>0</v>
      </c>
      <c r="DQ39" s="102">
        <v>0</v>
      </c>
      <c r="DR39" s="103">
        <v>0</v>
      </c>
      <c r="DS39" s="104">
        <v>0</v>
      </c>
      <c r="DT39" s="101">
        <v>0</v>
      </c>
      <c r="DU39" s="102">
        <v>0</v>
      </c>
      <c r="DV39" s="103">
        <v>0</v>
      </c>
      <c r="DW39" s="413">
        <v>0</v>
      </c>
      <c r="DX39" s="102">
        <v>1</v>
      </c>
      <c r="DY39" s="102">
        <v>0</v>
      </c>
      <c r="DZ39" s="102">
        <v>0</v>
      </c>
      <c r="EA39" s="102">
        <v>0</v>
      </c>
      <c r="EB39" s="102">
        <v>0</v>
      </c>
      <c r="EC39" s="103">
        <v>1</v>
      </c>
      <c r="ED39" s="104">
        <v>1</v>
      </c>
      <c r="EE39" s="101">
        <v>0</v>
      </c>
      <c r="EF39" s="102">
        <v>1</v>
      </c>
      <c r="EG39" s="103">
        <v>1</v>
      </c>
      <c r="EH39" s="413">
        <v>0</v>
      </c>
      <c r="EI39" s="102">
        <v>0</v>
      </c>
      <c r="EJ39" s="102">
        <v>0</v>
      </c>
      <c r="EK39" s="102">
        <v>0</v>
      </c>
      <c r="EL39" s="102">
        <v>0</v>
      </c>
      <c r="EM39" s="102">
        <v>0</v>
      </c>
      <c r="EN39" s="103">
        <v>0</v>
      </c>
      <c r="EO39" s="104">
        <v>1</v>
      </c>
      <c r="EP39" s="101">
        <v>0</v>
      </c>
      <c r="EQ39" s="102">
        <v>0</v>
      </c>
      <c r="ER39" s="103">
        <v>0</v>
      </c>
      <c r="ES39" s="413">
        <v>0</v>
      </c>
      <c r="ET39" s="102">
        <v>1</v>
      </c>
      <c r="EU39" s="102">
        <v>0</v>
      </c>
      <c r="EV39" s="102">
        <v>0</v>
      </c>
      <c r="EW39" s="102">
        <v>0</v>
      </c>
      <c r="EX39" s="102">
        <v>0</v>
      </c>
      <c r="EY39" s="103">
        <v>1</v>
      </c>
      <c r="EZ39" s="104">
        <v>1</v>
      </c>
      <c r="FA39" s="101">
        <v>2</v>
      </c>
      <c r="FB39" s="102">
        <v>2</v>
      </c>
      <c r="FC39" s="103">
        <v>4</v>
      </c>
      <c r="FD39" s="413">
        <v>0</v>
      </c>
      <c r="FE39" s="102">
        <v>2</v>
      </c>
      <c r="FF39" s="102">
        <v>2</v>
      </c>
      <c r="FG39" s="102">
        <v>1</v>
      </c>
      <c r="FH39" s="102">
        <v>1</v>
      </c>
      <c r="FI39" s="102">
        <v>0</v>
      </c>
      <c r="FJ39" s="103">
        <v>6</v>
      </c>
      <c r="FK39" s="104">
        <v>10</v>
      </c>
      <c r="FL39" s="101">
        <v>1</v>
      </c>
      <c r="FM39" s="102">
        <v>0</v>
      </c>
      <c r="FN39" s="103">
        <v>1</v>
      </c>
      <c r="FO39" s="413">
        <v>0</v>
      </c>
      <c r="FP39" s="102">
        <v>3</v>
      </c>
      <c r="FQ39" s="102">
        <v>3</v>
      </c>
      <c r="FR39" s="102">
        <v>1</v>
      </c>
      <c r="FS39" s="102">
        <v>2</v>
      </c>
      <c r="FT39" s="102">
        <v>2</v>
      </c>
      <c r="FU39" s="103">
        <v>11</v>
      </c>
      <c r="FV39" s="104">
        <v>12</v>
      </c>
      <c r="FW39" s="101">
        <v>0</v>
      </c>
      <c r="FX39" s="102">
        <v>0</v>
      </c>
      <c r="FY39" s="103">
        <v>0</v>
      </c>
      <c r="FZ39" s="413">
        <v>0</v>
      </c>
      <c r="GA39" s="102">
        <v>0</v>
      </c>
      <c r="GB39" s="102">
        <v>0</v>
      </c>
      <c r="GC39" s="102">
        <v>0</v>
      </c>
      <c r="GD39" s="102">
        <v>0</v>
      </c>
      <c r="GE39" s="102">
        <v>0</v>
      </c>
      <c r="GF39" s="103">
        <v>0</v>
      </c>
      <c r="GG39" s="104">
        <v>0</v>
      </c>
      <c r="GH39" s="101">
        <v>3</v>
      </c>
      <c r="GI39" s="102">
        <v>3</v>
      </c>
      <c r="GJ39" s="103">
        <v>6</v>
      </c>
      <c r="GK39" s="413">
        <v>0</v>
      </c>
      <c r="GL39" s="102">
        <v>7</v>
      </c>
      <c r="GM39" s="102">
        <v>5</v>
      </c>
      <c r="GN39" s="102">
        <v>2</v>
      </c>
      <c r="GO39" s="102">
        <v>3</v>
      </c>
      <c r="GP39" s="102">
        <v>2</v>
      </c>
      <c r="GQ39" s="103">
        <v>19</v>
      </c>
      <c r="GR39" s="104">
        <v>25</v>
      </c>
      <c r="GS39" s="105">
        <v>7</v>
      </c>
      <c r="GT39" s="97">
        <v>10</v>
      </c>
      <c r="GU39" s="98">
        <v>17</v>
      </c>
      <c r="GV39" s="413">
        <v>0</v>
      </c>
      <c r="GW39" s="97">
        <v>22</v>
      </c>
      <c r="GX39" s="97">
        <v>13</v>
      </c>
      <c r="GY39" s="97">
        <v>5</v>
      </c>
      <c r="GZ39" s="97">
        <v>8</v>
      </c>
      <c r="HA39" s="97">
        <v>3</v>
      </c>
      <c r="HB39" s="99">
        <v>51</v>
      </c>
      <c r="HC39" s="100">
        <v>68</v>
      </c>
      <c r="HD39" s="101">
        <v>0</v>
      </c>
      <c r="HE39" s="102">
        <v>1</v>
      </c>
      <c r="HF39" s="103">
        <v>1</v>
      </c>
      <c r="HG39" s="413">
        <v>0</v>
      </c>
      <c r="HH39" s="102">
        <v>1</v>
      </c>
      <c r="HI39" s="102">
        <v>1</v>
      </c>
      <c r="HJ39" s="102">
        <v>1</v>
      </c>
      <c r="HK39" s="102">
        <v>0</v>
      </c>
      <c r="HL39" s="102">
        <v>0</v>
      </c>
      <c r="HM39" s="103">
        <v>3</v>
      </c>
      <c r="HN39" s="104">
        <v>4</v>
      </c>
      <c r="HO39" s="101">
        <v>0</v>
      </c>
      <c r="HP39" s="102">
        <v>0</v>
      </c>
      <c r="HQ39" s="103">
        <v>0</v>
      </c>
      <c r="HR39" s="413">
        <v>0</v>
      </c>
      <c r="HS39" s="102">
        <v>3</v>
      </c>
      <c r="HT39" s="102">
        <v>2</v>
      </c>
      <c r="HU39" s="102">
        <v>1</v>
      </c>
      <c r="HV39" s="102">
        <v>1</v>
      </c>
      <c r="HW39" s="102">
        <v>0</v>
      </c>
      <c r="HX39" s="103">
        <v>7</v>
      </c>
      <c r="HY39" s="104">
        <v>7</v>
      </c>
      <c r="HZ39" s="101">
        <v>2</v>
      </c>
      <c r="IA39" s="102">
        <v>1</v>
      </c>
      <c r="IB39" s="103">
        <v>3</v>
      </c>
      <c r="IC39" s="413">
        <v>0</v>
      </c>
      <c r="ID39" s="102">
        <v>2</v>
      </c>
      <c r="IE39" s="102">
        <v>1</v>
      </c>
      <c r="IF39" s="102">
        <v>0</v>
      </c>
      <c r="IG39" s="102">
        <v>0</v>
      </c>
      <c r="IH39" s="102">
        <v>0</v>
      </c>
      <c r="II39" s="103">
        <v>3</v>
      </c>
      <c r="IJ39" s="104">
        <v>6</v>
      </c>
      <c r="IK39" s="101">
        <v>1</v>
      </c>
      <c r="IL39" s="102">
        <v>2</v>
      </c>
      <c r="IM39" s="103">
        <v>3</v>
      </c>
      <c r="IN39" s="413">
        <v>0</v>
      </c>
      <c r="IO39" s="102">
        <v>4</v>
      </c>
      <c r="IP39" s="102">
        <v>1</v>
      </c>
      <c r="IQ39" s="102">
        <v>0</v>
      </c>
      <c r="IR39" s="102">
        <v>1</v>
      </c>
      <c r="IS39" s="102">
        <v>0</v>
      </c>
      <c r="IT39" s="103">
        <v>6</v>
      </c>
      <c r="IU39" s="104">
        <v>9</v>
      </c>
      <c r="IV39" s="101">
        <v>3</v>
      </c>
      <c r="IW39" s="102">
        <v>3</v>
      </c>
      <c r="IX39" s="103">
        <v>6</v>
      </c>
      <c r="IY39" s="413">
        <v>0</v>
      </c>
      <c r="IZ39" s="102">
        <v>6</v>
      </c>
      <c r="JA39" s="102">
        <v>4</v>
      </c>
      <c r="JB39" s="102">
        <v>2</v>
      </c>
      <c r="JC39" s="102">
        <v>2</v>
      </c>
      <c r="JD39" s="102">
        <v>0</v>
      </c>
      <c r="JE39" s="103">
        <v>14</v>
      </c>
      <c r="JF39" s="104">
        <v>20</v>
      </c>
      <c r="JG39" s="101">
        <v>1</v>
      </c>
      <c r="JH39" s="102">
        <v>3</v>
      </c>
      <c r="JI39" s="103">
        <v>4</v>
      </c>
      <c r="JJ39" s="413">
        <v>0</v>
      </c>
      <c r="JK39" s="102">
        <v>6</v>
      </c>
      <c r="JL39" s="102">
        <v>4</v>
      </c>
      <c r="JM39" s="102">
        <v>1</v>
      </c>
      <c r="JN39" s="102">
        <v>4</v>
      </c>
      <c r="JO39" s="102">
        <v>3</v>
      </c>
      <c r="JP39" s="103">
        <v>18</v>
      </c>
      <c r="JQ39" s="104">
        <v>22</v>
      </c>
      <c r="JR39" s="101">
        <v>0</v>
      </c>
      <c r="JS39" s="102">
        <v>0</v>
      </c>
      <c r="JT39" s="103">
        <v>0</v>
      </c>
      <c r="JU39" s="413">
        <v>0</v>
      </c>
      <c r="JV39" s="102">
        <v>0</v>
      </c>
      <c r="JW39" s="102">
        <v>0</v>
      </c>
      <c r="JX39" s="102">
        <v>0</v>
      </c>
      <c r="JY39" s="102">
        <v>0</v>
      </c>
      <c r="JZ39" s="102">
        <v>0</v>
      </c>
      <c r="KA39" s="103">
        <v>0</v>
      </c>
      <c r="KB39" s="104">
        <v>0</v>
      </c>
      <c r="KC39" s="101">
        <v>7</v>
      </c>
      <c r="KD39" s="102">
        <v>10</v>
      </c>
      <c r="KE39" s="103">
        <v>17</v>
      </c>
      <c r="KF39" s="413">
        <v>0</v>
      </c>
      <c r="KG39" s="102">
        <v>22</v>
      </c>
      <c r="KH39" s="102">
        <v>13</v>
      </c>
      <c r="KI39" s="102">
        <v>5</v>
      </c>
      <c r="KJ39" s="102">
        <v>8</v>
      </c>
      <c r="KK39" s="102">
        <v>3</v>
      </c>
      <c r="KL39" s="103">
        <v>51</v>
      </c>
      <c r="KM39" s="104">
        <v>68</v>
      </c>
    </row>
    <row r="40" spans="2:299" s="70" customFormat="1" ht="21" customHeight="1" thickBot="1" x14ac:dyDescent="0.25">
      <c r="B40" s="108" t="s">
        <v>37</v>
      </c>
      <c r="C40" s="109">
        <v>0</v>
      </c>
      <c r="D40" s="110">
        <v>0</v>
      </c>
      <c r="E40" s="111">
        <v>0</v>
      </c>
      <c r="F40" s="414">
        <v>0</v>
      </c>
      <c r="G40" s="110">
        <v>0</v>
      </c>
      <c r="H40" s="110">
        <v>2</v>
      </c>
      <c r="I40" s="110">
        <v>0</v>
      </c>
      <c r="J40" s="110">
        <v>0</v>
      </c>
      <c r="K40" s="110">
        <v>0</v>
      </c>
      <c r="L40" s="112">
        <v>2</v>
      </c>
      <c r="M40" s="113">
        <v>2</v>
      </c>
      <c r="N40" s="114">
        <v>0</v>
      </c>
      <c r="O40" s="115">
        <v>0</v>
      </c>
      <c r="P40" s="116">
        <v>0</v>
      </c>
      <c r="Q40" s="414">
        <v>0</v>
      </c>
      <c r="R40" s="115">
        <v>0</v>
      </c>
      <c r="S40" s="115">
        <v>0</v>
      </c>
      <c r="T40" s="115">
        <v>0</v>
      </c>
      <c r="U40" s="115">
        <v>0</v>
      </c>
      <c r="V40" s="115">
        <v>0</v>
      </c>
      <c r="W40" s="116">
        <v>0</v>
      </c>
      <c r="X40" s="117">
        <v>0</v>
      </c>
      <c r="Y40" s="114">
        <v>0</v>
      </c>
      <c r="Z40" s="115">
        <v>0</v>
      </c>
      <c r="AA40" s="116">
        <v>0</v>
      </c>
      <c r="AB40" s="414">
        <v>0</v>
      </c>
      <c r="AC40" s="115">
        <v>0</v>
      </c>
      <c r="AD40" s="115">
        <v>0</v>
      </c>
      <c r="AE40" s="115">
        <v>0</v>
      </c>
      <c r="AF40" s="115">
        <v>0</v>
      </c>
      <c r="AG40" s="115">
        <v>0</v>
      </c>
      <c r="AH40" s="116">
        <v>0</v>
      </c>
      <c r="AI40" s="117">
        <v>0</v>
      </c>
      <c r="AJ40" s="114">
        <v>0</v>
      </c>
      <c r="AK40" s="115">
        <v>0</v>
      </c>
      <c r="AL40" s="116">
        <v>0</v>
      </c>
      <c r="AM40" s="414">
        <v>0</v>
      </c>
      <c r="AN40" s="115">
        <v>0</v>
      </c>
      <c r="AO40" s="115">
        <v>1</v>
      </c>
      <c r="AP40" s="115">
        <v>0</v>
      </c>
      <c r="AQ40" s="115">
        <v>0</v>
      </c>
      <c r="AR40" s="115">
        <v>0</v>
      </c>
      <c r="AS40" s="116">
        <v>1</v>
      </c>
      <c r="AT40" s="117">
        <v>1</v>
      </c>
      <c r="AU40" s="114">
        <v>0</v>
      </c>
      <c r="AV40" s="115">
        <v>0</v>
      </c>
      <c r="AW40" s="116">
        <v>0</v>
      </c>
      <c r="AX40" s="414">
        <v>0</v>
      </c>
      <c r="AY40" s="115">
        <v>0</v>
      </c>
      <c r="AZ40" s="115">
        <v>0</v>
      </c>
      <c r="BA40" s="115">
        <v>0</v>
      </c>
      <c r="BB40" s="115">
        <v>0</v>
      </c>
      <c r="BC40" s="115">
        <v>0</v>
      </c>
      <c r="BD40" s="116">
        <v>0</v>
      </c>
      <c r="BE40" s="117">
        <v>0</v>
      </c>
      <c r="BF40" s="114">
        <v>0</v>
      </c>
      <c r="BG40" s="115">
        <v>0</v>
      </c>
      <c r="BH40" s="116">
        <v>0</v>
      </c>
      <c r="BI40" s="414">
        <v>0</v>
      </c>
      <c r="BJ40" s="115">
        <v>0</v>
      </c>
      <c r="BK40" s="115">
        <v>1</v>
      </c>
      <c r="BL40" s="115">
        <v>0</v>
      </c>
      <c r="BM40" s="115">
        <v>0</v>
      </c>
      <c r="BN40" s="115">
        <v>0</v>
      </c>
      <c r="BO40" s="116">
        <v>1</v>
      </c>
      <c r="BP40" s="117">
        <v>1</v>
      </c>
      <c r="BQ40" s="114">
        <v>0</v>
      </c>
      <c r="BR40" s="115">
        <v>0</v>
      </c>
      <c r="BS40" s="116">
        <v>0</v>
      </c>
      <c r="BT40" s="414">
        <v>0</v>
      </c>
      <c r="BU40" s="115">
        <v>0</v>
      </c>
      <c r="BV40" s="115">
        <v>0</v>
      </c>
      <c r="BW40" s="115">
        <v>0</v>
      </c>
      <c r="BX40" s="115">
        <v>0</v>
      </c>
      <c r="BY40" s="115">
        <v>0</v>
      </c>
      <c r="BZ40" s="116">
        <v>0</v>
      </c>
      <c r="CA40" s="117">
        <v>0</v>
      </c>
      <c r="CB40" s="114">
        <v>0</v>
      </c>
      <c r="CC40" s="115">
        <v>0</v>
      </c>
      <c r="CD40" s="116">
        <v>0</v>
      </c>
      <c r="CE40" s="414">
        <v>0</v>
      </c>
      <c r="CF40" s="115">
        <v>0</v>
      </c>
      <c r="CG40" s="115">
        <v>0</v>
      </c>
      <c r="CH40" s="115">
        <v>0</v>
      </c>
      <c r="CI40" s="115">
        <v>0</v>
      </c>
      <c r="CJ40" s="115">
        <v>0</v>
      </c>
      <c r="CK40" s="116">
        <v>0</v>
      </c>
      <c r="CL40" s="117">
        <v>0</v>
      </c>
      <c r="CM40" s="114">
        <v>0</v>
      </c>
      <c r="CN40" s="115">
        <v>0</v>
      </c>
      <c r="CO40" s="116">
        <v>0</v>
      </c>
      <c r="CP40" s="414">
        <v>0</v>
      </c>
      <c r="CQ40" s="115">
        <v>0</v>
      </c>
      <c r="CR40" s="115">
        <v>2</v>
      </c>
      <c r="CS40" s="115">
        <v>0</v>
      </c>
      <c r="CT40" s="115">
        <v>0</v>
      </c>
      <c r="CU40" s="115">
        <v>0</v>
      </c>
      <c r="CV40" s="116">
        <v>2</v>
      </c>
      <c r="CW40" s="117">
        <v>2</v>
      </c>
      <c r="CX40" s="118">
        <v>0</v>
      </c>
      <c r="CY40" s="110">
        <v>0</v>
      </c>
      <c r="CZ40" s="111">
        <v>0</v>
      </c>
      <c r="DA40" s="414">
        <v>0</v>
      </c>
      <c r="DB40" s="110">
        <v>0</v>
      </c>
      <c r="DC40" s="110">
        <v>0</v>
      </c>
      <c r="DD40" s="110">
        <v>0</v>
      </c>
      <c r="DE40" s="110">
        <v>0</v>
      </c>
      <c r="DF40" s="110">
        <v>0</v>
      </c>
      <c r="DG40" s="112">
        <v>0</v>
      </c>
      <c r="DH40" s="113">
        <v>0</v>
      </c>
      <c r="DI40" s="114">
        <v>0</v>
      </c>
      <c r="DJ40" s="115">
        <v>0</v>
      </c>
      <c r="DK40" s="116">
        <v>0</v>
      </c>
      <c r="DL40" s="414">
        <v>0</v>
      </c>
      <c r="DM40" s="115">
        <v>0</v>
      </c>
      <c r="DN40" s="115">
        <v>0</v>
      </c>
      <c r="DO40" s="115">
        <v>0</v>
      </c>
      <c r="DP40" s="115">
        <v>0</v>
      </c>
      <c r="DQ40" s="115">
        <v>0</v>
      </c>
      <c r="DR40" s="116">
        <v>0</v>
      </c>
      <c r="DS40" s="117">
        <v>0</v>
      </c>
      <c r="DT40" s="114">
        <v>0</v>
      </c>
      <c r="DU40" s="115">
        <v>0</v>
      </c>
      <c r="DV40" s="116">
        <v>0</v>
      </c>
      <c r="DW40" s="414">
        <v>0</v>
      </c>
      <c r="DX40" s="115">
        <v>0</v>
      </c>
      <c r="DY40" s="115">
        <v>0</v>
      </c>
      <c r="DZ40" s="115">
        <v>0</v>
      </c>
      <c r="EA40" s="115">
        <v>0</v>
      </c>
      <c r="EB40" s="115">
        <v>0</v>
      </c>
      <c r="EC40" s="116">
        <v>0</v>
      </c>
      <c r="ED40" s="117">
        <v>0</v>
      </c>
      <c r="EE40" s="114">
        <v>0</v>
      </c>
      <c r="EF40" s="115">
        <v>0</v>
      </c>
      <c r="EG40" s="116">
        <v>0</v>
      </c>
      <c r="EH40" s="414">
        <v>0</v>
      </c>
      <c r="EI40" s="115">
        <v>0</v>
      </c>
      <c r="EJ40" s="115">
        <v>0</v>
      </c>
      <c r="EK40" s="115">
        <v>0</v>
      </c>
      <c r="EL40" s="115">
        <v>0</v>
      </c>
      <c r="EM40" s="115">
        <v>0</v>
      </c>
      <c r="EN40" s="116">
        <v>0</v>
      </c>
      <c r="EO40" s="117">
        <v>0</v>
      </c>
      <c r="EP40" s="114">
        <v>0</v>
      </c>
      <c r="EQ40" s="115">
        <v>0</v>
      </c>
      <c r="ER40" s="116">
        <v>0</v>
      </c>
      <c r="ES40" s="414">
        <v>0</v>
      </c>
      <c r="ET40" s="115">
        <v>0</v>
      </c>
      <c r="EU40" s="115">
        <v>0</v>
      </c>
      <c r="EV40" s="115">
        <v>0</v>
      </c>
      <c r="EW40" s="115">
        <v>0</v>
      </c>
      <c r="EX40" s="115">
        <v>0</v>
      </c>
      <c r="EY40" s="116">
        <v>0</v>
      </c>
      <c r="EZ40" s="117">
        <v>0</v>
      </c>
      <c r="FA40" s="114">
        <v>0</v>
      </c>
      <c r="FB40" s="115">
        <v>0</v>
      </c>
      <c r="FC40" s="116">
        <v>0</v>
      </c>
      <c r="FD40" s="414">
        <v>0</v>
      </c>
      <c r="FE40" s="115">
        <v>0</v>
      </c>
      <c r="FF40" s="115">
        <v>0</v>
      </c>
      <c r="FG40" s="115">
        <v>0</v>
      </c>
      <c r="FH40" s="115">
        <v>0</v>
      </c>
      <c r="FI40" s="115">
        <v>0</v>
      </c>
      <c r="FJ40" s="116">
        <v>0</v>
      </c>
      <c r="FK40" s="117">
        <v>0</v>
      </c>
      <c r="FL40" s="114">
        <v>0</v>
      </c>
      <c r="FM40" s="115">
        <v>0</v>
      </c>
      <c r="FN40" s="116">
        <v>0</v>
      </c>
      <c r="FO40" s="414">
        <v>0</v>
      </c>
      <c r="FP40" s="115">
        <v>0</v>
      </c>
      <c r="FQ40" s="115">
        <v>0</v>
      </c>
      <c r="FR40" s="115">
        <v>0</v>
      </c>
      <c r="FS40" s="115">
        <v>0</v>
      </c>
      <c r="FT40" s="115">
        <v>0</v>
      </c>
      <c r="FU40" s="116">
        <v>0</v>
      </c>
      <c r="FV40" s="117">
        <v>0</v>
      </c>
      <c r="FW40" s="114">
        <v>0</v>
      </c>
      <c r="FX40" s="115">
        <v>0</v>
      </c>
      <c r="FY40" s="116">
        <v>0</v>
      </c>
      <c r="FZ40" s="414">
        <v>0</v>
      </c>
      <c r="GA40" s="115">
        <v>0</v>
      </c>
      <c r="GB40" s="115">
        <v>0</v>
      </c>
      <c r="GC40" s="115">
        <v>0</v>
      </c>
      <c r="GD40" s="115">
        <v>0</v>
      </c>
      <c r="GE40" s="115">
        <v>0</v>
      </c>
      <c r="GF40" s="116">
        <v>0</v>
      </c>
      <c r="GG40" s="117">
        <v>0</v>
      </c>
      <c r="GH40" s="114">
        <v>0</v>
      </c>
      <c r="GI40" s="115">
        <v>0</v>
      </c>
      <c r="GJ40" s="116">
        <v>0</v>
      </c>
      <c r="GK40" s="414">
        <v>0</v>
      </c>
      <c r="GL40" s="115">
        <v>0</v>
      </c>
      <c r="GM40" s="115">
        <v>0</v>
      </c>
      <c r="GN40" s="115">
        <v>0</v>
      </c>
      <c r="GO40" s="115">
        <v>0</v>
      </c>
      <c r="GP40" s="115">
        <v>0</v>
      </c>
      <c r="GQ40" s="116">
        <v>0</v>
      </c>
      <c r="GR40" s="117">
        <v>0</v>
      </c>
      <c r="GS40" s="118">
        <v>0</v>
      </c>
      <c r="GT40" s="110">
        <v>0</v>
      </c>
      <c r="GU40" s="111">
        <v>0</v>
      </c>
      <c r="GV40" s="414">
        <v>0</v>
      </c>
      <c r="GW40" s="110">
        <v>0</v>
      </c>
      <c r="GX40" s="110">
        <v>2</v>
      </c>
      <c r="GY40" s="110">
        <v>0</v>
      </c>
      <c r="GZ40" s="110">
        <v>0</v>
      </c>
      <c r="HA40" s="110">
        <v>0</v>
      </c>
      <c r="HB40" s="112">
        <v>2</v>
      </c>
      <c r="HC40" s="113">
        <v>2</v>
      </c>
      <c r="HD40" s="114">
        <v>0</v>
      </c>
      <c r="HE40" s="115">
        <v>0</v>
      </c>
      <c r="HF40" s="116">
        <v>0</v>
      </c>
      <c r="HG40" s="414">
        <v>0</v>
      </c>
      <c r="HH40" s="115">
        <v>0</v>
      </c>
      <c r="HI40" s="115">
        <v>0</v>
      </c>
      <c r="HJ40" s="115">
        <v>0</v>
      </c>
      <c r="HK40" s="115">
        <v>0</v>
      </c>
      <c r="HL40" s="115">
        <v>0</v>
      </c>
      <c r="HM40" s="116">
        <v>0</v>
      </c>
      <c r="HN40" s="117">
        <v>0</v>
      </c>
      <c r="HO40" s="114">
        <v>0</v>
      </c>
      <c r="HP40" s="115">
        <v>0</v>
      </c>
      <c r="HQ40" s="116">
        <v>0</v>
      </c>
      <c r="HR40" s="414">
        <v>0</v>
      </c>
      <c r="HS40" s="115">
        <v>0</v>
      </c>
      <c r="HT40" s="115">
        <v>0</v>
      </c>
      <c r="HU40" s="115">
        <v>0</v>
      </c>
      <c r="HV40" s="115">
        <v>0</v>
      </c>
      <c r="HW40" s="115">
        <v>0</v>
      </c>
      <c r="HX40" s="116">
        <v>0</v>
      </c>
      <c r="HY40" s="117">
        <v>0</v>
      </c>
      <c r="HZ40" s="114">
        <v>0</v>
      </c>
      <c r="IA40" s="115">
        <v>0</v>
      </c>
      <c r="IB40" s="116">
        <v>0</v>
      </c>
      <c r="IC40" s="414">
        <v>0</v>
      </c>
      <c r="ID40" s="115">
        <v>0</v>
      </c>
      <c r="IE40" s="115">
        <v>1</v>
      </c>
      <c r="IF40" s="115">
        <v>0</v>
      </c>
      <c r="IG40" s="115">
        <v>0</v>
      </c>
      <c r="IH40" s="115">
        <v>0</v>
      </c>
      <c r="II40" s="116">
        <v>1</v>
      </c>
      <c r="IJ40" s="117">
        <v>1</v>
      </c>
      <c r="IK40" s="114">
        <v>0</v>
      </c>
      <c r="IL40" s="115">
        <v>0</v>
      </c>
      <c r="IM40" s="116">
        <v>0</v>
      </c>
      <c r="IN40" s="414">
        <v>0</v>
      </c>
      <c r="IO40" s="115">
        <v>0</v>
      </c>
      <c r="IP40" s="115">
        <v>0</v>
      </c>
      <c r="IQ40" s="115">
        <v>0</v>
      </c>
      <c r="IR40" s="115">
        <v>0</v>
      </c>
      <c r="IS40" s="115">
        <v>0</v>
      </c>
      <c r="IT40" s="116">
        <v>0</v>
      </c>
      <c r="IU40" s="117">
        <v>0</v>
      </c>
      <c r="IV40" s="114">
        <v>0</v>
      </c>
      <c r="IW40" s="115">
        <v>0</v>
      </c>
      <c r="IX40" s="116">
        <v>0</v>
      </c>
      <c r="IY40" s="414">
        <v>0</v>
      </c>
      <c r="IZ40" s="115">
        <v>0</v>
      </c>
      <c r="JA40" s="115">
        <v>1</v>
      </c>
      <c r="JB40" s="115">
        <v>0</v>
      </c>
      <c r="JC40" s="115">
        <v>0</v>
      </c>
      <c r="JD40" s="115">
        <v>0</v>
      </c>
      <c r="JE40" s="116">
        <v>1</v>
      </c>
      <c r="JF40" s="117">
        <v>1</v>
      </c>
      <c r="JG40" s="114">
        <v>0</v>
      </c>
      <c r="JH40" s="115">
        <v>0</v>
      </c>
      <c r="JI40" s="116">
        <v>0</v>
      </c>
      <c r="JJ40" s="414">
        <v>0</v>
      </c>
      <c r="JK40" s="115">
        <v>0</v>
      </c>
      <c r="JL40" s="115">
        <v>0</v>
      </c>
      <c r="JM40" s="115">
        <v>0</v>
      </c>
      <c r="JN40" s="115">
        <v>0</v>
      </c>
      <c r="JO40" s="115">
        <v>0</v>
      </c>
      <c r="JP40" s="116">
        <v>0</v>
      </c>
      <c r="JQ40" s="117">
        <v>0</v>
      </c>
      <c r="JR40" s="114">
        <v>0</v>
      </c>
      <c r="JS40" s="115">
        <v>0</v>
      </c>
      <c r="JT40" s="116">
        <v>0</v>
      </c>
      <c r="JU40" s="414">
        <v>0</v>
      </c>
      <c r="JV40" s="115">
        <v>0</v>
      </c>
      <c r="JW40" s="115">
        <v>0</v>
      </c>
      <c r="JX40" s="115">
        <v>0</v>
      </c>
      <c r="JY40" s="115">
        <v>0</v>
      </c>
      <c r="JZ40" s="115">
        <v>0</v>
      </c>
      <c r="KA40" s="116">
        <v>0</v>
      </c>
      <c r="KB40" s="117">
        <v>0</v>
      </c>
      <c r="KC40" s="114">
        <v>0</v>
      </c>
      <c r="KD40" s="115">
        <v>0</v>
      </c>
      <c r="KE40" s="116">
        <v>0</v>
      </c>
      <c r="KF40" s="414">
        <v>0</v>
      </c>
      <c r="KG40" s="115">
        <v>0</v>
      </c>
      <c r="KH40" s="115">
        <v>2</v>
      </c>
      <c r="KI40" s="115">
        <v>0</v>
      </c>
      <c r="KJ40" s="115">
        <v>0</v>
      </c>
      <c r="KK40" s="115">
        <v>0</v>
      </c>
      <c r="KL40" s="116">
        <v>2</v>
      </c>
      <c r="KM40" s="117">
        <v>2</v>
      </c>
    </row>
    <row r="41" spans="2:299" ht="32.25" customHeight="1" x14ac:dyDescent="0.2"/>
  </sheetData>
  <mergeCells count="36">
    <mergeCell ref="EP5:EZ5"/>
    <mergeCell ref="FA5:FK5"/>
    <mergeCell ref="B3:B5"/>
    <mergeCell ref="C3:CW3"/>
    <mergeCell ref="CX3:GR3"/>
    <mergeCell ref="C5:M5"/>
    <mergeCell ref="N5:X5"/>
    <mergeCell ref="Y5:AI5"/>
    <mergeCell ref="AJ5:AT5"/>
    <mergeCell ref="AU5:BE5"/>
    <mergeCell ref="EE5:EO5"/>
    <mergeCell ref="FW4:GG5"/>
    <mergeCell ref="GH4:GR5"/>
    <mergeCell ref="BF5:BP5"/>
    <mergeCell ref="CX5:DH5"/>
    <mergeCell ref="IV5:JF5"/>
    <mergeCell ref="GS5:HC5"/>
    <mergeCell ref="HD5:HN5"/>
    <mergeCell ref="HO5:HY5"/>
    <mergeCell ref="JG5:JQ5"/>
    <mergeCell ref="F1:G1"/>
    <mergeCell ref="I1:J1"/>
    <mergeCell ref="GS3:KM3"/>
    <mergeCell ref="CM4:CW5"/>
    <mergeCell ref="CX4:FV4"/>
    <mergeCell ref="KC4:KM5"/>
    <mergeCell ref="GS4:JQ4"/>
    <mergeCell ref="JR4:KB5"/>
    <mergeCell ref="DI5:DS5"/>
    <mergeCell ref="DT5:ED5"/>
    <mergeCell ref="HZ5:IJ5"/>
    <mergeCell ref="IK5:IU5"/>
    <mergeCell ref="BQ5:CA5"/>
    <mergeCell ref="C4:CA4"/>
    <mergeCell ref="CB4:CL5"/>
    <mergeCell ref="FL5:FV5"/>
  </mergeCells>
  <phoneticPr fontId="4"/>
  <printOptions horizontalCentered="1"/>
  <pageMargins left="0.59055118110236227" right="0.39370078740157483" top="0.59055118110236227" bottom="0.55118110236220474" header="0.23622047244094491" footer="0.27559055118110237"/>
  <pageSetup paperSize="9" scale="45" orientation="landscape" r:id="rId1"/>
  <headerFooter alignWithMargins="0">
    <oddFooter>&amp;L&amp;20&amp;X&amp;A&amp;C&amp;P/&amp;N</oddFooter>
  </headerFooter>
  <colBreaks count="4" manualBreakCount="4">
    <brk id="35" max="40" man="1"/>
    <brk id="68" max="1048575" man="1"/>
    <brk id="101" max="1048575" man="1"/>
    <brk id="134" max="40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  <pageSetUpPr fitToPage="1"/>
  </sheetPr>
  <dimension ref="B1:AI39"/>
  <sheetViews>
    <sheetView zoomScaleNormal="100" zoomScaleSheetLayoutView="75" workbookViewId="0">
      <pane xSplit="2" ySplit="5" topLeftCell="C6" activePane="bottomRight" state="frozen"/>
      <selection activeCell="F37" sqref="F37"/>
      <selection pane="topRight" activeCell="F37" sqref="F37"/>
      <selection pane="bottomLeft" activeCell="F37" sqref="F37"/>
      <selection pane="bottomRight" activeCell="C5" sqref="C5"/>
    </sheetView>
  </sheetViews>
  <sheetFormatPr defaultColWidth="9" defaultRowHeight="9.6" x14ac:dyDescent="0.2"/>
  <cols>
    <col min="1" max="1" width="3.77734375" style="13" customWidth="1"/>
    <col min="2" max="2" width="9.77734375" style="13" customWidth="1"/>
    <col min="3" max="6" width="7.77734375" style="11" customWidth="1"/>
    <col min="7" max="7" width="8.109375" style="11" customWidth="1"/>
    <col min="8" max="8" width="7.44140625" style="11" customWidth="1"/>
    <col min="9" max="9" width="9.109375" style="11" customWidth="1"/>
    <col min="10" max="10" width="7.77734375" style="11" customWidth="1"/>
    <col min="11" max="11" width="8.6640625" style="11" customWidth="1"/>
    <col min="12" max="12" width="9.33203125" style="11" customWidth="1"/>
    <col min="13" max="13" width="8.33203125" style="11" customWidth="1"/>
    <col min="14" max="26" width="7.77734375" style="11" customWidth="1"/>
    <col min="27" max="33" width="7.77734375" style="13" customWidth="1"/>
    <col min="34" max="34" width="9" style="13"/>
    <col min="35" max="35" width="8.6640625" style="13" customWidth="1"/>
    <col min="36" max="16384" width="9" style="13"/>
  </cols>
  <sheetData>
    <row r="1" spans="2:35" ht="24" customHeight="1" x14ac:dyDescent="0.2">
      <c r="B1" s="10" t="s">
        <v>130</v>
      </c>
      <c r="F1" s="12"/>
      <c r="G1" s="442">
        <f>第１表!F2</f>
        <v>7</v>
      </c>
      <c r="H1" s="442"/>
      <c r="I1" s="18">
        <f>第１表!G2</f>
        <v>2</v>
      </c>
      <c r="J1" s="447">
        <f>IF(I1&lt;3,I1+12-2,I1-2)</f>
        <v>12</v>
      </c>
      <c r="K1" s="447"/>
    </row>
    <row r="2" spans="2:35" ht="24" customHeight="1" thickBot="1" x14ac:dyDescent="0.25">
      <c r="B2" s="71"/>
      <c r="J2" s="14"/>
      <c r="K2" s="14"/>
      <c r="L2" s="14"/>
      <c r="M2" s="14"/>
      <c r="N2" s="14"/>
      <c r="O2" s="14"/>
      <c r="P2" s="15"/>
      <c r="Q2" s="15"/>
      <c r="R2" s="15"/>
    </row>
    <row r="3" spans="2:35" s="71" customFormat="1" ht="21" customHeight="1" thickBot="1" x14ac:dyDescent="0.25">
      <c r="B3" s="119"/>
      <c r="C3" s="444" t="s">
        <v>53</v>
      </c>
      <c r="D3" s="445"/>
      <c r="E3" s="445"/>
      <c r="F3" s="445"/>
      <c r="G3" s="445"/>
      <c r="H3" s="445"/>
      <c r="I3" s="445"/>
      <c r="J3" s="445"/>
      <c r="K3" s="445"/>
      <c r="L3" s="445"/>
      <c r="M3" s="446"/>
      <c r="N3" s="444" t="s">
        <v>54</v>
      </c>
      <c r="O3" s="445"/>
      <c r="P3" s="445"/>
      <c r="Q3" s="445"/>
      <c r="R3" s="445"/>
      <c r="S3" s="445"/>
      <c r="T3" s="445"/>
      <c r="U3" s="445"/>
      <c r="V3" s="445"/>
      <c r="W3" s="445"/>
      <c r="X3" s="446"/>
      <c r="Y3" s="444" t="s">
        <v>55</v>
      </c>
      <c r="Z3" s="445"/>
      <c r="AA3" s="445"/>
      <c r="AB3" s="445"/>
      <c r="AC3" s="445"/>
      <c r="AD3" s="445"/>
      <c r="AE3" s="445"/>
      <c r="AF3" s="445"/>
      <c r="AG3" s="445"/>
      <c r="AH3" s="445"/>
      <c r="AI3" s="446"/>
    </row>
    <row r="4" spans="2:35" s="71" customFormat="1" ht="30" customHeight="1" thickBot="1" x14ac:dyDescent="0.25">
      <c r="B4" s="119" t="s">
        <v>42</v>
      </c>
      <c r="C4" s="120" t="s">
        <v>43</v>
      </c>
      <c r="D4" s="121" t="s">
        <v>44</v>
      </c>
      <c r="E4" s="122" t="s">
        <v>45</v>
      </c>
      <c r="F4" s="123" t="s">
        <v>46</v>
      </c>
      <c r="G4" s="121" t="s">
        <v>47</v>
      </c>
      <c r="H4" s="121" t="s">
        <v>48</v>
      </c>
      <c r="I4" s="121" t="s">
        <v>49</v>
      </c>
      <c r="J4" s="121" t="s">
        <v>50</v>
      </c>
      <c r="K4" s="121" t="s">
        <v>51</v>
      </c>
      <c r="L4" s="122" t="s">
        <v>45</v>
      </c>
      <c r="M4" s="69" t="s">
        <v>52</v>
      </c>
      <c r="N4" s="120" t="s">
        <v>43</v>
      </c>
      <c r="O4" s="121" t="s">
        <v>44</v>
      </c>
      <c r="P4" s="122" t="s">
        <v>45</v>
      </c>
      <c r="Q4" s="123" t="s">
        <v>46</v>
      </c>
      <c r="R4" s="121" t="s">
        <v>47</v>
      </c>
      <c r="S4" s="121" t="s">
        <v>48</v>
      </c>
      <c r="T4" s="121" t="s">
        <v>49</v>
      </c>
      <c r="U4" s="121" t="s">
        <v>50</v>
      </c>
      <c r="V4" s="121" t="s">
        <v>51</v>
      </c>
      <c r="W4" s="122" t="s">
        <v>45</v>
      </c>
      <c r="X4" s="69" t="s">
        <v>52</v>
      </c>
      <c r="Y4" s="120" t="s">
        <v>43</v>
      </c>
      <c r="Z4" s="121" t="s">
        <v>44</v>
      </c>
      <c r="AA4" s="122" t="s">
        <v>45</v>
      </c>
      <c r="AB4" s="123" t="s">
        <v>46</v>
      </c>
      <c r="AC4" s="121" t="s">
        <v>47</v>
      </c>
      <c r="AD4" s="121" t="s">
        <v>48</v>
      </c>
      <c r="AE4" s="121" t="s">
        <v>49</v>
      </c>
      <c r="AF4" s="121" t="s">
        <v>50</v>
      </c>
      <c r="AG4" s="121" t="s">
        <v>51</v>
      </c>
      <c r="AH4" s="122" t="s">
        <v>45</v>
      </c>
      <c r="AI4" s="69" t="s">
        <v>52</v>
      </c>
    </row>
    <row r="5" spans="2:35" ht="21" customHeight="1" x14ac:dyDescent="0.2">
      <c r="B5" s="84" t="s">
        <v>4</v>
      </c>
      <c r="C5" s="124">
        <v>18563</v>
      </c>
      <c r="D5" s="125">
        <v>33065</v>
      </c>
      <c r="E5" s="126">
        <v>51628</v>
      </c>
      <c r="F5" s="127">
        <v>0</v>
      </c>
      <c r="G5" s="125">
        <v>63424</v>
      </c>
      <c r="H5" s="125">
        <v>65514</v>
      </c>
      <c r="I5" s="125">
        <v>36724</v>
      </c>
      <c r="J5" s="125">
        <v>28144</v>
      </c>
      <c r="K5" s="125">
        <v>16714</v>
      </c>
      <c r="L5" s="126">
        <v>210520</v>
      </c>
      <c r="M5" s="128">
        <v>262148</v>
      </c>
      <c r="N5" s="129">
        <v>341</v>
      </c>
      <c r="O5" s="125">
        <v>931</v>
      </c>
      <c r="P5" s="126">
        <v>1272</v>
      </c>
      <c r="Q5" s="127">
        <v>0</v>
      </c>
      <c r="R5" s="125">
        <v>1087</v>
      </c>
      <c r="S5" s="125">
        <v>1992</v>
      </c>
      <c r="T5" s="125">
        <v>1060</v>
      </c>
      <c r="U5" s="125">
        <v>853</v>
      </c>
      <c r="V5" s="125">
        <v>821</v>
      </c>
      <c r="W5" s="126">
        <v>5813</v>
      </c>
      <c r="X5" s="128">
        <v>7085</v>
      </c>
      <c r="Y5" s="124">
        <v>18904</v>
      </c>
      <c r="Z5" s="125">
        <v>33996</v>
      </c>
      <c r="AA5" s="126">
        <v>52900</v>
      </c>
      <c r="AB5" s="127">
        <v>0</v>
      </c>
      <c r="AC5" s="125">
        <v>64511</v>
      </c>
      <c r="AD5" s="125">
        <v>67506</v>
      </c>
      <c r="AE5" s="125">
        <v>37784</v>
      </c>
      <c r="AF5" s="125">
        <v>28997</v>
      </c>
      <c r="AG5" s="125">
        <v>17535</v>
      </c>
      <c r="AH5" s="126">
        <v>216333</v>
      </c>
      <c r="AI5" s="128">
        <v>269233</v>
      </c>
    </row>
    <row r="6" spans="2:35" ht="21" customHeight="1" x14ac:dyDescent="0.2">
      <c r="B6" s="95" t="s">
        <v>5</v>
      </c>
      <c r="C6" s="130">
        <v>6593</v>
      </c>
      <c r="D6" s="131">
        <v>14749</v>
      </c>
      <c r="E6" s="132">
        <v>21342</v>
      </c>
      <c r="F6" s="133">
        <v>0</v>
      </c>
      <c r="G6" s="131">
        <v>16739</v>
      </c>
      <c r="H6" s="131">
        <v>24585</v>
      </c>
      <c r="I6" s="131">
        <v>12062</v>
      </c>
      <c r="J6" s="131">
        <v>9524</v>
      </c>
      <c r="K6" s="131">
        <v>5526</v>
      </c>
      <c r="L6" s="132">
        <v>68436</v>
      </c>
      <c r="M6" s="134">
        <v>89778</v>
      </c>
      <c r="N6" s="135">
        <v>117</v>
      </c>
      <c r="O6" s="131">
        <v>419</v>
      </c>
      <c r="P6" s="132">
        <v>536</v>
      </c>
      <c r="Q6" s="133">
        <v>0</v>
      </c>
      <c r="R6" s="131">
        <v>242</v>
      </c>
      <c r="S6" s="131">
        <v>852</v>
      </c>
      <c r="T6" s="131">
        <v>376</v>
      </c>
      <c r="U6" s="131">
        <v>300</v>
      </c>
      <c r="V6" s="131">
        <v>319</v>
      </c>
      <c r="W6" s="132">
        <v>2089</v>
      </c>
      <c r="X6" s="134">
        <v>2625</v>
      </c>
      <c r="Y6" s="130">
        <v>6710</v>
      </c>
      <c r="Z6" s="131">
        <v>15168</v>
      </c>
      <c r="AA6" s="132">
        <v>21878</v>
      </c>
      <c r="AB6" s="133">
        <v>0</v>
      </c>
      <c r="AC6" s="131">
        <v>16981</v>
      </c>
      <c r="AD6" s="131">
        <v>25437</v>
      </c>
      <c r="AE6" s="131">
        <v>12438</v>
      </c>
      <c r="AF6" s="131">
        <v>9824</v>
      </c>
      <c r="AG6" s="131">
        <v>5845</v>
      </c>
      <c r="AH6" s="132">
        <v>70525</v>
      </c>
      <c r="AI6" s="134">
        <v>92403</v>
      </c>
    </row>
    <row r="7" spans="2:35" ht="21" customHeight="1" x14ac:dyDescent="0.2">
      <c r="B7" s="106" t="s">
        <v>6</v>
      </c>
      <c r="C7" s="130">
        <v>2677</v>
      </c>
      <c r="D7" s="131">
        <v>3901</v>
      </c>
      <c r="E7" s="132">
        <v>6578</v>
      </c>
      <c r="F7" s="133">
        <v>0</v>
      </c>
      <c r="G7" s="131">
        <v>11265</v>
      </c>
      <c r="H7" s="131">
        <v>9738</v>
      </c>
      <c r="I7" s="131">
        <v>5667</v>
      </c>
      <c r="J7" s="131">
        <v>4379</v>
      </c>
      <c r="K7" s="131">
        <v>2803</v>
      </c>
      <c r="L7" s="132">
        <v>33852</v>
      </c>
      <c r="M7" s="134">
        <v>40430</v>
      </c>
      <c r="N7" s="135">
        <v>69</v>
      </c>
      <c r="O7" s="131">
        <v>119</v>
      </c>
      <c r="P7" s="132">
        <v>188</v>
      </c>
      <c r="Q7" s="133">
        <v>0</v>
      </c>
      <c r="R7" s="131">
        <v>236</v>
      </c>
      <c r="S7" s="131">
        <v>271</v>
      </c>
      <c r="T7" s="131">
        <v>161</v>
      </c>
      <c r="U7" s="131">
        <v>145</v>
      </c>
      <c r="V7" s="131">
        <v>137</v>
      </c>
      <c r="W7" s="132">
        <v>950</v>
      </c>
      <c r="X7" s="134">
        <v>1138</v>
      </c>
      <c r="Y7" s="130">
        <v>2746</v>
      </c>
      <c r="Z7" s="131">
        <v>4020</v>
      </c>
      <c r="AA7" s="132">
        <v>6766</v>
      </c>
      <c r="AB7" s="133">
        <v>0</v>
      </c>
      <c r="AC7" s="131">
        <v>11501</v>
      </c>
      <c r="AD7" s="131">
        <v>10009</v>
      </c>
      <c r="AE7" s="131">
        <v>5828</v>
      </c>
      <c r="AF7" s="131">
        <v>4524</v>
      </c>
      <c r="AG7" s="131">
        <v>2940</v>
      </c>
      <c r="AH7" s="132">
        <v>34802</v>
      </c>
      <c r="AI7" s="134">
        <v>41568</v>
      </c>
    </row>
    <row r="8" spans="2:35" ht="21" customHeight="1" x14ac:dyDescent="0.2">
      <c r="B8" s="106" t="s">
        <v>14</v>
      </c>
      <c r="C8" s="130">
        <v>1247</v>
      </c>
      <c r="D8" s="131">
        <v>2828</v>
      </c>
      <c r="E8" s="132">
        <v>4075</v>
      </c>
      <c r="F8" s="133">
        <v>0</v>
      </c>
      <c r="G8" s="131">
        <v>4854</v>
      </c>
      <c r="H8" s="131">
        <v>6122</v>
      </c>
      <c r="I8" s="131">
        <v>3787</v>
      </c>
      <c r="J8" s="131">
        <v>2507</v>
      </c>
      <c r="K8" s="131">
        <v>1400</v>
      </c>
      <c r="L8" s="132">
        <v>18670</v>
      </c>
      <c r="M8" s="134">
        <v>22745</v>
      </c>
      <c r="N8" s="135">
        <v>21</v>
      </c>
      <c r="O8" s="131">
        <v>94</v>
      </c>
      <c r="P8" s="132">
        <v>115</v>
      </c>
      <c r="Q8" s="133">
        <v>0</v>
      </c>
      <c r="R8" s="131">
        <v>74</v>
      </c>
      <c r="S8" s="131">
        <v>190</v>
      </c>
      <c r="T8" s="131">
        <v>101</v>
      </c>
      <c r="U8" s="131">
        <v>82</v>
      </c>
      <c r="V8" s="131">
        <v>65</v>
      </c>
      <c r="W8" s="132">
        <v>512</v>
      </c>
      <c r="X8" s="134">
        <v>627</v>
      </c>
      <c r="Y8" s="130">
        <v>1268</v>
      </c>
      <c r="Z8" s="131">
        <v>2922</v>
      </c>
      <c r="AA8" s="132">
        <v>4190</v>
      </c>
      <c r="AB8" s="133">
        <v>0</v>
      </c>
      <c r="AC8" s="131">
        <v>4928</v>
      </c>
      <c r="AD8" s="131">
        <v>6312</v>
      </c>
      <c r="AE8" s="131">
        <v>3888</v>
      </c>
      <c r="AF8" s="131">
        <v>2589</v>
      </c>
      <c r="AG8" s="131">
        <v>1465</v>
      </c>
      <c r="AH8" s="132">
        <v>19182</v>
      </c>
      <c r="AI8" s="134">
        <v>23372</v>
      </c>
    </row>
    <row r="9" spans="2:35" ht="21" customHeight="1" x14ac:dyDescent="0.2">
      <c r="B9" s="106" t="s">
        <v>7</v>
      </c>
      <c r="C9" s="130">
        <v>714</v>
      </c>
      <c r="D9" s="131">
        <v>1038</v>
      </c>
      <c r="E9" s="132">
        <v>1752</v>
      </c>
      <c r="F9" s="133">
        <v>0</v>
      </c>
      <c r="G9" s="131">
        <v>5326</v>
      </c>
      <c r="H9" s="131">
        <v>3528</v>
      </c>
      <c r="I9" s="131">
        <v>1945</v>
      </c>
      <c r="J9" s="131">
        <v>1607</v>
      </c>
      <c r="K9" s="131">
        <v>885</v>
      </c>
      <c r="L9" s="132">
        <v>13291</v>
      </c>
      <c r="M9" s="134">
        <v>15043</v>
      </c>
      <c r="N9" s="135">
        <v>7</v>
      </c>
      <c r="O9" s="131">
        <v>20</v>
      </c>
      <c r="P9" s="132">
        <v>27</v>
      </c>
      <c r="Q9" s="133">
        <v>0</v>
      </c>
      <c r="R9" s="131">
        <v>104</v>
      </c>
      <c r="S9" s="131">
        <v>86</v>
      </c>
      <c r="T9" s="131">
        <v>47</v>
      </c>
      <c r="U9" s="131">
        <v>35</v>
      </c>
      <c r="V9" s="131">
        <v>30</v>
      </c>
      <c r="W9" s="132">
        <v>302</v>
      </c>
      <c r="X9" s="134">
        <v>329</v>
      </c>
      <c r="Y9" s="130">
        <v>721</v>
      </c>
      <c r="Z9" s="131">
        <v>1058</v>
      </c>
      <c r="AA9" s="132">
        <v>1779</v>
      </c>
      <c r="AB9" s="133">
        <v>0</v>
      </c>
      <c r="AC9" s="131">
        <v>5430</v>
      </c>
      <c r="AD9" s="131">
        <v>3614</v>
      </c>
      <c r="AE9" s="131">
        <v>1992</v>
      </c>
      <c r="AF9" s="131">
        <v>1642</v>
      </c>
      <c r="AG9" s="131">
        <v>915</v>
      </c>
      <c r="AH9" s="132">
        <v>13593</v>
      </c>
      <c r="AI9" s="134">
        <v>15372</v>
      </c>
    </row>
    <row r="10" spans="2:35" ht="21" customHeight="1" x14ac:dyDescent="0.2">
      <c r="B10" s="106" t="s">
        <v>8</v>
      </c>
      <c r="C10" s="130">
        <v>695</v>
      </c>
      <c r="D10" s="131">
        <v>724</v>
      </c>
      <c r="E10" s="132">
        <v>1419</v>
      </c>
      <c r="F10" s="133">
        <v>0</v>
      </c>
      <c r="G10" s="131">
        <v>2254</v>
      </c>
      <c r="H10" s="131">
        <v>2209</v>
      </c>
      <c r="I10" s="131">
        <v>1287</v>
      </c>
      <c r="J10" s="131">
        <v>921</v>
      </c>
      <c r="K10" s="131">
        <v>592</v>
      </c>
      <c r="L10" s="132">
        <v>7263</v>
      </c>
      <c r="M10" s="134">
        <v>8682</v>
      </c>
      <c r="N10" s="135">
        <v>9</v>
      </c>
      <c r="O10" s="131">
        <v>25</v>
      </c>
      <c r="P10" s="132">
        <v>34</v>
      </c>
      <c r="Q10" s="133">
        <v>0</v>
      </c>
      <c r="R10" s="131">
        <v>45</v>
      </c>
      <c r="S10" s="131">
        <v>69</v>
      </c>
      <c r="T10" s="131">
        <v>35</v>
      </c>
      <c r="U10" s="131">
        <v>27</v>
      </c>
      <c r="V10" s="131">
        <v>20</v>
      </c>
      <c r="W10" s="132">
        <v>196</v>
      </c>
      <c r="X10" s="134">
        <v>230</v>
      </c>
      <c r="Y10" s="130">
        <v>704</v>
      </c>
      <c r="Z10" s="131">
        <v>749</v>
      </c>
      <c r="AA10" s="132">
        <v>1453</v>
      </c>
      <c r="AB10" s="133">
        <v>0</v>
      </c>
      <c r="AC10" s="131">
        <v>2299</v>
      </c>
      <c r="AD10" s="131">
        <v>2278</v>
      </c>
      <c r="AE10" s="131">
        <v>1322</v>
      </c>
      <c r="AF10" s="131">
        <v>948</v>
      </c>
      <c r="AG10" s="131">
        <v>612</v>
      </c>
      <c r="AH10" s="132">
        <v>7459</v>
      </c>
      <c r="AI10" s="134">
        <v>8912</v>
      </c>
    </row>
    <row r="11" spans="2:35" ht="21" customHeight="1" x14ac:dyDescent="0.2">
      <c r="B11" s="106" t="s">
        <v>9</v>
      </c>
      <c r="C11" s="130">
        <v>565</v>
      </c>
      <c r="D11" s="131">
        <v>614</v>
      </c>
      <c r="E11" s="132">
        <v>1179</v>
      </c>
      <c r="F11" s="133">
        <v>0</v>
      </c>
      <c r="G11" s="131">
        <v>2055</v>
      </c>
      <c r="H11" s="131">
        <v>1538</v>
      </c>
      <c r="I11" s="131">
        <v>1084</v>
      </c>
      <c r="J11" s="131">
        <v>920</v>
      </c>
      <c r="K11" s="131">
        <v>554</v>
      </c>
      <c r="L11" s="132">
        <v>6151</v>
      </c>
      <c r="M11" s="134">
        <v>7330</v>
      </c>
      <c r="N11" s="135">
        <v>4</v>
      </c>
      <c r="O11" s="131">
        <v>10</v>
      </c>
      <c r="P11" s="132">
        <v>14</v>
      </c>
      <c r="Q11" s="133">
        <v>0</v>
      </c>
      <c r="R11" s="131">
        <v>34</v>
      </c>
      <c r="S11" s="131">
        <v>45</v>
      </c>
      <c r="T11" s="131">
        <v>19</v>
      </c>
      <c r="U11" s="131">
        <v>15</v>
      </c>
      <c r="V11" s="131">
        <v>15</v>
      </c>
      <c r="W11" s="132">
        <v>128</v>
      </c>
      <c r="X11" s="134">
        <v>142</v>
      </c>
      <c r="Y11" s="130">
        <v>569</v>
      </c>
      <c r="Z11" s="131">
        <v>624</v>
      </c>
      <c r="AA11" s="132">
        <v>1193</v>
      </c>
      <c r="AB11" s="133">
        <v>0</v>
      </c>
      <c r="AC11" s="131">
        <v>2089</v>
      </c>
      <c r="AD11" s="131">
        <v>1583</v>
      </c>
      <c r="AE11" s="131">
        <v>1103</v>
      </c>
      <c r="AF11" s="131">
        <v>935</v>
      </c>
      <c r="AG11" s="131">
        <v>569</v>
      </c>
      <c r="AH11" s="132">
        <v>6279</v>
      </c>
      <c r="AI11" s="134">
        <v>7472</v>
      </c>
    </row>
    <row r="12" spans="2:35" ht="21" customHeight="1" x14ac:dyDescent="0.2">
      <c r="B12" s="106" t="s">
        <v>10</v>
      </c>
      <c r="C12" s="130">
        <v>1391</v>
      </c>
      <c r="D12" s="131">
        <v>1686</v>
      </c>
      <c r="E12" s="132">
        <v>3077</v>
      </c>
      <c r="F12" s="133">
        <v>0</v>
      </c>
      <c r="G12" s="131">
        <v>4315</v>
      </c>
      <c r="H12" s="131">
        <v>2437</v>
      </c>
      <c r="I12" s="131">
        <v>1591</v>
      </c>
      <c r="J12" s="131">
        <v>1335</v>
      </c>
      <c r="K12" s="131">
        <v>886</v>
      </c>
      <c r="L12" s="132">
        <v>10564</v>
      </c>
      <c r="M12" s="134">
        <v>13641</v>
      </c>
      <c r="N12" s="135">
        <v>27</v>
      </c>
      <c r="O12" s="131">
        <v>36</v>
      </c>
      <c r="P12" s="132">
        <v>63</v>
      </c>
      <c r="Q12" s="133">
        <v>0</v>
      </c>
      <c r="R12" s="131">
        <v>87</v>
      </c>
      <c r="S12" s="131">
        <v>84</v>
      </c>
      <c r="T12" s="131">
        <v>58</v>
      </c>
      <c r="U12" s="131">
        <v>38</v>
      </c>
      <c r="V12" s="131">
        <v>41</v>
      </c>
      <c r="W12" s="132">
        <v>308</v>
      </c>
      <c r="X12" s="134">
        <v>371</v>
      </c>
      <c r="Y12" s="130">
        <v>1418</v>
      </c>
      <c r="Z12" s="131">
        <v>1722</v>
      </c>
      <c r="AA12" s="132">
        <v>3140</v>
      </c>
      <c r="AB12" s="133">
        <v>0</v>
      </c>
      <c r="AC12" s="131">
        <v>4402</v>
      </c>
      <c r="AD12" s="131">
        <v>2521</v>
      </c>
      <c r="AE12" s="131">
        <v>1649</v>
      </c>
      <c r="AF12" s="131">
        <v>1373</v>
      </c>
      <c r="AG12" s="131">
        <v>927</v>
      </c>
      <c r="AH12" s="132">
        <v>10872</v>
      </c>
      <c r="AI12" s="134">
        <v>14012</v>
      </c>
    </row>
    <row r="13" spans="2:35" ht="21" customHeight="1" x14ac:dyDescent="0.2">
      <c r="B13" s="106" t="s">
        <v>11</v>
      </c>
      <c r="C13" s="130">
        <v>585</v>
      </c>
      <c r="D13" s="131">
        <v>666</v>
      </c>
      <c r="E13" s="132">
        <v>1251</v>
      </c>
      <c r="F13" s="133">
        <v>0</v>
      </c>
      <c r="G13" s="131">
        <v>2075</v>
      </c>
      <c r="H13" s="131">
        <v>1453</v>
      </c>
      <c r="I13" s="131">
        <v>1017</v>
      </c>
      <c r="J13" s="131">
        <v>761</v>
      </c>
      <c r="K13" s="131">
        <v>445</v>
      </c>
      <c r="L13" s="132">
        <v>5751</v>
      </c>
      <c r="M13" s="134">
        <v>7002</v>
      </c>
      <c r="N13" s="135">
        <v>8</v>
      </c>
      <c r="O13" s="131">
        <v>18</v>
      </c>
      <c r="P13" s="132">
        <v>26</v>
      </c>
      <c r="Q13" s="133">
        <v>0</v>
      </c>
      <c r="R13" s="131">
        <v>39</v>
      </c>
      <c r="S13" s="131">
        <v>25</v>
      </c>
      <c r="T13" s="131">
        <v>25</v>
      </c>
      <c r="U13" s="131">
        <v>24</v>
      </c>
      <c r="V13" s="131">
        <v>21</v>
      </c>
      <c r="W13" s="132">
        <v>134</v>
      </c>
      <c r="X13" s="134">
        <v>160</v>
      </c>
      <c r="Y13" s="130">
        <v>593</v>
      </c>
      <c r="Z13" s="131">
        <v>684</v>
      </c>
      <c r="AA13" s="132">
        <v>1277</v>
      </c>
      <c r="AB13" s="133">
        <v>0</v>
      </c>
      <c r="AC13" s="131">
        <v>2114</v>
      </c>
      <c r="AD13" s="131">
        <v>1478</v>
      </c>
      <c r="AE13" s="131">
        <v>1042</v>
      </c>
      <c r="AF13" s="131">
        <v>785</v>
      </c>
      <c r="AG13" s="131">
        <v>466</v>
      </c>
      <c r="AH13" s="132">
        <v>5885</v>
      </c>
      <c r="AI13" s="134">
        <v>7162</v>
      </c>
    </row>
    <row r="14" spans="2:35" ht="21" customHeight="1" x14ac:dyDescent="0.2">
      <c r="B14" s="106" t="s">
        <v>12</v>
      </c>
      <c r="C14" s="130">
        <v>769</v>
      </c>
      <c r="D14" s="131">
        <v>1253</v>
      </c>
      <c r="E14" s="132">
        <v>2022</v>
      </c>
      <c r="F14" s="133">
        <v>0</v>
      </c>
      <c r="G14" s="131">
        <v>1821</v>
      </c>
      <c r="H14" s="131">
        <v>1618</v>
      </c>
      <c r="I14" s="131">
        <v>1004</v>
      </c>
      <c r="J14" s="131">
        <v>894</v>
      </c>
      <c r="K14" s="131">
        <v>482</v>
      </c>
      <c r="L14" s="132">
        <v>5819</v>
      </c>
      <c r="M14" s="134">
        <v>7841</v>
      </c>
      <c r="N14" s="135">
        <v>15</v>
      </c>
      <c r="O14" s="131">
        <v>36</v>
      </c>
      <c r="P14" s="132">
        <v>51</v>
      </c>
      <c r="Q14" s="133">
        <v>0</v>
      </c>
      <c r="R14" s="131">
        <v>18</v>
      </c>
      <c r="S14" s="131">
        <v>42</v>
      </c>
      <c r="T14" s="131">
        <v>32</v>
      </c>
      <c r="U14" s="131">
        <v>20</v>
      </c>
      <c r="V14" s="131">
        <v>20</v>
      </c>
      <c r="W14" s="132">
        <v>132</v>
      </c>
      <c r="X14" s="134">
        <v>183</v>
      </c>
      <c r="Y14" s="130">
        <v>784</v>
      </c>
      <c r="Z14" s="131">
        <v>1289</v>
      </c>
      <c r="AA14" s="132">
        <v>2073</v>
      </c>
      <c r="AB14" s="133">
        <v>0</v>
      </c>
      <c r="AC14" s="131">
        <v>1839</v>
      </c>
      <c r="AD14" s="131">
        <v>1660</v>
      </c>
      <c r="AE14" s="131">
        <v>1036</v>
      </c>
      <c r="AF14" s="131">
        <v>914</v>
      </c>
      <c r="AG14" s="131">
        <v>502</v>
      </c>
      <c r="AH14" s="132">
        <v>5951</v>
      </c>
      <c r="AI14" s="134">
        <v>8024</v>
      </c>
    </row>
    <row r="15" spans="2:35" ht="21" customHeight="1" x14ac:dyDescent="0.2">
      <c r="B15" s="106" t="s">
        <v>13</v>
      </c>
      <c r="C15" s="130">
        <v>128</v>
      </c>
      <c r="D15" s="131">
        <v>214</v>
      </c>
      <c r="E15" s="132">
        <v>342</v>
      </c>
      <c r="F15" s="133">
        <v>0</v>
      </c>
      <c r="G15" s="131">
        <v>727</v>
      </c>
      <c r="H15" s="131">
        <v>726</v>
      </c>
      <c r="I15" s="131">
        <v>387</v>
      </c>
      <c r="J15" s="131">
        <v>318</v>
      </c>
      <c r="K15" s="131">
        <v>213</v>
      </c>
      <c r="L15" s="132">
        <v>2371</v>
      </c>
      <c r="M15" s="134">
        <v>2713</v>
      </c>
      <c r="N15" s="135">
        <v>0</v>
      </c>
      <c r="O15" s="131">
        <v>1</v>
      </c>
      <c r="P15" s="132">
        <v>1</v>
      </c>
      <c r="Q15" s="133">
        <v>0</v>
      </c>
      <c r="R15" s="131">
        <v>15</v>
      </c>
      <c r="S15" s="131">
        <v>11</v>
      </c>
      <c r="T15" s="131">
        <v>11</v>
      </c>
      <c r="U15" s="131">
        <v>3</v>
      </c>
      <c r="V15" s="131">
        <v>11</v>
      </c>
      <c r="W15" s="132">
        <v>51</v>
      </c>
      <c r="X15" s="134">
        <v>52</v>
      </c>
      <c r="Y15" s="130">
        <v>128</v>
      </c>
      <c r="Z15" s="131">
        <v>215</v>
      </c>
      <c r="AA15" s="132">
        <v>343</v>
      </c>
      <c r="AB15" s="133">
        <v>0</v>
      </c>
      <c r="AC15" s="131">
        <v>742</v>
      </c>
      <c r="AD15" s="131">
        <v>737</v>
      </c>
      <c r="AE15" s="131">
        <v>398</v>
      </c>
      <c r="AF15" s="131">
        <v>321</v>
      </c>
      <c r="AG15" s="131">
        <v>224</v>
      </c>
      <c r="AH15" s="132">
        <v>2422</v>
      </c>
      <c r="AI15" s="134">
        <v>2765</v>
      </c>
    </row>
    <row r="16" spans="2:35" ht="21" customHeight="1" x14ac:dyDescent="0.2">
      <c r="B16" s="106" t="s">
        <v>15</v>
      </c>
      <c r="C16" s="130">
        <v>96</v>
      </c>
      <c r="D16" s="131">
        <v>211</v>
      </c>
      <c r="E16" s="132">
        <v>307</v>
      </c>
      <c r="F16" s="133">
        <v>0</v>
      </c>
      <c r="G16" s="131">
        <v>556</v>
      </c>
      <c r="H16" s="131">
        <v>567</v>
      </c>
      <c r="I16" s="131">
        <v>267</v>
      </c>
      <c r="J16" s="131">
        <v>217</v>
      </c>
      <c r="K16" s="131">
        <v>114</v>
      </c>
      <c r="L16" s="132">
        <v>1721</v>
      </c>
      <c r="M16" s="134">
        <v>2028</v>
      </c>
      <c r="N16" s="135">
        <v>0</v>
      </c>
      <c r="O16" s="131">
        <v>4</v>
      </c>
      <c r="P16" s="132">
        <v>4</v>
      </c>
      <c r="Q16" s="133">
        <v>0</v>
      </c>
      <c r="R16" s="131">
        <v>7</v>
      </c>
      <c r="S16" s="131">
        <v>11</v>
      </c>
      <c r="T16" s="131">
        <v>10</v>
      </c>
      <c r="U16" s="131">
        <v>7</v>
      </c>
      <c r="V16" s="131">
        <v>6</v>
      </c>
      <c r="W16" s="132">
        <v>41</v>
      </c>
      <c r="X16" s="134">
        <v>45</v>
      </c>
      <c r="Y16" s="130">
        <v>96</v>
      </c>
      <c r="Z16" s="131">
        <v>215</v>
      </c>
      <c r="AA16" s="132">
        <v>311</v>
      </c>
      <c r="AB16" s="133">
        <v>0</v>
      </c>
      <c r="AC16" s="131">
        <v>563</v>
      </c>
      <c r="AD16" s="131">
        <v>578</v>
      </c>
      <c r="AE16" s="131">
        <v>277</v>
      </c>
      <c r="AF16" s="131">
        <v>224</v>
      </c>
      <c r="AG16" s="131">
        <v>120</v>
      </c>
      <c r="AH16" s="132">
        <v>1762</v>
      </c>
      <c r="AI16" s="134">
        <v>2073</v>
      </c>
    </row>
    <row r="17" spans="2:35" ht="21" customHeight="1" x14ac:dyDescent="0.2">
      <c r="B17" s="106" t="s">
        <v>16</v>
      </c>
      <c r="C17" s="130">
        <v>281</v>
      </c>
      <c r="D17" s="131">
        <v>539</v>
      </c>
      <c r="E17" s="132">
        <v>820</v>
      </c>
      <c r="F17" s="133">
        <v>0</v>
      </c>
      <c r="G17" s="131">
        <v>1039</v>
      </c>
      <c r="H17" s="131">
        <v>1320</v>
      </c>
      <c r="I17" s="131">
        <v>702</v>
      </c>
      <c r="J17" s="131">
        <v>566</v>
      </c>
      <c r="K17" s="131">
        <v>328</v>
      </c>
      <c r="L17" s="132">
        <v>3955</v>
      </c>
      <c r="M17" s="134">
        <v>4775</v>
      </c>
      <c r="N17" s="135">
        <v>6</v>
      </c>
      <c r="O17" s="131">
        <v>21</v>
      </c>
      <c r="P17" s="132">
        <v>27</v>
      </c>
      <c r="Q17" s="133">
        <v>0</v>
      </c>
      <c r="R17" s="131">
        <v>13</v>
      </c>
      <c r="S17" s="131">
        <v>36</v>
      </c>
      <c r="T17" s="131">
        <v>25</v>
      </c>
      <c r="U17" s="131">
        <v>17</v>
      </c>
      <c r="V17" s="131">
        <v>17</v>
      </c>
      <c r="W17" s="132">
        <v>108</v>
      </c>
      <c r="X17" s="134">
        <v>135</v>
      </c>
      <c r="Y17" s="130">
        <v>287</v>
      </c>
      <c r="Z17" s="131">
        <v>560</v>
      </c>
      <c r="AA17" s="132">
        <v>847</v>
      </c>
      <c r="AB17" s="133">
        <v>0</v>
      </c>
      <c r="AC17" s="131">
        <v>1052</v>
      </c>
      <c r="AD17" s="131">
        <v>1356</v>
      </c>
      <c r="AE17" s="131">
        <v>727</v>
      </c>
      <c r="AF17" s="131">
        <v>583</v>
      </c>
      <c r="AG17" s="131">
        <v>345</v>
      </c>
      <c r="AH17" s="132">
        <v>4063</v>
      </c>
      <c r="AI17" s="134">
        <v>4910</v>
      </c>
    </row>
    <row r="18" spans="2:35" ht="21" customHeight="1" x14ac:dyDescent="0.2">
      <c r="B18" s="106" t="s">
        <v>17</v>
      </c>
      <c r="C18" s="130">
        <v>361</v>
      </c>
      <c r="D18" s="131">
        <v>682</v>
      </c>
      <c r="E18" s="132">
        <v>1043</v>
      </c>
      <c r="F18" s="133">
        <v>0</v>
      </c>
      <c r="G18" s="131">
        <v>1115</v>
      </c>
      <c r="H18" s="131">
        <v>1876</v>
      </c>
      <c r="I18" s="131">
        <v>1086</v>
      </c>
      <c r="J18" s="131">
        <v>810</v>
      </c>
      <c r="K18" s="131">
        <v>432</v>
      </c>
      <c r="L18" s="132">
        <v>5319</v>
      </c>
      <c r="M18" s="134">
        <v>6362</v>
      </c>
      <c r="N18" s="135">
        <v>3</v>
      </c>
      <c r="O18" s="131">
        <v>20</v>
      </c>
      <c r="P18" s="132">
        <v>23</v>
      </c>
      <c r="Q18" s="133">
        <v>0</v>
      </c>
      <c r="R18" s="131">
        <v>27</v>
      </c>
      <c r="S18" s="131">
        <v>50</v>
      </c>
      <c r="T18" s="131">
        <v>41</v>
      </c>
      <c r="U18" s="131">
        <v>26</v>
      </c>
      <c r="V18" s="131">
        <v>23</v>
      </c>
      <c r="W18" s="132">
        <v>167</v>
      </c>
      <c r="X18" s="134">
        <v>190</v>
      </c>
      <c r="Y18" s="130">
        <v>364</v>
      </c>
      <c r="Z18" s="131">
        <v>702</v>
      </c>
      <c r="AA18" s="132">
        <v>1066</v>
      </c>
      <c r="AB18" s="133">
        <v>0</v>
      </c>
      <c r="AC18" s="131">
        <v>1142</v>
      </c>
      <c r="AD18" s="131">
        <v>1926</v>
      </c>
      <c r="AE18" s="131">
        <v>1127</v>
      </c>
      <c r="AF18" s="131">
        <v>836</v>
      </c>
      <c r="AG18" s="131">
        <v>455</v>
      </c>
      <c r="AH18" s="132">
        <v>5486</v>
      </c>
      <c r="AI18" s="134">
        <v>6552</v>
      </c>
    </row>
    <row r="19" spans="2:35" ht="21" customHeight="1" x14ac:dyDescent="0.2">
      <c r="B19" s="106" t="s">
        <v>18</v>
      </c>
      <c r="C19" s="130">
        <v>390</v>
      </c>
      <c r="D19" s="131">
        <v>788</v>
      </c>
      <c r="E19" s="132">
        <v>1178</v>
      </c>
      <c r="F19" s="133">
        <v>0</v>
      </c>
      <c r="G19" s="131">
        <v>1938</v>
      </c>
      <c r="H19" s="131">
        <v>1822</v>
      </c>
      <c r="I19" s="131">
        <v>1161</v>
      </c>
      <c r="J19" s="131">
        <v>794</v>
      </c>
      <c r="K19" s="131">
        <v>480</v>
      </c>
      <c r="L19" s="132">
        <v>6195</v>
      </c>
      <c r="M19" s="134">
        <v>7373</v>
      </c>
      <c r="N19" s="135">
        <v>15</v>
      </c>
      <c r="O19" s="131">
        <v>21</v>
      </c>
      <c r="P19" s="132">
        <v>36</v>
      </c>
      <c r="Q19" s="133">
        <v>0</v>
      </c>
      <c r="R19" s="131">
        <v>40</v>
      </c>
      <c r="S19" s="131">
        <v>52</v>
      </c>
      <c r="T19" s="131">
        <v>26</v>
      </c>
      <c r="U19" s="131">
        <v>35</v>
      </c>
      <c r="V19" s="131">
        <v>26</v>
      </c>
      <c r="W19" s="132">
        <v>179</v>
      </c>
      <c r="X19" s="134">
        <v>215</v>
      </c>
      <c r="Y19" s="130">
        <v>405</v>
      </c>
      <c r="Z19" s="131">
        <v>809</v>
      </c>
      <c r="AA19" s="132">
        <v>1214</v>
      </c>
      <c r="AB19" s="133">
        <v>0</v>
      </c>
      <c r="AC19" s="131">
        <v>1978</v>
      </c>
      <c r="AD19" s="131">
        <v>1874</v>
      </c>
      <c r="AE19" s="131">
        <v>1187</v>
      </c>
      <c r="AF19" s="131">
        <v>829</v>
      </c>
      <c r="AG19" s="131">
        <v>506</v>
      </c>
      <c r="AH19" s="132">
        <v>6374</v>
      </c>
      <c r="AI19" s="134">
        <v>7588</v>
      </c>
    </row>
    <row r="20" spans="2:35" ht="21" customHeight="1" x14ac:dyDescent="0.2">
      <c r="B20" s="106" t="s">
        <v>19</v>
      </c>
      <c r="C20" s="130">
        <v>276</v>
      </c>
      <c r="D20" s="131">
        <v>354</v>
      </c>
      <c r="E20" s="132">
        <v>630</v>
      </c>
      <c r="F20" s="133">
        <v>0</v>
      </c>
      <c r="G20" s="131">
        <v>919</v>
      </c>
      <c r="H20" s="131">
        <v>706</v>
      </c>
      <c r="I20" s="131">
        <v>432</v>
      </c>
      <c r="J20" s="131">
        <v>288</v>
      </c>
      <c r="K20" s="131">
        <v>208</v>
      </c>
      <c r="L20" s="132">
        <v>2553</v>
      </c>
      <c r="M20" s="134">
        <v>3183</v>
      </c>
      <c r="N20" s="135">
        <v>8</v>
      </c>
      <c r="O20" s="131">
        <v>15</v>
      </c>
      <c r="P20" s="132">
        <v>23</v>
      </c>
      <c r="Q20" s="133">
        <v>0</v>
      </c>
      <c r="R20" s="131">
        <v>17</v>
      </c>
      <c r="S20" s="131">
        <v>18</v>
      </c>
      <c r="T20" s="131">
        <v>10</v>
      </c>
      <c r="U20" s="131">
        <v>9</v>
      </c>
      <c r="V20" s="131">
        <v>8</v>
      </c>
      <c r="W20" s="132">
        <v>62</v>
      </c>
      <c r="X20" s="134">
        <v>85</v>
      </c>
      <c r="Y20" s="130">
        <v>284</v>
      </c>
      <c r="Z20" s="131">
        <v>369</v>
      </c>
      <c r="AA20" s="132">
        <v>653</v>
      </c>
      <c r="AB20" s="133">
        <v>0</v>
      </c>
      <c r="AC20" s="131">
        <v>936</v>
      </c>
      <c r="AD20" s="131">
        <v>724</v>
      </c>
      <c r="AE20" s="131">
        <v>442</v>
      </c>
      <c r="AF20" s="131">
        <v>297</v>
      </c>
      <c r="AG20" s="131">
        <v>216</v>
      </c>
      <c r="AH20" s="132">
        <v>2615</v>
      </c>
      <c r="AI20" s="134">
        <v>3268</v>
      </c>
    </row>
    <row r="21" spans="2:35" ht="21" customHeight="1" x14ac:dyDescent="0.2">
      <c r="B21" s="106" t="s">
        <v>20</v>
      </c>
      <c r="C21" s="130">
        <v>267</v>
      </c>
      <c r="D21" s="131">
        <v>451</v>
      </c>
      <c r="E21" s="132">
        <v>718</v>
      </c>
      <c r="F21" s="133">
        <v>0</v>
      </c>
      <c r="G21" s="131">
        <v>1316</v>
      </c>
      <c r="H21" s="131">
        <v>822</v>
      </c>
      <c r="I21" s="131">
        <v>571</v>
      </c>
      <c r="J21" s="131">
        <v>384</v>
      </c>
      <c r="K21" s="131">
        <v>201</v>
      </c>
      <c r="L21" s="132">
        <v>3294</v>
      </c>
      <c r="M21" s="134">
        <v>4012</v>
      </c>
      <c r="N21" s="135">
        <v>5</v>
      </c>
      <c r="O21" s="131">
        <v>14</v>
      </c>
      <c r="P21" s="132">
        <v>19</v>
      </c>
      <c r="Q21" s="133">
        <v>0</v>
      </c>
      <c r="R21" s="131">
        <v>24</v>
      </c>
      <c r="S21" s="131">
        <v>20</v>
      </c>
      <c r="T21" s="131">
        <v>14</v>
      </c>
      <c r="U21" s="131">
        <v>16</v>
      </c>
      <c r="V21" s="131">
        <v>10</v>
      </c>
      <c r="W21" s="132">
        <v>84</v>
      </c>
      <c r="X21" s="134">
        <v>103</v>
      </c>
      <c r="Y21" s="130">
        <v>272</v>
      </c>
      <c r="Z21" s="131">
        <v>465</v>
      </c>
      <c r="AA21" s="132">
        <v>737</v>
      </c>
      <c r="AB21" s="133">
        <v>0</v>
      </c>
      <c r="AC21" s="131">
        <v>1340</v>
      </c>
      <c r="AD21" s="131">
        <v>842</v>
      </c>
      <c r="AE21" s="131">
        <v>585</v>
      </c>
      <c r="AF21" s="131">
        <v>400</v>
      </c>
      <c r="AG21" s="131">
        <v>211</v>
      </c>
      <c r="AH21" s="132">
        <v>3378</v>
      </c>
      <c r="AI21" s="134">
        <v>4115</v>
      </c>
    </row>
    <row r="22" spans="2:35" ht="21" customHeight="1" x14ac:dyDescent="0.2">
      <c r="B22" s="106" t="s">
        <v>21</v>
      </c>
      <c r="C22" s="130">
        <v>409</v>
      </c>
      <c r="D22" s="131">
        <v>543</v>
      </c>
      <c r="E22" s="132">
        <v>952</v>
      </c>
      <c r="F22" s="133">
        <v>0</v>
      </c>
      <c r="G22" s="131">
        <v>1130</v>
      </c>
      <c r="H22" s="131">
        <v>1084</v>
      </c>
      <c r="I22" s="131">
        <v>643</v>
      </c>
      <c r="J22" s="131">
        <v>412</v>
      </c>
      <c r="K22" s="131">
        <v>273</v>
      </c>
      <c r="L22" s="132">
        <v>3542</v>
      </c>
      <c r="M22" s="134">
        <v>4494</v>
      </c>
      <c r="N22" s="135">
        <v>9</v>
      </c>
      <c r="O22" s="131">
        <v>16</v>
      </c>
      <c r="P22" s="132">
        <v>25</v>
      </c>
      <c r="Q22" s="133">
        <v>0</v>
      </c>
      <c r="R22" s="131">
        <v>5</v>
      </c>
      <c r="S22" s="131">
        <v>41</v>
      </c>
      <c r="T22" s="131">
        <v>25</v>
      </c>
      <c r="U22" s="131">
        <v>17</v>
      </c>
      <c r="V22" s="131">
        <v>18</v>
      </c>
      <c r="W22" s="132">
        <v>106</v>
      </c>
      <c r="X22" s="134">
        <v>131</v>
      </c>
      <c r="Y22" s="130">
        <v>418</v>
      </c>
      <c r="Z22" s="131">
        <v>559</v>
      </c>
      <c r="AA22" s="132">
        <v>977</v>
      </c>
      <c r="AB22" s="133">
        <v>0</v>
      </c>
      <c r="AC22" s="131">
        <v>1135</v>
      </c>
      <c r="AD22" s="131">
        <v>1125</v>
      </c>
      <c r="AE22" s="131">
        <v>668</v>
      </c>
      <c r="AF22" s="131">
        <v>429</v>
      </c>
      <c r="AG22" s="131">
        <v>291</v>
      </c>
      <c r="AH22" s="132">
        <v>3648</v>
      </c>
      <c r="AI22" s="134">
        <v>4625</v>
      </c>
    </row>
    <row r="23" spans="2:35" ht="21" customHeight="1" x14ac:dyDescent="0.2">
      <c r="B23" s="106" t="s">
        <v>22</v>
      </c>
      <c r="C23" s="130">
        <v>76</v>
      </c>
      <c r="D23" s="131">
        <v>189</v>
      </c>
      <c r="E23" s="132">
        <v>265</v>
      </c>
      <c r="F23" s="133">
        <v>0</v>
      </c>
      <c r="G23" s="131">
        <v>424</v>
      </c>
      <c r="H23" s="131">
        <v>397</v>
      </c>
      <c r="I23" s="131">
        <v>234</v>
      </c>
      <c r="J23" s="131">
        <v>167</v>
      </c>
      <c r="K23" s="131">
        <v>80</v>
      </c>
      <c r="L23" s="132">
        <v>1302</v>
      </c>
      <c r="M23" s="134">
        <v>1567</v>
      </c>
      <c r="N23" s="135">
        <v>2</v>
      </c>
      <c r="O23" s="131">
        <v>6</v>
      </c>
      <c r="P23" s="132">
        <v>8</v>
      </c>
      <c r="Q23" s="133">
        <v>0</v>
      </c>
      <c r="R23" s="131">
        <v>8</v>
      </c>
      <c r="S23" s="131">
        <v>9</v>
      </c>
      <c r="T23" s="131">
        <v>3</v>
      </c>
      <c r="U23" s="131">
        <v>1</v>
      </c>
      <c r="V23" s="131">
        <v>4</v>
      </c>
      <c r="W23" s="132">
        <v>25</v>
      </c>
      <c r="X23" s="134">
        <v>33</v>
      </c>
      <c r="Y23" s="130">
        <v>78</v>
      </c>
      <c r="Z23" s="131">
        <v>195</v>
      </c>
      <c r="AA23" s="132">
        <v>273</v>
      </c>
      <c r="AB23" s="133">
        <v>0</v>
      </c>
      <c r="AC23" s="131">
        <v>432</v>
      </c>
      <c r="AD23" s="131">
        <v>406</v>
      </c>
      <c r="AE23" s="131">
        <v>237</v>
      </c>
      <c r="AF23" s="131">
        <v>168</v>
      </c>
      <c r="AG23" s="131">
        <v>84</v>
      </c>
      <c r="AH23" s="132">
        <v>1327</v>
      </c>
      <c r="AI23" s="134">
        <v>1600</v>
      </c>
    </row>
    <row r="24" spans="2:35" ht="21" customHeight="1" x14ac:dyDescent="0.2">
      <c r="B24" s="106" t="s">
        <v>23</v>
      </c>
      <c r="C24" s="130">
        <v>162</v>
      </c>
      <c r="D24" s="131">
        <v>319</v>
      </c>
      <c r="E24" s="132">
        <v>481</v>
      </c>
      <c r="F24" s="133">
        <v>0</v>
      </c>
      <c r="G24" s="131">
        <v>640</v>
      </c>
      <c r="H24" s="131">
        <v>624</v>
      </c>
      <c r="I24" s="131">
        <v>344</v>
      </c>
      <c r="J24" s="131">
        <v>287</v>
      </c>
      <c r="K24" s="131">
        <v>158</v>
      </c>
      <c r="L24" s="132">
        <v>2053</v>
      </c>
      <c r="M24" s="134">
        <v>2534</v>
      </c>
      <c r="N24" s="135">
        <v>7</v>
      </c>
      <c r="O24" s="131">
        <v>13</v>
      </c>
      <c r="P24" s="132">
        <v>20</v>
      </c>
      <c r="Q24" s="133">
        <v>0</v>
      </c>
      <c r="R24" s="131">
        <v>8</v>
      </c>
      <c r="S24" s="131">
        <v>24</v>
      </c>
      <c r="T24" s="131">
        <v>10</v>
      </c>
      <c r="U24" s="131">
        <v>7</v>
      </c>
      <c r="V24" s="131">
        <v>4</v>
      </c>
      <c r="W24" s="132">
        <v>53</v>
      </c>
      <c r="X24" s="134">
        <v>73</v>
      </c>
      <c r="Y24" s="130">
        <v>169</v>
      </c>
      <c r="Z24" s="131">
        <v>332</v>
      </c>
      <c r="AA24" s="132">
        <v>501</v>
      </c>
      <c r="AB24" s="133">
        <v>0</v>
      </c>
      <c r="AC24" s="131">
        <v>648</v>
      </c>
      <c r="AD24" s="131">
        <v>648</v>
      </c>
      <c r="AE24" s="131">
        <v>354</v>
      </c>
      <c r="AF24" s="131">
        <v>294</v>
      </c>
      <c r="AG24" s="131">
        <v>162</v>
      </c>
      <c r="AH24" s="132">
        <v>2106</v>
      </c>
      <c r="AI24" s="134">
        <v>2607</v>
      </c>
    </row>
    <row r="25" spans="2:35" ht="21" customHeight="1" x14ac:dyDescent="0.2">
      <c r="B25" s="106" t="s">
        <v>24</v>
      </c>
      <c r="C25" s="130">
        <v>118</v>
      </c>
      <c r="D25" s="131">
        <v>132</v>
      </c>
      <c r="E25" s="132">
        <v>250</v>
      </c>
      <c r="F25" s="133">
        <v>0</v>
      </c>
      <c r="G25" s="131">
        <v>357</v>
      </c>
      <c r="H25" s="131">
        <v>253</v>
      </c>
      <c r="I25" s="131">
        <v>167</v>
      </c>
      <c r="J25" s="131">
        <v>149</v>
      </c>
      <c r="K25" s="131">
        <v>94</v>
      </c>
      <c r="L25" s="132">
        <v>1020</v>
      </c>
      <c r="M25" s="134">
        <v>1270</v>
      </c>
      <c r="N25" s="135">
        <v>0</v>
      </c>
      <c r="O25" s="131">
        <v>1</v>
      </c>
      <c r="P25" s="132">
        <v>1</v>
      </c>
      <c r="Q25" s="133">
        <v>0</v>
      </c>
      <c r="R25" s="131">
        <v>5</v>
      </c>
      <c r="S25" s="131">
        <v>8</v>
      </c>
      <c r="T25" s="131">
        <v>4</v>
      </c>
      <c r="U25" s="131">
        <v>4</v>
      </c>
      <c r="V25" s="131">
        <v>3</v>
      </c>
      <c r="W25" s="132">
        <v>24</v>
      </c>
      <c r="X25" s="134">
        <v>25</v>
      </c>
      <c r="Y25" s="130">
        <v>118</v>
      </c>
      <c r="Z25" s="131">
        <v>133</v>
      </c>
      <c r="AA25" s="132">
        <v>251</v>
      </c>
      <c r="AB25" s="133">
        <v>0</v>
      </c>
      <c r="AC25" s="131">
        <v>362</v>
      </c>
      <c r="AD25" s="131">
        <v>261</v>
      </c>
      <c r="AE25" s="131">
        <v>171</v>
      </c>
      <c r="AF25" s="131">
        <v>153</v>
      </c>
      <c r="AG25" s="131">
        <v>97</v>
      </c>
      <c r="AH25" s="132">
        <v>1044</v>
      </c>
      <c r="AI25" s="134">
        <v>1295</v>
      </c>
    </row>
    <row r="26" spans="2:35" ht="21" customHeight="1" x14ac:dyDescent="0.2">
      <c r="B26" s="106" t="s">
        <v>25</v>
      </c>
      <c r="C26" s="130">
        <v>126</v>
      </c>
      <c r="D26" s="131">
        <v>211</v>
      </c>
      <c r="E26" s="132">
        <v>337</v>
      </c>
      <c r="F26" s="133">
        <v>0</v>
      </c>
      <c r="G26" s="131">
        <v>398</v>
      </c>
      <c r="H26" s="131">
        <v>340</v>
      </c>
      <c r="I26" s="131">
        <v>176</v>
      </c>
      <c r="J26" s="131">
        <v>128</v>
      </c>
      <c r="K26" s="131">
        <v>79</v>
      </c>
      <c r="L26" s="132">
        <v>1121</v>
      </c>
      <c r="M26" s="134">
        <v>1458</v>
      </c>
      <c r="N26" s="135">
        <v>0</v>
      </c>
      <c r="O26" s="131">
        <v>5</v>
      </c>
      <c r="P26" s="132">
        <v>5</v>
      </c>
      <c r="Q26" s="133">
        <v>0</v>
      </c>
      <c r="R26" s="131">
        <v>3</v>
      </c>
      <c r="S26" s="131">
        <v>12</v>
      </c>
      <c r="T26" s="131">
        <v>1</v>
      </c>
      <c r="U26" s="131">
        <v>5</v>
      </c>
      <c r="V26" s="131">
        <v>2</v>
      </c>
      <c r="W26" s="132">
        <v>23</v>
      </c>
      <c r="X26" s="134">
        <v>28</v>
      </c>
      <c r="Y26" s="130">
        <v>126</v>
      </c>
      <c r="Z26" s="131">
        <v>216</v>
      </c>
      <c r="AA26" s="132">
        <v>342</v>
      </c>
      <c r="AB26" s="133">
        <v>0</v>
      </c>
      <c r="AC26" s="131">
        <v>401</v>
      </c>
      <c r="AD26" s="131">
        <v>352</v>
      </c>
      <c r="AE26" s="131">
        <v>177</v>
      </c>
      <c r="AF26" s="131">
        <v>133</v>
      </c>
      <c r="AG26" s="131">
        <v>81</v>
      </c>
      <c r="AH26" s="132">
        <v>1144</v>
      </c>
      <c r="AI26" s="134">
        <v>1486</v>
      </c>
    </row>
    <row r="27" spans="2:35" ht="21" customHeight="1" x14ac:dyDescent="0.2">
      <c r="B27" s="106" t="s">
        <v>26</v>
      </c>
      <c r="C27" s="130">
        <v>95</v>
      </c>
      <c r="D27" s="131">
        <v>133</v>
      </c>
      <c r="E27" s="132">
        <v>228</v>
      </c>
      <c r="F27" s="133">
        <v>0</v>
      </c>
      <c r="G27" s="131">
        <v>284</v>
      </c>
      <c r="H27" s="131">
        <v>345</v>
      </c>
      <c r="I27" s="131">
        <v>191</v>
      </c>
      <c r="J27" s="131">
        <v>125</v>
      </c>
      <c r="K27" s="131">
        <v>97</v>
      </c>
      <c r="L27" s="132">
        <v>1042</v>
      </c>
      <c r="M27" s="134">
        <v>1270</v>
      </c>
      <c r="N27" s="135">
        <v>1</v>
      </c>
      <c r="O27" s="131">
        <v>1</v>
      </c>
      <c r="P27" s="132">
        <v>2</v>
      </c>
      <c r="Q27" s="133">
        <v>0</v>
      </c>
      <c r="R27" s="131">
        <v>7</v>
      </c>
      <c r="S27" s="131">
        <v>5</v>
      </c>
      <c r="T27" s="131">
        <v>5</v>
      </c>
      <c r="U27" s="131">
        <v>1</v>
      </c>
      <c r="V27" s="131">
        <v>4</v>
      </c>
      <c r="W27" s="132">
        <v>22</v>
      </c>
      <c r="X27" s="134">
        <v>24</v>
      </c>
      <c r="Y27" s="130">
        <v>96</v>
      </c>
      <c r="Z27" s="131">
        <v>134</v>
      </c>
      <c r="AA27" s="132">
        <v>230</v>
      </c>
      <c r="AB27" s="133">
        <v>0</v>
      </c>
      <c r="AC27" s="131">
        <v>291</v>
      </c>
      <c r="AD27" s="131">
        <v>350</v>
      </c>
      <c r="AE27" s="131">
        <v>196</v>
      </c>
      <c r="AF27" s="131">
        <v>126</v>
      </c>
      <c r="AG27" s="131">
        <v>101</v>
      </c>
      <c r="AH27" s="132">
        <v>1064</v>
      </c>
      <c r="AI27" s="134">
        <v>1294</v>
      </c>
    </row>
    <row r="28" spans="2:35" ht="21" customHeight="1" x14ac:dyDescent="0.2">
      <c r="B28" s="106" t="s">
        <v>27</v>
      </c>
      <c r="C28" s="130">
        <v>155</v>
      </c>
      <c r="D28" s="131">
        <v>205</v>
      </c>
      <c r="E28" s="132">
        <v>360</v>
      </c>
      <c r="F28" s="133">
        <v>0</v>
      </c>
      <c r="G28" s="131">
        <v>291</v>
      </c>
      <c r="H28" s="131">
        <v>192</v>
      </c>
      <c r="I28" s="131">
        <v>134</v>
      </c>
      <c r="J28" s="131">
        <v>122</v>
      </c>
      <c r="K28" s="131">
        <v>68</v>
      </c>
      <c r="L28" s="132">
        <v>807</v>
      </c>
      <c r="M28" s="134">
        <v>1167</v>
      </c>
      <c r="N28" s="135">
        <v>7</v>
      </c>
      <c r="O28" s="131">
        <v>4</v>
      </c>
      <c r="P28" s="132">
        <v>11</v>
      </c>
      <c r="Q28" s="133">
        <v>0</v>
      </c>
      <c r="R28" s="131">
        <v>3</v>
      </c>
      <c r="S28" s="131">
        <v>7</v>
      </c>
      <c r="T28" s="131">
        <v>3</v>
      </c>
      <c r="U28" s="131">
        <v>2</v>
      </c>
      <c r="V28" s="131">
        <v>2</v>
      </c>
      <c r="W28" s="132">
        <v>17</v>
      </c>
      <c r="X28" s="134">
        <v>28</v>
      </c>
      <c r="Y28" s="130">
        <v>162</v>
      </c>
      <c r="Z28" s="131">
        <v>209</v>
      </c>
      <c r="AA28" s="132">
        <v>371</v>
      </c>
      <c r="AB28" s="133">
        <v>0</v>
      </c>
      <c r="AC28" s="131">
        <v>294</v>
      </c>
      <c r="AD28" s="131">
        <v>199</v>
      </c>
      <c r="AE28" s="131">
        <v>137</v>
      </c>
      <c r="AF28" s="131">
        <v>124</v>
      </c>
      <c r="AG28" s="131">
        <v>70</v>
      </c>
      <c r="AH28" s="132">
        <v>824</v>
      </c>
      <c r="AI28" s="134">
        <v>1195</v>
      </c>
    </row>
    <row r="29" spans="2:35" ht="21" customHeight="1" x14ac:dyDescent="0.2">
      <c r="B29" s="106" t="s">
        <v>28</v>
      </c>
      <c r="C29" s="130">
        <v>9</v>
      </c>
      <c r="D29" s="131">
        <v>31</v>
      </c>
      <c r="E29" s="132">
        <v>40</v>
      </c>
      <c r="F29" s="133">
        <v>0</v>
      </c>
      <c r="G29" s="131">
        <v>101</v>
      </c>
      <c r="H29" s="131">
        <v>104</v>
      </c>
      <c r="I29" s="131">
        <v>52</v>
      </c>
      <c r="J29" s="131">
        <v>35</v>
      </c>
      <c r="K29" s="131">
        <v>20</v>
      </c>
      <c r="L29" s="132">
        <v>312</v>
      </c>
      <c r="M29" s="134">
        <v>352</v>
      </c>
      <c r="N29" s="135">
        <v>0</v>
      </c>
      <c r="O29" s="131">
        <v>0</v>
      </c>
      <c r="P29" s="132">
        <v>0</v>
      </c>
      <c r="Q29" s="133">
        <v>0</v>
      </c>
      <c r="R29" s="131">
        <v>1</v>
      </c>
      <c r="S29" s="131">
        <v>1</v>
      </c>
      <c r="T29" s="131">
        <v>1</v>
      </c>
      <c r="U29" s="131">
        <v>0</v>
      </c>
      <c r="V29" s="131">
        <v>2</v>
      </c>
      <c r="W29" s="132">
        <v>5</v>
      </c>
      <c r="X29" s="134">
        <v>5</v>
      </c>
      <c r="Y29" s="130">
        <v>9</v>
      </c>
      <c r="Z29" s="131">
        <v>31</v>
      </c>
      <c r="AA29" s="132">
        <v>40</v>
      </c>
      <c r="AB29" s="133">
        <v>0</v>
      </c>
      <c r="AC29" s="131">
        <v>102</v>
      </c>
      <c r="AD29" s="131">
        <v>105</v>
      </c>
      <c r="AE29" s="131">
        <v>53</v>
      </c>
      <c r="AF29" s="131">
        <v>35</v>
      </c>
      <c r="AG29" s="131">
        <v>22</v>
      </c>
      <c r="AH29" s="132">
        <v>317</v>
      </c>
      <c r="AI29" s="134">
        <v>357</v>
      </c>
    </row>
    <row r="30" spans="2:35" ht="21" customHeight="1" x14ac:dyDescent="0.2">
      <c r="B30" s="106" t="s">
        <v>29</v>
      </c>
      <c r="C30" s="130">
        <v>41</v>
      </c>
      <c r="D30" s="131">
        <v>46</v>
      </c>
      <c r="E30" s="132">
        <v>87</v>
      </c>
      <c r="F30" s="133">
        <v>0</v>
      </c>
      <c r="G30" s="131">
        <v>108</v>
      </c>
      <c r="H30" s="131">
        <v>119</v>
      </c>
      <c r="I30" s="131">
        <v>80</v>
      </c>
      <c r="J30" s="131">
        <v>58</v>
      </c>
      <c r="K30" s="131">
        <v>30</v>
      </c>
      <c r="L30" s="132">
        <v>395</v>
      </c>
      <c r="M30" s="134">
        <v>482</v>
      </c>
      <c r="N30" s="135">
        <v>0</v>
      </c>
      <c r="O30" s="131">
        <v>1</v>
      </c>
      <c r="P30" s="132">
        <v>1</v>
      </c>
      <c r="Q30" s="133">
        <v>0</v>
      </c>
      <c r="R30" s="131">
        <v>2</v>
      </c>
      <c r="S30" s="131">
        <v>3</v>
      </c>
      <c r="T30" s="131">
        <v>3</v>
      </c>
      <c r="U30" s="131">
        <v>2</v>
      </c>
      <c r="V30" s="131">
        <v>1</v>
      </c>
      <c r="W30" s="132">
        <v>11</v>
      </c>
      <c r="X30" s="134">
        <v>12</v>
      </c>
      <c r="Y30" s="130">
        <v>41</v>
      </c>
      <c r="Z30" s="131">
        <v>47</v>
      </c>
      <c r="AA30" s="132">
        <v>88</v>
      </c>
      <c r="AB30" s="133">
        <v>0</v>
      </c>
      <c r="AC30" s="131">
        <v>110</v>
      </c>
      <c r="AD30" s="131">
        <v>122</v>
      </c>
      <c r="AE30" s="131">
        <v>83</v>
      </c>
      <c r="AF30" s="131">
        <v>60</v>
      </c>
      <c r="AG30" s="131">
        <v>31</v>
      </c>
      <c r="AH30" s="132">
        <v>406</v>
      </c>
      <c r="AI30" s="134">
        <v>494</v>
      </c>
    </row>
    <row r="31" spans="2:35" ht="21" customHeight="1" x14ac:dyDescent="0.2">
      <c r="B31" s="106" t="s">
        <v>30</v>
      </c>
      <c r="C31" s="130">
        <v>42</v>
      </c>
      <c r="D31" s="131">
        <v>33</v>
      </c>
      <c r="E31" s="132">
        <v>75</v>
      </c>
      <c r="F31" s="133">
        <v>0</v>
      </c>
      <c r="G31" s="131">
        <v>115</v>
      </c>
      <c r="H31" s="131">
        <v>81</v>
      </c>
      <c r="I31" s="131">
        <v>64</v>
      </c>
      <c r="J31" s="131">
        <v>35</v>
      </c>
      <c r="K31" s="131">
        <v>19</v>
      </c>
      <c r="L31" s="132">
        <v>314</v>
      </c>
      <c r="M31" s="134">
        <v>389</v>
      </c>
      <c r="N31" s="135">
        <v>0</v>
      </c>
      <c r="O31" s="131">
        <v>0</v>
      </c>
      <c r="P31" s="132">
        <v>0</v>
      </c>
      <c r="Q31" s="133">
        <v>0</v>
      </c>
      <c r="R31" s="131">
        <v>1</v>
      </c>
      <c r="S31" s="131">
        <v>3</v>
      </c>
      <c r="T31" s="131">
        <v>3</v>
      </c>
      <c r="U31" s="131">
        <v>1</v>
      </c>
      <c r="V31" s="131">
        <v>1</v>
      </c>
      <c r="W31" s="132">
        <v>9</v>
      </c>
      <c r="X31" s="134">
        <v>9</v>
      </c>
      <c r="Y31" s="130">
        <v>42</v>
      </c>
      <c r="Z31" s="131">
        <v>33</v>
      </c>
      <c r="AA31" s="132">
        <v>75</v>
      </c>
      <c r="AB31" s="133">
        <v>0</v>
      </c>
      <c r="AC31" s="131">
        <v>116</v>
      </c>
      <c r="AD31" s="131">
        <v>84</v>
      </c>
      <c r="AE31" s="131">
        <v>67</v>
      </c>
      <c r="AF31" s="131">
        <v>36</v>
      </c>
      <c r="AG31" s="131">
        <v>20</v>
      </c>
      <c r="AH31" s="132">
        <v>323</v>
      </c>
      <c r="AI31" s="134">
        <v>398</v>
      </c>
    </row>
    <row r="32" spans="2:35" ht="21" customHeight="1" x14ac:dyDescent="0.2">
      <c r="B32" s="106" t="s">
        <v>31</v>
      </c>
      <c r="C32" s="130">
        <v>30</v>
      </c>
      <c r="D32" s="131">
        <v>67</v>
      </c>
      <c r="E32" s="132">
        <v>97</v>
      </c>
      <c r="F32" s="133">
        <v>0</v>
      </c>
      <c r="G32" s="131">
        <v>108</v>
      </c>
      <c r="H32" s="131">
        <v>106</v>
      </c>
      <c r="I32" s="131">
        <v>69</v>
      </c>
      <c r="J32" s="131">
        <v>43</v>
      </c>
      <c r="K32" s="131">
        <v>13</v>
      </c>
      <c r="L32" s="132">
        <v>339</v>
      </c>
      <c r="M32" s="134">
        <v>436</v>
      </c>
      <c r="N32" s="135">
        <v>0</v>
      </c>
      <c r="O32" s="131">
        <v>3</v>
      </c>
      <c r="P32" s="132">
        <v>3</v>
      </c>
      <c r="Q32" s="133">
        <v>0</v>
      </c>
      <c r="R32" s="131">
        <v>2</v>
      </c>
      <c r="S32" s="131">
        <v>0</v>
      </c>
      <c r="T32" s="131">
        <v>0</v>
      </c>
      <c r="U32" s="131">
        <v>2</v>
      </c>
      <c r="V32" s="131">
        <v>2</v>
      </c>
      <c r="W32" s="132">
        <v>6</v>
      </c>
      <c r="X32" s="134">
        <v>9</v>
      </c>
      <c r="Y32" s="130">
        <v>30</v>
      </c>
      <c r="Z32" s="131">
        <v>70</v>
      </c>
      <c r="AA32" s="132">
        <v>100</v>
      </c>
      <c r="AB32" s="133">
        <v>0</v>
      </c>
      <c r="AC32" s="131">
        <v>110</v>
      </c>
      <c r="AD32" s="131">
        <v>106</v>
      </c>
      <c r="AE32" s="131">
        <v>69</v>
      </c>
      <c r="AF32" s="131">
        <v>45</v>
      </c>
      <c r="AG32" s="131">
        <v>15</v>
      </c>
      <c r="AH32" s="132">
        <v>345</v>
      </c>
      <c r="AI32" s="134">
        <v>445</v>
      </c>
    </row>
    <row r="33" spans="2:35" ht="21" customHeight="1" x14ac:dyDescent="0.2">
      <c r="B33" s="106" t="s">
        <v>32</v>
      </c>
      <c r="C33" s="130">
        <v>44</v>
      </c>
      <c r="D33" s="131">
        <v>70</v>
      </c>
      <c r="E33" s="132">
        <v>114</v>
      </c>
      <c r="F33" s="133">
        <v>0</v>
      </c>
      <c r="G33" s="131">
        <v>169</v>
      </c>
      <c r="H33" s="131">
        <v>123</v>
      </c>
      <c r="I33" s="131">
        <v>61</v>
      </c>
      <c r="J33" s="131">
        <v>61</v>
      </c>
      <c r="K33" s="131">
        <v>34</v>
      </c>
      <c r="L33" s="132">
        <v>448</v>
      </c>
      <c r="M33" s="134">
        <v>562</v>
      </c>
      <c r="N33" s="135">
        <v>0</v>
      </c>
      <c r="O33" s="131">
        <v>2</v>
      </c>
      <c r="P33" s="132">
        <v>2</v>
      </c>
      <c r="Q33" s="133">
        <v>0</v>
      </c>
      <c r="R33" s="131">
        <v>5</v>
      </c>
      <c r="S33" s="131">
        <v>4</v>
      </c>
      <c r="T33" s="131">
        <v>2</v>
      </c>
      <c r="U33" s="131">
        <v>0</v>
      </c>
      <c r="V33" s="131">
        <v>2</v>
      </c>
      <c r="W33" s="132">
        <v>13</v>
      </c>
      <c r="X33" s="134">
        <v>15</v>
      </c>
      <c r="Y33" s="130">
        <v>44</v>
      </c>
      <c r="Z33" s="131">
        <v>72</v>
      </c>
      <c r="AA33" s="132">
        <v>116</v>
      </c>
      <c r="AB33" s="133">
        <v>0</v>
      </c>
      <c r="AC33" s="131">
        <v>174</v>
      </c>
      <c r="AD33" s="131">
        <v>127</v>
      </c>
      <c r="AE33" s="131">
        <v>63</v>
      </c>
      <c r="AF33" s="131">
        <v>61</v>
      </c>
      <c r="AG33" s="131">
        <v>36</v>
      </c>
      <c r="AH33" s="132">
        <v>461</v>
      </c>
      <c r="AI33" s="134">
        <v>577</v>
      </c>
    </row>
    <row r="34" spans="2:35" ht="21" customHeight="1" x14ac:dyDescent="0.2">
      <c r="B34" s="106" t="s">
        <v>33</v>
      </c>
      <c r="C34" s="130">
        <v>38</v>
      </c>
      <c r="D34" s="131">
        <v>48</v>
      </c>
      <c r="E34" s="132">
        <v>86</v>
      </c>
      <c r="F34" s="133">
        <v>0</v>
      </c>
      <c r="G34" s="131">
        <v>163</v>
      </c>
      <c r="H34" s="131">
        <v>87</v>
      </c>
      <c r="I34" s="131">
        <v>67</v>
      </c>
      <c r="J34" s="131">
        <v>31</v>
      </c>
      <c r="K34" s="131">
        <v>25</v>
      </c>
      <c r="L34" s="132">
        <v>373</v>
      </c>
      <c r="M34" s="134">
        <v>459</v>
      </c>
      <c r="N34" s="135">
        <v>0</v>
      </c>
      <c r="O34" s="131">
        <v>0</v>
      </c>
      <c r="P34" s="132">
        <v>0</v>
      </c>
      <c r="Q34" s="133">
        <v>0</v>
      </c>
      <c r="R34" s="131">
        <v>1</v>
      </c>
      <c r="S34" s="131">
        <v>1</v>
      </c>
      <c r="T34" s="131">
        <v>0</v>
      </c>
      <c r="U34" s="131">
        <v>1</v>
      </c>
      <c r="V34" s="131">
        <v>1</v>
      </c>
      <c r="W34" s="132">
        <v>4</v>
      </c>
      <c r="X34" s="134">
        <v>4</v>
      </c>
      <c r="Y34" s="130">
        <v>38</v>
      </c>
      <c r="Z34" s="131">
        <v>48</v>
      </c>
      <c r="AA34" s="132">
        <v>86</v>
      </c>
      <c r="AB34" s="133">
        <v>0</v>
      </c>
      <c r="AC34" s="131">
        <v>164</v>
      </c>
      <c r="AD34" s="131">
        <v>88</v>
      </c>
      <c r="AE34" s="131">
        <v>67</v>
      </c>
      <c r="AF34" s="131">
        <v>32</v>
      </c>
      <c r="AG34" s="131">
        <v>26</v>
      </c>
      <c r="AH34" s="132">
        <v>377</v>
      </c>
      <c r="AI34" s="134">
        <v>463</v>
      </c>
    </row>
    <row r="35" spans="2:35" ht="21" customHeight="1" x14ac:dyDescent="0.2">
      <c r="B35" s="106" t="s">
        <v>34</v>
      </c>
      <c r="C35" s="130">
        <v>25</v>
      </c>
      <c r="D35" s="131">
        <v>32</v>
      </c>
      <c r="E35" s="132">
        <v>57</v>
      </c>
      <c r="F35" s="133">
        <v>0</v>
      </c>
      <c r="G35" s="131">
        <v>113</v>
      </c>
      <c r="H35" s="131">
        <v>66</v>
      </c>
      <c r="I35" s="131">
        <v>39</v>
      </c>
      <c r="J35" s="131">
        <v>34</v>
      </c>
      <c r="K35" s="131">
        <v>20</v>
      </c>
      <c r="L35" s="132">
        <v>272</v>
      </c>
      <c r="M35" s="134">
        <v>329</v>
      </c>
      <c r="N35" s="135">
        <v>0</v>
      </c>
      <c r="O35" s="131">
        <v>0</v>
      </c>
      <c r="P35" s="132">
        <v>0</v>
      </c>
      <c r="Q35" s="133">
        <v>0</v>
      </c>
      <c r="R35" s="131">
        <v>2</v>
      </c>
      <c r="S35" s="131">
        <v>1</v>
      </c>
      <c r="T35" s="131">
        <v>1</v>
      </c>
      <c r="U35" s="131">
        <v>1</v>
      </c>
      <c r="V35" s="131">
        <v>2</v>
      </c>
      <c r="W35" s="132">
        <v>7</v>
      </c>
      <c r="X35" s="134">
        <v>7</v>
      </c>
      <c r="Y35" s="130">
        <v>25</v>
      </c>
      <c r="Z35" s="131">
        <v>32</v>
      </c>
      <c r="AA35" s="132">
        <v>57</v>
      </c>
      <c r="AB35" s="133">
        <v>0</v>
      </c>
      <c r="AC35" s="131">
        <v>115</v>
      </c>
      <c r="AD35" s="131">
        <v>67</v>
      </c>
      <c r="AE35" s="131">
        <v>40</v>
      </c>
      <c r="AF35" s="131">
        <v>35</v>
      </c>
      <c r="AG35" s="131">
        <v>22</v>
      </c>
      <c r="AH35" s="132">
        <v>279</v>
      </c>
      <c r="AI35" s="134">
        <v>336</v>
      </c>
    </row>
    <row r="36" spans="2:35" ht="21" customHeight="1" x14ac:dyDescent="0.2">
      <c r="B36" s="106" t="s">
        <v>35</v>
      </c>
      <c r="C36" s="130">
        <v>94</v>
      </c>
      <c r="D36" s="131">
        <v>153</v>
      </c>
      <c r="E36" s="132">
        <v>247</v>
      </c>
      <c r="F36" s="133">
        <v>0</v>
      </c>
      <c r="G36" s="131">
        <v>385</v>
      </c>
      <c r="H36" s="131">
        <v>209</v>
      </c>
      <c r="I36" s="131">
        <v>138</v>
      </c>
      <c r="J36" s="131">
        <v>123</v>
      </c>
      <c r="K36" s="131">
        <v>64</v>
      </c>
      <c r="L36" s="132">
        <v>919</v>
      </c>
      <c r="M36" s="134">
        <v>1166</v>
      </c>
      <c r="N36" s="135">
        <v>0</v>
      </c>
      <c r="O36" s="131">
        <v>1</v>
      </c>
      <c r="P36" s="132">
        <v>1</v>
      </c>
      <c r="Q36" s="133">
        <v>0</v>
      </c>
      <c r="R36" s="131">
        <v>5</v>
      </c>
      <c r="S36" s="131">
        <v>4</v>
      </c>
      <c r="T36" s="131">
        <v>2</v>
      </c>
      <c r="U36" s="131">
        <v>3</v>
      </c>
      <c r="V36" s="131">
        <v>1</v>
      </c>
      <c r="W36" s="132">
        <v>15</v>
      </c>
      <c r="X36" s="134">
        <v>16</v>
      </c>
      <c r="Y36" s="130">
        <v>94</v>
      </c>
      <c r="Z36" s="131">
        <v>154</v>
      </c>
      <c r="AA36" s="132">
        <v>248</v>
      </c>
      <c r="AB36" s="133">
        <v>0</v>
      </c>
      <c r="AC36" s="131">
        <v>390</v>
      </c>
      <c r="AD36" s="131">
        <v>213</v>
      </c>
      <c r="AE36" s="131">
        <v>140</v>
      </c>
      <c r="AF36" s="131">
        <v>126</v>
      </c>
      <c r="AG36" s="131">
        <v>65</v>
      </c>
      <c r="AH36" s="132">
        <v>934</v>
      </c>
      <c r="AI36" s="134">
        <v>1182</v>
      </c>
    </row>
    <row r="37" spans="2:35" ht="21" customHeight="1" x14ac:dyDescent="0.2">
      <c r="B37" s="106" t="s">
        <v>36</v>
      </c>
      <c r="C37" s="130">
        <v>53</v>
      </c>
      <c r="D37" s="131">
        <v>149</v>
      </c>
      <c r="E37" s="132">
        <v>202</v>
      </c>
      <c r="F37" s="133">
        <v>0</v>
      </c>
      <c r="G37" s="131">
        <v>299</v>
      </c>
      <c r="H37" s="131">
        <v>290</v>
      </c>
      <c r="I37" s="131">
        <v>198</v>
      </c>
      <c r="J37" s="131">
        <v>97</v>
      </c>
      <c r="K37" s="131">
        <v>85</v>
      </c>
      <c r="L37" s="132">
        <v>969</v>
      </c>
      <c r="M37" s="134">
        <v>1171</v>
      </c>
      <c r="N37" s="135">
        <v>1</v>
      </c>
      <c r="O37" s="131">
        <v>5</v>
      </c>
      <c r="P37" s="132">
        <v>6</v>
      </c>
      <c r="Q37" s="133">
        <v>0</v>
      </c>
      <c r="R37" s="131">
        <v>7</v>
      </c>
      <c r="S37" s="131">
        <v>4</v>
      </c>
      <c r="T37" s="131">
        <v>6</v>
      </c>
      <c r="U37" s="131">
        <v>5</v>
      </c>
      <c r="V37" s="131">
        <v>3</v>
      </c>
      <c r="W37" s="132">
        <v>25</v>
      </c>
      <c r="X37" s="134">
        <v>31</v>
      </c>
      <c r="Y37" s="130">
        <v>54</v>
      </c>
      <c r="Z37" s="131">
        <v>154</v>
      </c>
      <c r="AA37" s="132">
        <v>208</v>
      </c>
      <c r="AB37" s="133">
        <v>0</v>
      </c>
      <c r="AC37" s="131">
        <v>306</v>
      </c>
      <c r="AD37" s="131">
        <v>294</v>
      </c>
      <c r="AE37" s="131">
        <v>204</v>
      </c>
      <c r="AF37" s="131">
        <v>102</v>
      </c>
      <c r="AG37" s="131">
        <v>88</v>
      </c>
      <c r="AH37" s="132">
        <v>994</v>
      </c>
      <c r="AI37" s="134">
        <v>1202</v>
      </c>
    </row>
    <row r="38" spans="2:35" ht="21" customHeight="1" thickBot="1" x14ac:dyDescent="0.25">
      <c r="B38" s="108" t="s">
        <v>37</v>
      </c>
      <c r="C38" s="136">
        <v>11</v>
      </c>
      <c r="D38" s="137">
        <v>6</v>
      </c>
      <c r="E38" s="138">
        <v>17</v>
      </c>
      <c r="F38" s="139">
        <v>0</v>
      </c>
      <c r="G38" s="137">
        <v>25</v>
      </c>
      <c r="H38" s="137">
        <v>27</v>
      </c>
      <c r="I38" s="137">
        <v>17</v>
      </c>
      <c r="J38" s="137">
        <v>12</v>
      </c>
      <c r="K38" s="137">
        <v>6</v>
      </c>
      <c r="L38" s="138">
        <v>87</v>
      </c>
      <c r="M38" s="140">
        <v>104</v>
      </c>
      <c r="N38" s="141">
        <v>0</v>
      </c>
      <c r="O38" s="137">
        <v>0</v>
      </c>
      <c r="P38" s="138">
        <v>0</v>
      </c>
      <c r="Q38" s="139">
        <v>0</v>
      </c>
      <c r="R38" s="137">
        <v>0</v>
      </c>
      <c r="S38" s="137">
        <v>3</v>
      </c>
      <c r="T38" s="137">
        <v>0</v>
      </c>
      <c r="U38" s="137">
        <v>2</v>
      </c>
      <c r="V38" s="137">
        <v>0</v>
      </c>
      <c r="W38" s="138">
        <v>5</v>
      </c>
      <c r="X38" s="140">
        <v>5</v>
      </c>
      <c r="Y38" s="136">
        <v>11</v>
      </c>
      <c r="Z38" s="137">
        <v>6</v>
      </c>
      <c r="AA38" s="138">
        <v>17</v>
      </c>
      <c r="AB38" s="139">
        <v>0</v>
      </c>
      <c r="AC38" s="137">
        <v>25</v>
      </c>
      <c r="AD38" s="137">
        <v>30</v>
      </c>
      <c r="AE38" s="137">
        <v>17</v>
      </c>
      <c r="AF38" s="137">
        <v>14</v>
      </c>
      <c r="AG38" s="137">
        <v>6</v>
      </c>
      <c r="AH38" s="138">
        <v>92</v>
      </c>
      <c r="AI38" s="140">
        <v>109</v>
      </c>
    </row>
    <row r="39" spans="2:35" x14ac:dyDescent="0.2">
      <c r="AA39" s="11"/>
      <c r="AB39" s="11"/>
      <c r="AC39" s="11"/>
      <c r="AD39" s="11"/>
      <c r="AE39" s="11"/>
      <c r="AF39" s="11"/>
      <c r="AG39" s="11"/>
      <c r="AH39" s="11"/>
      <c r="AI39" s="11"/>
    </row>
  </sheetData>
  <mergeCells count="5">
    <mergeCell ref="C3:M3"/>
    <mergeCell ref="N3:X3"/>
    <mergeCell ref="Y3:AI3"/>
    <mergeCell ref="G1:H1"/>
    <mergeCell ref="J1:K1"/>
  </mergeCells>
  <phoneticPr fontId="4"/>
  <pageMargins left="0.43307086614173229" right="0.27559055118110237" top="0.35433070866141736" bottom="0.39370078740157483" header="0.19685039370078741" footer="0.19685039370078741"/>
  <pageSetup paperSize="9" scale="48" orientation="landscape" r:id="rId1"/>
  <headerFooter alignWithMargins="0">
    <oddFooter>&amp;L&amp;20&amp;A&amp;C&amp;P/&amp;N</oddFooter>
  </headerFooter>
  <colBreaks count="1" manualBreakCount="1">
    <brk id="24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B1:EZ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143" customWidth="1"/>
    <col min="2" max="2" width="9.77734375" style="143" customWidth="1"/>
    <col min="3" max="4" width="9" style="143"/>
    <col min="5" max="5" width="10.33203125" style="143" customWidth="1"/>
    <col min="6" max="6" width="7.6640625" style="143" customWidth="1"/>
    <col min="7" max="7" width="10.21875" style="143" customWidth="1"/>
    <col min="8" max="8" width="10.44140625" style="143" customWidth="1"/>
    <col min="9" max="16" width="9" style="143"/>
    <col min="17" max="17" width="7.21875" style="143" customWidth="1"/>
    <col min="18" max="27" width="9" style="143"/>
    <col min="28" max="28" width="7.6640625" style="143" customWidth="1"/>
    <col min="29" max="38" width="9" style="143"/>
    <col min="39" max="39" width="7.6640625" style="143" customWidth="1"/>
    <col min="40" max="49" width="9" style="143"/>
    <col min="50" max="50" width="7.21875" style="143" customWidth="1"/>
    <col min="51" max="60" width="9" style="143"/>
    <col min="61" max="61" width="7.21875" style="143" customWidth="1"/>
    <col min="62" max="71" width="9" style="143"/>
    <col min="72" max="72" width="7.33203125" style="143" customWidth="1"/>
    <col min="73" max="82" width="9" style="143"/>
    <col min="83" max="83" width="7.44140625" style="143" customWidth="1"/>
    <col min="84" max="93" width="9" style="143"/>
    <col min="94" max="94" width="7.6640625" style="143" customWidth="1"/>
    <col min="95" max="104" width="9" style="143"/>
    <col min="105" max="105" width="7.44140625" style="143" customWidth="1"/>
    <col min="106" max="115" width="9" style="143"/>
    <col min="116" max="116" width="7.44140625" style="143" customWidth="1"/>
    <col min="117" max="126" width="9" style="143"/>
    <col min="127" max="127" width="7.44140625" style="143" customWidth="1"/>
    <col min="128" max="137" width="9" style="143"/>
    <col min="138" max="138" width="7.33203125" style="143" customWidth="1"/>
    <col min="139" max="148" width="9" style="143"/>
    <col min="149" max="149" width="7.77734375" style="143" customWidth="1"/>
    <col min="150" max="16384" width="9" style="143"/>
  </cols>
  <sheetData>
    <row r="1" spans="2:156" ht="24" customHeight="1" x14ac:dyDescent="0.2">
      <c r="B1" s="142" t="s">
        <v>120</v>
      </c>
      <c r="I1" s="442">
        <f>第１表!F2</f>
        <v>7</v>
      </c>
      <c r="J1" s="442"/>
      <c r="K1" s="18">
        <f>第１表!G2</f>
        <v>2</v>
      </c>
      <c r="L1" s="461">
        <f>IF(K1&lt;3,K1+12-2,K1-2)</f>
        <v>12</v>
      </c>
      <c r="M1" s="461"/>
    </row>
    <row r="2" spans="2:156" ht="24" customHeight="1" thickBot="1" x14ac:dyDescent="0.25">
      <c r="B2" s="142" t="s">
        <v>134</v>
      </c>
      <c r="G2" s="17"/>
      <c r="H2" s="18"/>
      <c r="J2" s="68"/>
      <c r="K2" s="68"/>
    </row>
    <row r="3" spans="2:156" ht="21" customHeight="1" thickBot="1" x14ac:dyDescent="0.25">
      <c r="B3" s="455"/>
      <c r="C3" s="458" t="s">
        <v>70</v>
      </c>
      <c r="D3" s="459"/>
      <c r="E3" s="459"/>
      <c r="F3" s="459"/>
      <c r="G3" s="459"/>
      <c r="H3" s="459"/>
      <c r="I3" s="459"/>
      <c r="J3" s="459"/>
      <c r="K3" s="459"/>
      <c r="L3" s="459"/>
      <c r="M3" s="460"/>
      <c r="N3" s="458" t="s">
        <v>71</v>
      </c>
      <c r="O3" s="459"/>
      <c r="P3" s="459"/>
      <c r="Q3" s="459"/>
      <c r="R3" s="459"/>
      <c r="S3" s="459"/>
      <c r="T3" s="459"/>
      <c r="U3" s="459"/>
      <c r="V3" s="459"/>
      <c r="W3" s="459"/>
      <c r="X3" s="460"/>
      <c r="Y3" s="458" t="s">
        <v>72</v>
      </c>
      <c r="Z3" s="459"/>
      <c r="AA3" s="459"/>
      <c r="AB3" s="459"/>
      <c r="AC3" s="459"/>
      <c r="AD3" s="459"/>
      <c r="AE3" s="459"/>
      <c r="AF3" s="459"/>
      <c r="AG3" s="459"/>
      <c r="AH3" s="459"/>
      <c r="AI3" s="460"/>
      <c r="AJ3" s="458" t="s">
        <v>73</v>
      </c>
      <c r="AK3" s="459"/>
      <c r="AL3" s="459"/>
      <c r="AM3" s="459"/>
      <c r="AN3" s="459"/>
      <c r="AO3" s="459"/>
      <c r="AP3" s="459"/>
      <c r="AQ3" s="459"/>
      <c r="AR3" s="459"/>
      <c r="AS3" s="459"/>
      <c r="AT3" s="460"/>
      <c r="AU3" s="458" t="s">
        <v>74</v>
      </c>
      <c r="AV3" s="459"/>
      <c r="AW3" s="459"/>
      <c r="AX3" s="459"/>
      <c r="AY3" s="459"/>
      <c r="AZ3" s="459"/>
      <c r="BA3" s="459"/>
      <c r="BB3" s="459"/>
      <c r="BC3" s="459"/>
      <c r="BD3" s="459"/>
      <c r="BE3" s="460"/>
      <c r="BF3" s="458" t="s">
        <v>75</v>
      </c>
      <c r="BG3" s="459"/>
      <c r="BH3" s="459"/>
      <c r="BI3" s="459"/>
      <c r="BJ3" s="459"/>
      <c r="BK3" s="459"/>
      <c r="BL3" s="459"/>
      <c r="BM3" s="459"/>
      <c r="BN3" s="459"/>
      <c r="BO3" s="459"/>
      <c r="BP3" s="460"/>
      <c r="BQ3" s="458" t="s">
        <v>76</v>
      </c>
      <c r="BR3" s="459"/>
      <c r="BS3" s="459"/>
      <c r="BT3" s="459"/>
      <c r="BU3" s="459"/>
      <c r="BV3" s="459"/>
      <c r="BW3" s="459"/>
      <c r="BX3" s="459"/>
      <c r="BY3" s="459"/>
      <c r="BZ3" s="459"/>
      <c r="CA3" s="460"/>
      <c r="CB3" s="458" t="s">
        <v>77</v>
      </c>
      <c r="CC3" s="459"/>
      <c r="CD3" s="459"/>
      <c r="CE3" s="459"/>
      <c r="CF3" s="459"/>
      <c r="CG3" s="459"/>
      <c r="CH3" s="459"/>
      <c r="CI3" s="459"/>
      <c r="CJ3" s="459"/>
      <c r="CK3" s="459"/>
      <c r="CL3" s="460"/>
      <c r="CM3" s="458" t="s">
        <v>78</v>
      </c>
      <c r="CN3" s="459"/>
      <c r="CO3" s="459"/>
      <c r="CP3" s="459"/>
      <c r="CQ3" s="459"/>
      <c r="CR3" s="459"/>
      <c r="CS3" s="459"/>
      <c r="CT3" s="459"/>
      <c r="CU3" s="459"/>
      <c r="CV3" s="459"/>
      <c r="CW3" s="460"/>
      <c r="CX3" s="458" t="s">
        <v>79</v>
      </c>
      <c r="CY3" s="459"/>
      <c r="CZ3" s="459"/>
      <c r="DA3" s="459"/>
      <c r="DB3" s="459"/>
      <c r="DC3" s="459"/>
      <c r="DD3" s="459"/>
      <c r="DE3" s="459"/>
      <c r="DF3" s="459"/>
      <c r="DG3" s="459"/>
      <c r="DH3" s="460"/>
      <c r="DI3" s="458" t="s">
        <v>148</v>
      </c>
      <c r="DJ3" s="459"/>
      <c r="DK3" s="459"/>
      <c r="DL3" s="459"/>
      <c r="DM3" s="459"/>
      <c r="DN3" s="459"/>
      <c r="DO3" s="459"/>
      <c r="DP3" s="459"/>
      <c r="DQ3" s="459"/>
      <c r="DR3" s="459"/>
      <c r="DS3" s="460"/>
      <c r="DT3" s="458" t="s">
        <v>80</v>
      </c>
      <c r="DU3" s="459"/>
      <c r="DV3" s="459"/>
      <c r="DW3" s="459"/>
      <c r="DX3" s="459"/>
      <c r="DY3" s="459"/>
      <c r="DZ3" s="459"/>
      <c r="EA3" s="459"/>
      <c r="EB3" s="459"/>
      <c r="EC3" s="459"/>
      <c r="ED3" s="460"/>
      <c r="EE3" s="458" t="s">
        <v>68</v>
      </c>
      <c r="EF3" s="459"/>
      <c r="EG3" s="459"/>
      <c r="EH3" s="459"/>
      <c r="EI3" s="459"/>
      <c r="EJ3" s="459"/>
      <c r="EK3" s="459"/>
      <c r="EL3" s="459"/>
      <c r="EM3" s="459"/>
      <c r="EN3" s="459"/>
      <c r="EO3" s="460"/>
      <c r="EP3" s="462" t="s">
        <v>69</v>
      </c>
      <c r="EQ3" s="463"/>
      <c r="ER3" s="463"/>
      <c r="ES3" s="463"/>
      <c r="ET3" s="463"/>
      <c r="EU3" s="463"/>
      <c r="EV3" s="463"/>
      <c r="EW3" s="463"/>
      <c r="EX3" s="463"/>
      <c r="EY3" s="463"/>
      <c r="EZ3" s="464"/>
    </row>
    <row r="4" spans="2:156" ht="21" customHeight="1" x14ac:dyDescent="0.2">
      <c r="B4" s="456"/>
      <c r="C4" s="450" t="s">
        <v>61</v>
      </c>
      <c r="D4" s="451"/>
      <c r="E4" s="452"/>
      <c r="F4" s="453" t="s">
        <v>62</v>
      </c>
      <c r="G4" s="451"/>
      <c r="H4" s="451"/>
      <c r="I4" s="451"/>
      <c r="J4" s="451"/>
      <c r="K4" s="451"/>
      <c r="L4" s="454"/>
      <c r="M4" s="448" t="s">
        <v>52</v>
      </c>
      <c r="N4" s="450" t="s">
        <v>61</v>
      </c>
      <c r="O4" s="451"/>
      <c r="P4" s="452"/>
      <c r="Q4" s="453" t="s">
        <v>62</v>
      </c>
      <c r="R4" s="451"/>
      <c r="S4" s="451"/>
      <c r="T4" s="451"/>
      <c r="U4" s="451"/>
      <c r="V4" s="451"/>
      <c r="W4" s="452"/>
      <c r="X4" s="448" t="s">
        <v>52</v>
      </c>
      <c r="Y4" s="450" t="s">
        <v>61</v>
      </c>
      <c r="Z4" s="451"/>
      <c r="AA4" s="452"/>
      <c r="AB4" s="453" t="s">
        <v>62</v>
      </c>
      <c r="AC4" s="451"/>
      <c r="AD4" s="451"/>
      <c r="AE4" s="451"/>
      <c r="AF4" s="451"/>
      <c r="AG4" s="451"/>
      <c r="AH4" s="452"/>
      <c r="AI4" s="448" t="s">
        <v>52</v>
      </c>
      <c r="AJ4" s="450" t="s">
        <v>61</v>
      </c>
      <c r="AK4" s="451"/>
      <c r="AL4" s="452"/>
      <c r="AM4" s="453" t="s">
        <v>62</v>
      </c>
      <c r="AN4" s="451"/>
      <c r="AO4" s="451"/>
      <c r="AP4" s="451"/>
      <c r="AQ4" s="451"/>
      <c r="AR4" s="451"/>
      <c r="AS4" s="452"/>
      <c r="AT4" s="448" t="s">
        <v>52</v>
      </c>
      <c r="AU4" s="450" t="s">
        <v>61</v>
      </c>
      <c r="AV4" s="451"/>
      <c r="AW4" s="452"/>
      <c r="AX4" s="453" t="s">
        <v>62</v>
      </c>
      <c r="AY4" s="451"/>
      <c r="AZ4" s="451"/>
      <c r="BA4" s="451"/>
      <c r="BB4" s="451"/>
      <c r="BC4" s="451"/>
      <c r="BD4" s="454"/>
      <c r="BE4" s="448" t="s">
        <v>52</v>
      </c>
      <c r="BF4" s="450" t="s">
        <v>61</v>
      </c>
      <c r="BG4" s="451"/>
      <c r="BH4" s="452"/>
      <c r="BI4" s="453" t="s">
        <v>62</v>
      </c>
      <c r="BJ4" s="451"/>
      <c r="BK4" s="451"/>
      <c r="BL4" s="451"/>
      <c r="BM4" s="451"/>
      <c r="BN4" s="451"/>
      <c r="BO4" s="452"/>
      <c r="BP4" s="448" t="s">
        <v>52</v>
      </c>
      <c r="BQ4" s="450" t="s">
        <v>61</v>
      </c>
      <c r="BR4" s="451"/>
      <c r="BS4" s="452"/>
      <c r="BT4" s="453" t="s">
        <v>62</v>
      </c>
      <c r="BU4" s="451"/>
      <c r="BV4" s="451"/>
      <c r="BW4" s="451"/>
      <c r="BX4" s="451"/>
      <c r="BY4" s="451"/>
      <c r="BZ4" s="452"/>
      <c r="CA4" s="448" t="s">
        <v>52</v>
      </c>
      <c r="CB4" s="450" t="s">
        <v>61</v>
      </c>
      <c r="CC4" s="451"/>
      <c r="CD4" s="452"/>
      <c r="CE4" s="453" t="s">
        <v>62</v>
      </c>
      <c r="CF4" s="451"/>
      <c r="CG4" s="451"/>
      <c r="CH4" s="451"/>
      <c r="CI4" s="451"/>
      <c r="CJ4" s="451"/>
      <c r="CK4" s="452"/>
      <c r="CL4" s="448" t="s">
        <v>52</v>
      </c>
      <c r="CM4" s="450" t="s">
        <v>61</v>
      </c>
      <c r="CN4" s="451"/>
      <c r="CO4" s="452"/>
      <c r="CP4" s="453" t="s">
        <v>62</v>
      </c>
      <c r="CQ4" s="451"/>
      <c r="CR4" s="451"/>
      <c r="CS4" s="451"/>
      <c r="CT4" s="451"/>
      <c r="CU4" s="451"/>
      <c r="CV4" s="452"/>
      <c r="CW4" s="448" t="s">
        <v>52</v>
      </c>
      <c r="CX4" s="450" t="s">
        <v>61</v>
      </c>
      <c r="CY4" s="451"/>
      <c r="CZ4" s="452"/>
      <c r="DA4" s="453" t="s">
        <v>62</v>
      </c>
      <c r="DB4" s="451"/>
      <c r="DC4" s="451"/>
      <c r="DD4" s="451"/>
      <c r="DE4" s="451"/>
      <c r="DF4" s="451"/>
      <c r="DG4" s="452"/>
      <c r="DH4" s="448" t="s">
        <v>52</v>
      </c>
      <c r="DI4" s="450" t="s">
        <v>61</v>
      </c>
      <c r="DJ4" s="451"/>
      <c r="DK4" s="452"/>
      <c r="DL4" s="453" t="s">
        <v>62</v>
      </c>
      <c r="DM4" s="451"/>
      <c r="DN4" s="451"/>
      <c r="DO4" s="451"/>
      <c r="DP4" s="451"/>
      <c r="DQ4" s="451"/>
      <c r="DR4" s="452"/>
      <c r="DS4" s="448" t="s">
        <v>52</v>
      </c>
      <c r="DT4" s="450" t="s">
        <v>61</v>
      </c>
      <c r="DU4" s="451"/>
      <c r="DV4" s="452"/>
      <c r="DW4" s="453" t="s">
        <v>62</v>
      </c>
      <c r="DX4" s="451"/>
      <c r="DY4" s="451"/>
      <c r="DZ4" s="451"/>
      <c r="EA4" s="451"/>
      <c r="EB4" s="451"/>
      <c r="EC4" s="452"/>
      <c r="ED4" s="448" t="s">
        <v>52</v>
      </c>
      <c r="EE4" s="450" t="s">
        <v>61</v>
      </c>
      <c r="EF4" s="451"/>
      <c r="EG4" s="452"/>
      <c r="EH4" s="453" t="s">
        <v>62</v>
      </c>
      <c r="EI4" s="451"/>
      <c r="EJ4" s="451"/>
      <c r="EK4" s="451"/>
      <c r="EL4" s="451"/>
      <c r="EM4" s="451"/>
      <c r="EN4" s="452"/>
      <c r="EO4" s="448" t="s">
        <v>52</v>
      </c>
      <c r="EP4" s="450" t="s">
        <v>61</v>
      </c>
      <c r="EQ4" s="451"/>
      <c r="ER4" s="452"/>
      <c r="ES4" s="453" t="s">
        <v>62</v>
      </c>
      <c r="ET4" s="451"/>
      <c r="EU4" s="451"/>
      <c r="EV4" s="451"/>
      <c r="EW4" s="451"/>
      <c r="EX4" s="451"/>
      <c r="EY4" s="452"/>
      <c r="EZ4" s="448" t="s">
        <v>52</v>
      </c>
    </row>
    <row r="5" spans="2:156" ht="30" customHeight="1" thickBot="1" x14ac:dyDescent="0.25">
      <c r="B5" s="457"/>
      <c r="C5" s="144" t="s">
        <v>43</v>
      </c>
      <c r="D5" s="145" t="s">
        <v>44</v>
      </c>
      <c r="E5" s="146" t="s">
        <v>45</v>
      </c>
      <c r="F5" s="147" t="s">
        <v>83</v>
      </c>
      <c r="G5" s="145" t="s">
        <v>47</v>
      </c>
      <c r="H5" s="145" t="s">
        <v>48</v>
      </c>
      <c r="I5" s="145" t="s">
        <v>49</v>
      </c>
      <c r="J5" s="145" t="s">
        <v>50</v>
      </c>
      <c r="K5" s="145" t="s">
        <v>51</v>
      </c>
      <c r="L5" s="148" t="s">
        <v>45</v>
      </c>
      <c r="M5" s="449"/>
      <c r="N5" s="144" t="s">
        <v>43</v>
      </c>
      <c r="O5" s="145" t="s">
        <v>44</v>
      </c>
      <c r="P5" s="149" t="s">
        <v>45</v>
      </c>
      <c r="Q5" s="147" t="s">
        <v>83</v>
      </c>
      <c r="R5" s="145" t="s">
        <v>47</v>
      </c>
      <c r="S5" s="145" t="s">
        <v>48</v>
      </c>
      <c r="T5" s="145" t="s">
        <v>49</v>
      </c>
      <c r="U5" s="145" t="s">
        <v>50</v>
      </c>
      <c r="V5" s="145" t="s">
        <v>51</v>
      </c>
      <c r="W5" s="149" t="s">
        <v>45</v>
      </c>
      <c r="X5" s="449"/>
      <c r="Y5" s="144" t="s">
        <v>43</v>
      </c>
      <c r="Z5" s="145" t="s">
        <v>44</v>
      </c>
      <c r="AA5" s="149" t="s">
        <v>45</v>
      </c>
      <c r="AB5" s="147" t="s">
        <v>83</v>
      </c>
      <c r="AC5" s="145" t="s">
        <v>47</v>
      </c>
      <c r="AD5" s="145" t="s">
        <v>48</v>
      </c>
      <c r="AE5" s="145" t="s">
        <v>49</v>
      </c>
      <c r="AF5" s="145" t="s">
        <v>50</v>
      </c>
      <c r="AG5" s="145" t="s">
        <v>51</v>
      </c>
      <c r="AH5" s="149" t="s">
        <v>45</v>
      </c>
      <c r="AI5" s="449"/>
      <c r="AJ5" s="144" t="s">
        <v>43</v>
      </c>
      <c r="AK5" s="145" t="s">
        <v>44</v>
      </c>
      <c r="AL5" s="149" t="s">
        <v>45</v>
      </c>
      <c r="AM5" s="147" t="s">
        <v>83</v>
      </c>
      <c r="AN5" s="145" t="s">
        <v>47</v>
      </c>
      <c r="AO5" s="145" t="s">
        <v>48</v>
      </c>
      <c r="AP5" s="145" t="s">
        <v>49</v>
      </c>
      <c r="AQ5" s="145" t="s">
        <v>50</v>
      </c>
      <c r="AR5" s="145" t="s">
        <v>51</v>
      </c>
      <c r="AS5" s="149" t="s">
        <v>45</v>
      </c>
      <c r="AT5" s="449"/>
      <c r="AU5" s="144" t="s">
        <v>43</v>
      </c>
      <c r="AV5" s="145" t="s">
        <v>44</v>
      </c>
      <c r="AW5" s="149" t="s">
        <v>45</v>
      </c>
      <c r="AX5" s="147" t="s">
        <v>83</v>
      </c>
      <c r="AY5" s="145" t="s">
        <v>47</v>
      </c>
      <c r="AZ5" s="145" t="s">
        <v>48</v>
      </c>
      <c r="BA5" s="145" t="s">
        <v>49</v>
      </c>
      <c r="BB5" s="145" t="s">
        <v>50</v>
      </c>
      <c r="BC5" s="145" t="s">
        <v>51</v>
      </c>
      <c r="BD5" s="148" t="s">
        <v>45</v>
      </c>
      <c r="BE5" s="449"/>
      <c r="BF5" s="144" t="s">
        <v>43</v>
      </c>
      <c r="BG5" s="145" t="s">
        <v>44</v>
      </c>
      <c r="BH5" s="149" t="s">
        <v>45</v>
      </c>
      <c r="BI5" s="147" t="s">
        <v>83</v>
      </c>
      <c r="BJ5" s="145" t="s">
        <v>47</v>
      </c>
      <c r="BK5" s="145" t="s">
        <v>48</v>
      </c>
      <c r="BL5" s="145" t="s">
        <v>49</v>
      </c>
      <c r="BM5" s="145" t="s">
        <v>50</v>
      </c>
      <c r="BN5" s="145" t="s">
        <v>51</v>
      </c>
      <c r="BO5" s="149" t="s">
        <v>45</v>
      </c>
      <c r="BP5" s="449"/>
      <c r="BQ5" s="144" t="s">
        <v>43</v>
      </c>
      <c r="BR5" s="145" t="s">
        <v>44</v>
      </c>
      <c r="BS5" s="149" t="s">
        <v>45</v>
      </c>
      <c r="BT5" s="147" t="s">
        <v>83</v>
      </c>
      <c r="BU5" s="145" t="s">
        <v>47</v>
      </c>
      <c r="BV5" s="145" t="s">
        <v>48</v>
      </c>
      <c r="BW5" s="145" t="s">
        <v>49</v>
      </c>
      <c r="BX5" s="145" t="s">
        <v>50</v>
      </c>
      <c r="BY5" s="145" t="s">
        <v>51</v>
      </c>
      <c r="BZ5" s="149" t="s">
        <v>45</v>
      </c>
      <c r="CA5" s="449"/>
      <c r="CB5" s="144" t="s">
        <v>43</v>
      </c>
      <c r="CC5" s="145" t="s">
        <v>44</v>
      </c>
      <c r="CD5" s="149" t="s">
        <v>45</v>
      </c>
      <c r="CE5" s="147" t="s">
        <v>83</v>
      </c>
      <c r="CF5" s="145" t="s">
        <v>47</v>
      </c>
      <c r="CG5" s="145" t="s">
        <v>48</v>
      </c>
      <c r="CH5" s="145" t="s">
        <v>49</v>
      </c>
      <c r="CI5" s="145" t="s">
        <v>50</v>
      </c>
      <c r="CJ5" s="145" t="s">
        <v>51</v>
      </c>
      <c r="CK5" s="149" t="s">
        <v>45</v>
      </c>
      <c r="CL5" s="449"/>
      <c r="CM5" s="144" t="s">
        <v>43</v>
      </c>
      <c r="CN5" s="145" t="s">
        <v>44</v>
      </c>
      <c r="CO5" s="149" t="s">
        <v>45</v>
      </c>
      <c r="CP5" s="147" t="s">
        <v>83</v>
      </c>
      <c r="CQ5" s="145" t="s">
        <v>47</v>
      </c>
      <c r="CR5" s="145" t="s">
        <v>48</v>
      </c>
      <c r="CS5" s="145" t="s">
        <v>49</v>
      </c>
      <c r="CT5" s="145" t="s">
        <v>50</v>
      </c>
      <c r="CU5" s="145" t="s">
        <v>51</v>
      </c>
      <c r="CV5" s="149" t="s">
        <v>45</v>
      </c>
      <c r="CW5" s="449"/>
      <c r="CX5" s="144" t="s">
        <v>43</v>
      </c>
      <c r="CY5" s="145" t="s">
        <v>44</v>
      </c>
      <c r="CZ5" s="149" t="s">
        <v>45</v>
      </c>
      <c r="DA5" s="147" t="s">
        <v>83</v>
      </c>
      <c r="DB5" s="145" t="s">
        <v>47</v>
      </c>
      <c r="DC5" s="145" t="s">
        <v>48</v>
      </c>
      <c r="DD5" s="145" t="s">
        <v>49</v>
      </c>
      <c r="DE5" s="145" t="s">
        <v>50</v>
      </c>
      <c r="DF5" s="145" t="s">
        <v>51</v>
      </c>
      <c r="DG5" s="149" t="s">
        <v>45</v>
      </c>
      <c r="DH5" s="449"/>
      <c r="DI5" s="144" t="s">
        <v>43</v>
      </c>
      <c r="DJ5" s="145" t="s">
        <v>44</v>
      </c>
      <c r="DK5" s="149" t="s">
        <v>45</v>
      </c>
      <c r="DL5" s="147" t="s">
        <v>83</v>
      </c>
      <c r="DM5" s="145" t="s">
        <v>47</v>
      </c>
      <c r="DN5" s="145" t="s">
        <v>48</v>
      </c>
      <c r="DO5" s="145" t="s">
        <v>49</v>
      </c>
      <c r="DP5" s="145" t="s">
        <v>50</v>
      </c>
      <c r="DQ5" s="145" t="s">
        <v>51</v>
      </c>
      <c r="DR5" s="149" t="s">
        <v>45</v>
      </c>
      <c r="DS5" s="449"/>
      <c r="DT5" s="144" t="s">
        <v>43</v>
      </c>
      <c r="DU5" s="145" t="s">
        <v>44</v>
      </c>
      <c r="DV5" s="149" t="s">
        <v>45</v>
      </c>
      <c r="DW5" s="147" t="s">
        <v>83</v>
      </c>
      <c r="DX5" s="145" t="s">
        <v>47</v>
      </c>
      <c r="DY5" s="145" t="s">
        <v>48</v>
      </c>
      <c r="DZ5" s="145" t="s">
        <v>49</v>
      </c>
      <c r="EA5" s="145" t="s">
        <v>50</v>
      </c>
      <c r="EB5" s="145" t="s">
        <v>51</v>
      </c>
      <c r="EC5" s="149" t="s">
        <v>45</v>
      </c>
      <c r="ED5" s="449"/>
      <c r="EE5" s="144" t="s">
        <v>43</v>
      </c>
      <c r="EF5" s="145" t="s">
        <v>44</v>
      </c>
      <c r="EG5" s="149" t="s">
        <v>45</v>
      </c>
      <c r="EH5" s="147" t="s">
        <v>83</v>
      </c>
      <c r="EI5" s="145" t="s">
        <v>47</v>
      </c>
      <c r="EJ5" s="145" t="s">
        <v>48</v>
      </c>
      <c r="EK5" s="145" t="s">
        <v>49</v>
      </c>
      <c r="EL5" s="145" t="s">
        <v>50</v>
      </c>
      <c r="EM5" s="145" t="s">
        <v>51</v>
      </c>
      <c r="EN5" s="149" t="s">
        <v>45</v>
      </c>
      <c r="EO5" s="449"/>
      <c r="EP5" s="144" t="s">
        <v>43</v>
      </c>
      <c r="EQ5" s="145" t="s">
        <v>44</v>
      </c>
      <c r="ER5" s="149" t="s">
        <v>45</v>
      </c>
      <c r="ES5" s="147" t="s">
        <v>83</v>
      </c>
      <c r="ET5" s="145" t="s">
        <v>47</v>
      </c>
      <c r="EU5" s="145" t="s">
        <v>48</v>
      </c>
      <c r="EV5" s="145" t="s">
        <v>49</v>
      </c>
      <c r="EW5" s="145" t="s">
        <v>50</v>
      </c>
      <c r="EX5" s="145" t="s">
        <v>51</v>
      </c>
      <c r="EY5" s="149" t="s">
        <v>45</v>
      </c>
      <c r="EZ5" s="449"/>
    </row>
    <row r="6" spans="2:156" ht="21" customHeight="1" x14ac:dyDescent="0.2">
      <c r="B6" s="150" t="s">
        <v>4</v>
      </c>
      <c r="C6" s="151">
        <v>0</v>
      </c>
      <c r="D6" s="152">
        <v>0</v>
      </c>
      <c r="E6" s="153">
        <v>0</v>
      </c>
      <c r="F6" s="154">
        <v>0</v>
      </c>
      <c r="G6" s="152">
        <v>19433</v>
      </c>
      <c r="H6" s="152">
        <v>24044</v>
      </c>
      <c r="I6" s="152">
        <v>13068</v>
      </c>
      <c r="J6" s="152">
        <v>10433</v>
      </c>
      <c r="K6" s="152">
        <v>7752</v>
      </c>
      <c r="L6" s="155">
        <v>74730</v>
      </c>
      <c r="M6" s="156">
        <v>74730</v>
      </c>
      <c r="N6" s="151">
        <v>5</v>
      </c>
      <c r="O6" s="152">
        <v>18</v>
      </c>
      <c r="P6" s="157">
        <v>23</v>
      </c>
      <c r="Q6" s="154">
        <v>0</v>
      </c>
      <c r="R6" s="152">
        <v>116</v>
      </c>
      <c r="S6" s="152">
        <v>428</v>
      </c>
      <c r="T6" s="152">
        <v>760</v>
      </c>
      <c r="U6" s="152">
        <v>2035</v>
      </c>
      <c r="V6" s="152">
        <v>3519</v>
      </c>
      <c r="W6" s="157">
        <v>6858</v>
      </c>
      <c r="X6" s="156">
        <v>6881</v>
      </c>
      <c r="Y6" s="151">
        <v>2699</v>
      </c>
      <c r="Z6" s="152">
        <v>6796</v>
      </c>
      <c r="AA6" s="157">
        <v>9495</v>
      </c>
      <c r="AB6" s="154">
        <v>0</v>
      </c>
      <c r="AC6" s="152">
        <v>13640</v>
      </c>
      <c r="AD6" s="152">
        <v>19528</v>
      </c>
      <c r="AE6" s="152">
        <v>11173</v>
      </c>
      <c r="AF6" s="152">
        <v>9200</v>
      </c>
      <c r="AG6" s="152">
        <v>6791</v>
      </c>
      <c r="AH6" s="157">
        <v>60332</v>
      </c>
      <c r="AI6" s="156">
        <v>69827</v>
      </c>
      <c r="AJ6" s="151">
        <v>290</v>
      </c>
      <c r="AK6" s="152">
        <v>834</v>
      </c>
      <c r="AL6" s="157">
        <v>1124</v>
      </c>
      <c r="AM6" s="154">
        <v>0</v>
      </c>
      <c r="AN6" s="152">
        <v>1154</v>
      </c>
      <c r="AO6" s="152">
        <v>1776</v>
      </c>
      <c r="AP6" s="152">
        <v>1124</v>
      </c>
      <c r="AQ6" s="152">
        <v>873</v>
      </c>
      <c r="AR6" s="152">
        <v>614</v>
      </c>
      <c r="AS6" s="157">
        <v>5541</v>
      </c>
      <c r="AT6" s="156">
        <v>6665</v>
      </c>
      <c r="AU6" s="151">
        <v>3206</v>
      </c>
      <c r="AV6" s="152">
        <v>4677</v>
      </c>
      <c r="AW6" s="157">
        <v>7883</v>
      </c>
      <c r="AX6" s="154">
        <v>0</v>
      </c>
      <c r="AY6" s="152">
        <v>20814</v>
      </c>
      <c r="AZ6" s="152">
        <v>26508</v>
      </c>
      <c r="BA6" s="152">
        <v>21731</v>
      </c>
      <c r="BB6" s="152">
        <v>21225</v>
      </c>
      <c r="BC6" s="152">
        <v>15539</v>
      </c>
      <c r="BD6" s="155">
        <v>105817</v>
      </c>
      <c r="BE6" s="156">
        <v>113700</v>
      </c>
      <c r="BF6" s="151">
        <v>0</v>
      </c>
      <c r="BG6" s="152">
        <v>0</v>
      </c>
      <c r="BH6" s="157">
        <v>0</v>
      </c>
      <c r="BI6" s="154">
        <v>0</v>
      </c>
      <c r="BJ6" s="152">
        <v>23260</v>
      </c>
      <c r="BK6" s="152">
        <v>22285</v>
      </c>
      <c r="BL6" s="152">
        <v>11343</v>
      </c>
      <c r="BM6" s="152">
        <v>6497</v>
      </c>
      <c r="BN6" s="152">
        <v>3059</v>
      </c>
      <c r="BO6" s="157">
        <v>66444</v>
      </c>
      <c r="BP6" s="156">
        <v>66444</v>
      </c>
      <c r="BQ6" s="151">
        <v>1801</v>
      </c>
      <c r="BR6" s="152">
        <v>2844</v>
      </c>
      <c r="BS6" s="157">
        <v>4645</v>
      </c>
      <c r="BT6" s="154">
        <v>0</v>
      </c>
      <c r="BU6" s="152">
        <v>4680</v>
      </c>
      <c r="BV6" s="152">
        <v>6701</v>
      </c>
      <c r="BW6" s="152">
        <v>3778</v>
      </c>
      <c r="BX6" s="152">
        <v>2310</v>
      </c>
      <c r="BY6" s="152">
        <v>838</v>
      </c>
      <c r="BZ6" s="157">
        <v>18307</v>
      </c>
      <c r="CA6" s="156">
        <v>22952</v>
      </c>
      <c r="CB6" s="151">
        <v>66</v>
      </c>
      <c r="CC6" s="152">
        <v>235</v>
      </c>
      <c r="CD6" s="157">
        <v>301</v>
      </c>
      <c r="CE6" s="154">
        <v>0</v>
      </c>
      <c r="CF6" s="152">
        <v>2301</v>
      </c>
      <c r="CG6" s="152">
        <v>3804</v>
      </c>
      <c r="CH6" s="152">
        <v>4611</v>
      </c>
      <c r="CI6" s="152">
        <v>3153</v>
      </c>
      <c r="CJ6" s="152">
        <v>1784</v>
      </c>
      <c r="CK6" s="157">
        <v>15653</v>
      </c>
      <c r="CL6" s="156">
        <v>15954</v>
      </c>
      <c r="CM6" s="151">
        <v>5</v>
      </c>
      <c r="CN6" s="152">
        <v>17</v>
      </c>
      <c r="CO6" s="157">
        <v>22</v>
      </c>
      <c r="CP6" s="154">
        <v>0</v>
      </c>
      <c r="CQ6" s="152">
        <v>200</v>
      </c>
      <c r="CR6" s="152">
        <v>460</v>
      </c>
      <c r="CS6" s="152">
        <v>572</v>
      </c>
      <c r="CT6" s="152">
        <v>518</v>
      </c>
      <c r="CU6" s="152">
        <v>363</v>
      </c>
      <c r="CV6" s="157">
        <v>2113</v>
      </c>
      <c r="CW6" s="156">
        <v>2135</v>
      </c>
      <c r="CX6" s="151">
        <v>0</v>
      </c>
      <c r="CY6" s="152">
        <v>0</v>
      </c>
      <c r="CZ6" s="157">
        <v>0</v>
      </c>
      <c r="DA6" s="154">
        <v>0</v>
      </c>
      <c r="DB6" s="152">
        <v>0</v>
      </c>
      <c r="DC6" s="152">
        <v>0</v>
      </c>
      <c r="DD6" s="152">
        <v>0</v>
      </c>
      <c r="DE6" s="152">
        <v>0</v>
      </c>
      <c r="DF6" s="152">
        <v>0</v>
      </c>
      <c r="DG6" s="157">
        <v>0</v>
      </c>
      <c r="DH6" s="156">
        <v>0</v>
      </c>
      <c r="DI6" s="151">
        <v>0</v>
      </c>
      <c r="DJ6" s="152">
        <v>0</v>
      </c>
      <c r="DK6" s="157">
        <v>0</v>
      </c>
      <c r="DL6" s="154">
        <v>0</v>
      </c>
      <c r="DM6" s="152">
        <v>0</v>
      </c>
      <c r="DN6" s="152">
        <v>0</v>
      </c>
      <c r="DO6" s="152">
        <v>0</v>
      </c>
      <c r="DP6" s="152">
        <v>0</v>
      </c>
      <c r="DQ6" s="152">
        <v>0</v>
      </c>
      <c r="DR6" s="157">
        <v>0</v>
      </c>
      <c r="DS6" s="156">
        <v>0</v>
      </c>
      <c r="DT6" s="151">
        <v>12162</v>
      </c>
      <c r="DU6" s="152">
        <v>25796</v>
      </c>
      <c r="DV6" s="157">
        <v>37958</v>
      </c>
      <c r="DW6" s="154">
        <v>0</v>
      </c>
      <c r="DX6" s="152">
        <v>29292</v>
      </c>
      <c r="DY6" s="152">
        <v>49812</v>
      </c>
      <c r="DZ6" s="152">
        <v>27818</v>
      </c>
      <c r="EA6" s="152">
        <v>21234</v>
      </c>
      <c r="EB6" s="152">
        <v>13481</v>
      </c>
      <c r="EC6" s="157">
        <v>141637</v>
      </c>
      <c r="ED6" s="156">
        <v>179595</v>
      </c>
      <c r="EE6" s="151">
        <v>1664</v>
      </c>
      <c r="EF6" s="152">
        <v>1367</v>
      </c>
      <c r="EG6" s="157">
        <v>3031</v>
      </c>
      <c r="EH6" s="154">
        <v>0</v>
      </c>
      <c r="EI6" s="152">
        <v>6526</v>
      </c>
      <c r="EJ6" s="152">
        <v>6178</v>
      </c>
      <c r="EK6" s="152">
        <v>5126</v>
      </c>
      <c r="EL6" s="152">
        <v>5769</v>
      </c>
      <c r="EM6" s="152">
        <v>3203</v>
      </c>
      <c r="EN6" s="157">
        <v>26802</v>
      </c>
      <c r="EO6" s="156">
        <v>29833</v>
      </c>
      <c r="EP6" s="151">
        <v>15675</v>
      </c>
      <c r="EQ6" s="152">
        <v>30789</v>
      </c>
      <c r="ER6" s="157">
        <v>46464</v>
      </c>
      <c r="ES6" s="154">
        <v>0</v>
      </c>
      <c r="ET6" s="152">
        <v>60439</v>
      </c>
      <c r="EU6" s="152">
        <v>65177</v>
      </c>
      <c r="EV6" s="152">
        <v>32695</v>
      </c>
      <c r="EW6" s="152">
        <v>22532</v>
      </c>
      <c r="EX6" s="152">
        <v>13629</v>
      </c>
      <c r="EY6" s="157">
        <v>194472</v>
      </c>
      <c r="EZ6" s="156">
        <v>240936</v>
      </c>
    </row>
    <row r="7" spans="2:156" ht="21" customHeight="1" x14ac:dyDescent="0.2">
      <c r="B7" s="158" t="s">
        <v>5</v>
      </c>
      <c r="C7" s="159">
        <v>0</v>
      </c>
      <c r="D7" s="160">
        <v>0</v>
      </c>
      <c r="E7" s="161">
        <v>0</v>
      </c>
      <c r="F7" s="162">
        <v>0</v>
      </c>
      <c r="G7" s="160">
        <v>6844</v>
      </c>
      <c r="H7" s="160">
        <v>11708</v>
      </c>
      <c r="I7" s="160">
        <v>5653</v>
      </c>
      <c r="J7" s="160">
        <v>4207</v>
      </c>
      <c r="K7" s="160">
        <v>3128</v>
      </c>
      <c r="L7" s="163">
        <v>31540</v>
      </c>
      <c r="M7" s="164">
        <v>31540</v>
      </c>
      <c r="N7" s="159">
        <v>2</v>
      </c>
      <c r="O7" s="160">
        <v>10</v>
      </c>
      <c r="P7" s="165">
        <v>12</v>
      </c>
      <c r="Q7" s="162">
        <v>0</v>
      </c>
      <c r="R7" s="160">
        <v>30</v>
      </c>
      <c r="S7" s="160">
        <v>168</v>
      </c>
      <c r="T7" s="160">
        <v>290</v>
      </c>
      <c r="U7" s="160">
        <v>809</v>
      </c>
      <c r="V7" s="160">
        <v>1518</v>
      </c>
      <c r="W7" s="165">
        <v>2815</v>
      </c>
      <c r="X7" s="164">
        <v>2827</v>
      </c>
      <c r="Y7" s="159">
        <v>1106</v>
      </c>
      <c r="Z7" s="160">
        <v>3593</v>
      </c>
      <c r="AA7" s="165">
        <v>4699</v>
      </c>
      <c r="AB7" s="162">
        <v>0</v>
      </c>
      <c r="AC7" s="160">
        <v>4862</v>
      </c>
      <c r="AD7" s="160">
        <v>9809</v>
      </c>
      <c r="AE7" s="160">
        <v>5260</v>
      </c>
      <c r="AF7" s="160">
        <v>4042</v>
      </c>
      <c r="AG7" s="160">
        <v>2872</v>
      </c>
      <c r="AH7" s="165">
        <v>26845</v>
      </c>
      <c r="AI7" s="164">
        <v>31544</v>
      </c>
      <c r="AJ7" s="159">
        <v>112</v>
      </c>
      <c r="AK7" s="160">
        <v>398</v>
      </c>
      <c r="AL7" s="165">
        <v>510</v>
      </c>
      <c r="AM7" s="162">
        <v>0</v>
      </c>
      <c r="AN7" s="160">
        <v>292</v>
      </c>
      <c r="AO7" s="160">
        <v>748</v>
      </c>
      <c r="AP7" s="160">
        <v>481</v>
      </c>
      <c r="AQ7" s="160">
        <v>362</v>
      </c>
      <c r="AR7" s="160">
        <v>244</v>
      </c>
      <c r="AS7" s="165">
        <v>2127</v>
      </c>
      <c r="AT7" s="164">
        <v>2637</v>
      </c>
      <c r="AU7" s="159">
        <v>1214</v>
      </c>
      <c r="AV7" s="160">
        <v>2316</v>
      </c>
      <c r="AW7" s="165">
        <v>3530</v>
      </c>
      <c r="AX7" s="162">
        <v>0</v>
      </c>
      <c r="AY7" s="160">
        <v>7482</v>
      </c>
      <c r="AZ7" s="160">
        <v>11678</v>
      </c>
      <c r="BA7" s="160">
        <v>8826</v>
      </c>
      <c r="BB7" s="160">
        <v>8564</v>
      </c>
      <c r="BC7" s="160">
        <v>6290</v>
      </c>
      <c r="BD7" s="163">
        <v>42840</v>
      </c>
      <c r="BE7" s="164">
        <v>46370</v>
      </c>
      <c r="BF7" s="159">
        <v>0</v>
      </c>
      <c r="BG7" s="160">
        <v>0</v>
      </c>
      <c r="BH7" s="165">
        <v>0</v>
      </c>
      <c r="BI7" s="162">
        <v>0</v>
      </c>
      <c r="BJ7" s="160">
        <v>7322</v>
      </c>
      <c r="BK7" s="160">
        <v>9221</v>
      </c>
      <c r="BL7" s="160">
        <v>4242</v>
      </c>
      <c r="BM7" s="160">
        <v>2304</v>
      </c>
      <c r="BN7" s="160">
        <v>1091</v>
      </c>
      <c r="BO7" s="165">
        <v>24180</v>
      </c>
      <c r="BP7" s="164">
        <v>24180</v>
      </c>
      <c r="BQ7" s="159">
        <v>745</v>
      </c>
      <c r="BR7" s="160">
        <v>1279</v>
      </c>
      <c r="BS7" s="165">
        <v>2024</v>
      </c>
      <c r="BT7" s="162">
        <v>0</v>
      </c>
      <c r="BU7" s="160">
        <v>1377</v>
      </c>
      <c r="BV7" s="160">
        <v>3043</v>
      </c>
      <c r="BW7" s="160">
        <v>1675</v>
      </c>
      <c r="BX7" s="160">
        <v>994</v>
      </c>
      <c r="BY7" s="160">
        <v>340</v>
      </c>
      <c r="BZ7" s="165">
        <v>7429</v>
      </c>
      <c r="CA7" s="164">
        <v>9453</v>
      </c>
      <c r="CB7" s="159">
        <v>19</v>
      </c>
      <c r="CC7" s="160">
        <v>87</v>
      </c>
      <c r="CD7" s="165">
        <v>106</v>
      </c>
      <c r="CE7" s="162">
        <v>0</v>
      </c>
      <c r="CF7" s="160">
        <v>678</v>
      </c>
      <c r="CG7" s="160">
        <v>1395</v>
      </c>
      <c r="CH7" s="160">
        <v>1742</v>
      </c>
      <c r="CI7" s="160">
        <v>1120</v>
      </c>
      <c r="CJ7" s="160">
        <v>653</v>
      </c>
      <c r="CK7" s="165">
        <v>5588</v>
      </c>
      <c r="CL7" s="164">
        <v>5694</v>
      </c>
      <c r="CM7" s="159">
        <v>2</v>
      </c>
      <c r="CN7" s="160">
        <v>10</v>
      </c>
      <c r="CO7" s="165">
        <v>12</v>
      </c>
      <c r="CP7" s="162">
        <v>0</v>
      </c>
      <c r="CQ7" s="160">
        <v>81</v>
      </c>
      <c r="CR7" s="160">
        <v>269</v>
      </c>
      <c r="CS7" s="160">
        <v>324</v>
      </c>
      <c r="CT7" s="160">
        <v>306</v>
      </c>
      <c r="CU7" s="160">
        <v>197</v>
      </c>
      <c r="CV7" s="165">
        <v>1177</v>
      </c>
      <c r="CW7" s="164">
        <v>1189</v>
      </c>
      <c r="CX7" s="159">
        <v>0</v>
      </c>
      <c r="CY7" s="160">
        <v>0</v>
      </c>
      <c r="CZ7" s="165">
        <v>0</v>
      </c>
      <c r="DA7" s="162">
        <v>0</v>
      </c>
      <c r="DB7" s="160">
        <v>0</v>
      </c>
      <c r="DC7" s="160">
        <v>0</v>
      </c>
      <c r="DD7" s="160">
        <v>0</v>
      </c>
      <c r="DE7" s="160">
        <v>0</v>
      </c>
      <c r="DF7" s="160">
        <v>0</v>
      </c>
      <c r="DG7" s="165">
        <v>0</v>
      </c>
      <c r="DH7" s="164">
        <v>0</v>
      </c>
      <c r="DI7" s="159">
        <v>0</v>
      </c>
      <c r="DJ7" s="160">
        <v>0</v>
      </c>
      <c r="DK7" s="165">
        <v>0</v>
      </c>
      <c r="DL7" s="162">
        <v>0</v>
      </c>
      <c r="DM7" s="160">
        <v>0</v>
      </c>
      <c r="DN7" s="160">
        <v>0</v>
      </c>
      <c r="DO7" s="160">
        <v>0</v>
      </c>
      <c r="DP7" s="160">
        <v>0</v>
      </c>
      <c r="DQ7" s="160">
        <v>0</v>
      </c>
      <c r="DR7" s="165">
        <v>0</v>
      </c>
      <c r="DS7" s="164">
        <v>0</v>
      </c>
      <c r="DT7" s="159">
        <v>3958</v>
      </c>
      <c r="DU7" s="160">
        <v>11031</v>
      </c>
      <c r="DV7" s="165">
        <v>14989</v>
      </c>
      <c r="DW7" s="162">
        <v>0</v>
      </c>
      <c r="DX7" s="160">
        <v>8367</v>
      </c>
      <c r="DY7" s="160">
        <v>22153</v>
      </c>
      <c r="DZ7" s="160">
        <v>11378</v>
      </c>
      <c r="EA7" s="160">
        <v>8404</v>
      </c>
      <c r="EB7" s="160">
        <v>5396</v>
      </c>
      <c r="EC7" s="165">
        <v>55698</v>
      </c>
      <c r="ED7" s="164">
        <v>70687</v>
      </c>
      <c r="EE7" s="159">
        <v>654</v>
      </c>
      <c r="EF7" s="160">
        <v>661</v>
      </c>
      <c r="EG7" s="165">
        <v>1315</v>
      </c>
      <c r="EH7" s="162">
        <v>0</v>
      </c>
      <c r="EI7" s="160">
        <v>2594</v>
      </c>
      <c r="EJ7" s="160">
        <v>2940</v>
      </c>
      <c r="EK7" s="160">
        <v>2258</v>
      </c>
      <c r="EL7" s="160">
        <v>2522</v>
      </c>
      <c r="EM7" s="160">
        <v>1328</v>
      </c>
      <c r="EN7" s="165">
        <v>11642</v>
      </c>
      <c r="EO7" s="164">
        <v>12957</v>
      </c>
      <c r="EP7" s="159">
        <v>5471</v>
      </c>
      <c r="EQ7" s="160">
        <v>13667</v>
      </c>
      <c r="ER7" s="165">
        <v>19138</v>
      </c>
      <c r="ES7" s="162">
        <v>0</v>
      </c>
      <c r="ET7" s="160">
        <v>19726</v>
      </c>
      <c r="EU7" s="160">
        <v>29548</v>
      </c>
      <c r="EV7" s="160">
        <v>13590</v>
      </c>
      <c r="EW7" s="160">
        <v>9021</v>
      </c>
      <c r="EX7" s="160">
        <v>5536</v>
      </c>
      <c r="EY7" s="165">
        <v>77421</v>
      </c>
      <c r="EZ7" s="164">
        <v>96559</v>
      </c>
    </row>
    <row r="8" spans="2:156" ht="21" customHeight="1" x14ac:dyDescent="0.2">
      <c r="B8" s="166" t="s">
        <v>6</v>
      </c>
      <c r="C8" s="159">
        <v>0</v>
      </c>
      <c r="D8" s="160">
        <v>0</v>
      </c>
      <c r="E8" s="161">
        <v>0</v>
      </c>
      <c r="F8" s="162">
        <v>0</v>
      </c>
      <c r="G8" s="160">
        <v>3408</v>
      </c>
      <c r="H8" s="160">
        <v>3261</v>
      </c>
      <c r="I8" s="160">
        <v>1834</v>
      </c>
      <c r="J8" s="160">
        <v>1587</v>
      </c>
      <c r="K8" s="160">
        <v>1217</v>
      </c>
      <c r="L8" s="163">
        <v>11307</v>
      </c>
      <c r="M8" s="164">
        <v>11307</v>
      </c>
      <c r="N8" s="159">
        <v>2</v>
      </c>
      <c r="O8" s="160">
        <v>1</v>
      </c>
      <c r="P8" s="165">
        <v>3</v>
      </c>
      <c r="Q8" s="162">
        <v>0</v>
      </c>
      <c r="R8" s="160">
        <v>14</v>
      </c>
      <c r="S8" s="160">
        <v>39</v>
      </c>
      <c r="T8" s="160">
        <v>111</v>
      </c>
      <c r="U8" s="160">
        <v>291</v>
      </c>
      <c r="V8" s="160">
        <v>523</v>
      </c>
      <c r="W8" s="165">
        <v>978</v>
      </c>
      <c r="X8" s="164">
        <v>981</v>
      </c>
      <c r="Y8" s="159">
        <v>443</v>
      </c>
      <c r="Z8" s="160">
        <v>857</v>
      </c>
      <c r="AA8" s="165">
        <v>1300</v>
      </c>
      <c r="AB8" s="162">
        <v>0</v>
      </c>
      <c r="AC8" s="160">
        <v>2547</v>
      </c>
      <c r="AD8" s="160">
        <v>2605</v>
      </c>
      <c r="AE8" s="160">
        <v>1459</v>
      </c>
      <c r="AF8" s="160">
        <v>1268</v>
      </c>
      <c r="AG8" s="160">
        <v>948</v>
      </c>
      <c r="AH8" s="165">
        <v>8827</v>
      </c>
      <c r="AI8" s="164">
        <v>10127</v>
      </c>
      <c r="AJ8" s="159">
        <v>29</v>
      </c>
      <c r="AK8" s="160">
        <v>71</v>
      </c>
      <c r="AL8" s="165">
        <v>100</v>
      </c>
      <c r="AM8" s="162">
        <v>0</v>
      </c>
      <c r="AN8" s="160">
        <v>180</v>
      </c>
      <c r="AO8" s="160">
        <v>212</v>
      </c>
      <c r="AP8" s="160">
        <v>111</v>
      </c>
      <c r="AQ8" s="160">
        <v>111</v>
      </c>
      <c r="AR8" s="160">
        <v>78</v>
      </c>
      <c r="AS8" s="165">
        <v>692</v>
      </c>
      <c r="AT8" s="164">
        <v>792</v>
      </c>
      <c r="AU8" s="159">
        <v>583</v>
      </c>
      <c r="AV8" s="160">
        <v>634</v>
      </c>
      <c r="AW8" s="165">
        <v>1217</v>
      </c>
      <c r="AX8" s="162">
        <v>0</v>
      </c>
      <c r="AY8" s="160">
        <v>3885</v>
      </c>
      <c r="AZ8" s="160">
        <v>4308</v>
      </c>
      <c r="BA8" s="160">
        <v>3461</v>
      </c>
      <c r="BB8" s="160">
        <v>3410</v>
      </c>
      <c r="BC8" s="160">
        <v>2612</v>
      </c>
      <c r="BD8" s="163">
        <v>17676</v>
      </c>
      <c r="BE8" s="164">
        <v>18893</v>
      </c>
      <c r="BF8" s="159">
        <v>0</v>
      </c>
      <c r="BG8" s="160">
        <v>0</v>
      </c>
      <c r="BH8" s="165">
        <v>0</v>
      </c>
      <c r="BI8" s="162">
        <v>0</v>
      </c>
      <c r="BJ8" s="160">
        <v>3928</v>
      </c>
      <c r="BK8" s="160">
        <v>3135</v>
      </c>
      <c r="BL8" s="160">
        <v>1589</v>
      </c>
      <c r="BM8" s="160">
        <v>964</v>
      </c>
      <c r="BN8" s="160">
        <v>432</v>
      </c>
      <c r="BO8" s="165">
        <v>10048</v>
      </c>
      <c r="BP8" s="164">
        <v>10048</v>
      </c>
      <c r="BQ8" s="159">
        <v>138</v>
      </c>
      <c r="BR8" s="160">
        <v>223</v>
      </c>
      <c r="BS8" s="165">
        <v>361</v>
      </c>
      <c r="BT8" s="162">
        <v>0</v>
      </c>
      <c r="BU8" s="160">
        <v>644</v>
      </c>
      <c r="BV8" s="160">
        <v>759</v>
      </c>
      <c r="BW8" s="160">
        <v>462</v>
      </c>
      <c r="BX8" s="160">
        <v>298</v>
      </c>
      <c r="BY8" s="160">
        <v>129</v>
      </c>
      <c r="BZ8" s="165">
        <v>2292</v>
      </c>
      <c r="CA8" s="164">
        <v>2653</v>
      </c>
      <c r="CB8" s="159">
        <v>3</v>
      </c>
      <c r="CC8" s="160">
        <v>24</v>
      </c>
      <c r="CD8" s="165">
        <v>27</v>
      </c>
      <c r="CE8" s="162">
        <v>0</v>
      </c>
      <c r="CF8" s="160">
        <v>280</v>
      </c>
      <c r="CG8" s="160">
        <v>483</v>
      </c>
      <c r="CH8" s="160">
        <v>532</v>
      </c>
      <c r="CI8" s="160">
        <v>397</v>
      </c>
      <c r="CJ8" s="160">
        <v>206</v>
      </c>
      <c r="CK8" s="165">
        <v>1898</v>
      </c>
      <c r="CL8" s="164">
        <v>1925</v>
      </c>
      <c r="CM8" s="159">
        <v>1</v>
      </c>
      <c r="CN8" s="160">
        <v>0</v>
      </c>
      <c r="CO8" s="165">
        <v>1</v>
      </c>
      <c r="CP8" s="162">
        <v>0</v>
      </c>
      <c r="CQ8" s="160">
        <v>30</v>
      </c>
      <c r="CR8" s="160">
        <v>60</v>
      </c>
      <c r="CS8" s="160">
        <v>70</v>
      </c>
      <c r="CT8" s="160">
        <v>64</v>
      </c>
      <c r="CU8" s="160">
        <v>55</v>
      </c>
      <c r="CV8" s="165">
        <v>279</v>
      </c>
      <c r="CW8" s="164">
        <v>280</v>
      </c>
      <c r="CX8" s="159">
        <v>0</v>
      </c>
      <c r="CY8" s="160">
        <v>0</v>
      </c>
      <c r="CZ8" s="165">
        <v>0</v>
      </c>
      <c r="DA8" s="162">
        <v>0</v>
      </c>
      <c r="DB8" s="160">
        <v>0</v>
      </c>
      <c r="DC8" s="160">
        <v>0</v>
      </c>
      <c r="DD8" s="160">
        <v>0</v>
      </c>
      <c r="DE8" s="160">
        <v>0</v>
      </c>
      <c r="DF8" s="160">
        <v>0</v>
      </c>
      <c r="DG8" s="165">
        <v>0</v>
      </c>
      <c r="DH8" s="164">
        <v>0</v>
      </c>
      <c r="DI8" s="159">
        <v>0</v>
      </c>
      <c r="DJ8" s="160">
        <v>0</v>
      </c>
      <c r="DK8" s="165">
        <v>0</v>
      </c>
      <c r="DL8" s="162">
        <v>0</v>
      </c>
      <c r="DM8" s="160">
        <v>0</v>
      </c>
      <c r="DN8" s="160">
        <v>0</v>
      </c>
      <c r="DO8" s="160">
        <v>0</v>
      </c>
      <c r="DP8" s="160">
        <v>0</v>
      </c>
      <c r="DQ8" s="160">
        <v>0</v>
      </c>
      <c r="DR8" s="165">
        <v>0</v>
      </c>
      <c r="DS8" s="164">
        <v>0</v>
      </c>
      <c r="DT8" s="159">
        <v>1836</v>
      </c>
      <c r="DU8" s="160">
        <v>3138</v>
      </c>
      <c r="DV8" s="165">
        <v>4974</v>
      </c>
      <c r="DW8" s="162">
        <v>0</v>
      </c>
      <c r="DX8" s="160">
        <v>5232</v>
      </c>
      <c r="DY8" s="160">
        <v>6543</v>
      </c>
      <c r="DZ8" s="160">
        <v>3840</v>
      </c>
      <c r="EA8" s="160">
        <v>3103</v>
      </c>
      <c r="EB8" s="160">
        <v>2045</v>
      </c>
      <c r="EC8" s="165">
        <v>20763</v>
      </c>
      <c r="ED8" s="164">
        <v>25737</v>
      </c>
      <c r="EE8" s="159">
        <v>263</v>
      </c>
      <c r="EF8" s="160">
        <v>168</v>
      </c>
      <c r="EG8" s="165">
        <v>431</v>
      </c>
      <c r="EH8" s="162">
        <v>0</v>
      </c>
      <c r="EI8" s="160">
        <v>979</v>
      </c>
      <c r="EJ8" s="160">
        <v>845</v>
      </c>
      <c r="EK8" s="160">
        <v>699</v>
      </c>
      <c r="EL8" s="160">
        <v>837</v>
      </c>
      <c r="EM8" s="160">
        <v>523</v>
      </c>
      <c r="EN8" s="165">
        <v>3883</v>
      </c>
      <c r="EO8" s="164">
        <v>4314</v>
      </c>
      <c r="EP8" s="159">
        <v>2269</v>
      </c>
      <c r="EQ8" s="160">
        <v>3669</v>
      </c>
      <c r="ER8" s="165">
        <v>5938</v>
      </c>
      <c r="ES8" s="162">
        <v>0</v>
      </c>
      <c r="ET8" s="160">
        <v>9843</v>
      </c>
      <c r="EU8" s="160">
        <v>8418</v>
      </c>
      <c r="EV8" s="160">
        <v>4344</v>
      </c>
      <c r="EW8" s="160">
        <v>3226</v>
      </c>
      <c r="EX8" s="160">
        <v>2060</v>
      </c>
      <c r="EY8" s="165">
        <v>27891</v>
      </c>
      <c r="EZ8" s="164">
        <v>33829</v>
      </c>
    </row>
    <row r="9" spans="2:156" ht="21" customHeight="1" x14ac:dyDescent="0.2">
      <c r="B9" s="166" t="s">
        <v>14</v>
      </c>
      <c r="C9" s="159">
        <v>0</v>
      </c>
      <c r="D9" s="160">
        <v>0</v>
      </c>
      <c r="E9" s="161">
        <v>0</v>
      </c>
      <c r="F9" s="162">
        <v>0</v>
      </c>
      <c r="G9" s="160">
        <v>1184</v>
      </c>
      <c r="H9" s="160">
        <v>1836</v>
      </c>
      <c r="I9" s="160">
        <v>1111</v>
      </c>
      <c r="J9" s="160">
        <v>805</v>
      </c>
      <c r="K9" s="160">
        <v>571</v>
      </c>
      <c r="L9" s="163">
        <v>5507</v>
      </c>
      <c r="M9" s="164">
        <v>5507</v>
      </c>
      <c r="N9" s="159">
        <v>1</v>
      </c>
      <c r="O9" s="160">
        <v>1</v>
      </c>
      <c r="P9" s="165">
        <v>2</v>
      </c>
      <c r="Q9" s="162">
        <v>0</v>
      </c>
      <c r="R9" s="160">
        <v>3</v>
      </c>
      <c r="S9" s="160">
        <v>24</v>
      </c>
      <c r="T9" s="160">
        <v>53</v>
      </c>
      <c r="U9" s="160">
        <v>158</v>
      </c>
      <c r="V9" s="160">
        <v>222</v>
      </c>
      <c r="W9" s="165">
        <v>460</v>
      </c>
      <c r="X9" s="164">
        <v>462</v>
      </c>
      <c r="Y9" s="159">
        <v>125</v>
      </c>
      <c r="Z9" s="160">
        <v>427</v>
      </c>
      <c r="AA9" s="165">
        <v>552</v>
      </c>
      <c r="AB9" s="162">
        <v>0</v>
      </c>
      <c r="AC9" s="160">
        <v>804</v>
      </c>
      <c r="AD9" s="160">
        <v>1407</v>
      </c>
      <c r="AE9" s="160">
        <v>927</v>
      </c>
      <c r="AF9" s="160">
        <v>705</v>
      </c>
      <c r="AG9" s="160">
        <v>491</v>
      </c>
      <c r="AH9" s="165">
        <v>4334</v>
      </c>
      <c r="AI9" s="164">
        <v>4886</v>
      </c>
      <c r="AJ9" s="159">
        <v>7</v>
      </c>
      <c r="AK9" s="160">
        <v>31</v>
      </c>
      <c r="AL9" s="165">
        <v>38</v>
      </c>
      <c r="AM9" s="162">
        <v>0</v>
      </c>
      <c r="AN9" s="160">
        <v>14</v>
      </c>
      <c r="AO9" s="160">
        <v>64</v>
      </c>
      <c r="AP9" s="160">
        <v>44</v>
      </c>
      <c r="AQ9" s="160">
        <v>38</v>
      </c>
      <c r="AR9" s="160">
        <v>19</v>
      </c>
      <c r="AS9" s="165">
        <v>179</v>
      </c>
      <c r="AT9" s="164">
        <v>217</v>
      </c>
      <c r="AU9" s="159">
        <v>239</v>
      </c>
      <c r="AV9" s="160">
        <v>405</v>
      </c>
      <c r="AW9" s="165">
        <v>644</v>
      </c>
      <c r="AX9" s="162">
        <v>0</v>
      </c>
      <c r="AY9" s="160">
        <v>1469</v>
      </c>
      <c r="AZ9" s="160">
        <v>2096</v>
      </c>
      <c r="BA9" s="160">
        <v>1985</v>
      </c>
      <c r="BB9" s="160">
        <v>1678</v>
      </c>
      <c r="BC9" s="160">
        <v>1163</v>
      </c>
      <c r="BD9" s="163">
        <v>8391</v>
      </c>
      <c r="BE9" s="164">
        <v>9035</v>
      </c>
      <c r="BF9" s="159">
        <v>0</v>
      </c>
      <c r="BG9" s="160">
        <v>0</v>
      </c>
      <c r="BH9" s="165">
        <v>0</v>
      </c>
      <c r="BI9" s="162">
        <v>0</v>
      </c>
      <c r="BJ9" s="160">
        <v>1687</v>
      </c>
      <c r="BK9" s="160">
        <v>2019</v>
      </c>
      <c r="BL9" s="160">
        <v>1138</v>
      </c>
      <c r="BM9" s="160">
        <v>602</v>
      </c>
      <c r="BN9" s="160">
        <v>256</v>
      </c>
      <c r="BO9" s="165">
        <v>5702</v>
      </c>
      <c r="BP9" s="164">
        <v>5702</v>
      </c>
      <c r="BQ9" s="159">
        <v>89</v>
      </c>
      <c r="BR9" s="160">
        <v>159</v>
      </c>
      <c r="BS9" s="165">
        <v>248</v>
      </c>
      <c r="BT9" s="162">
        <v>0</v>
      </c>
      <c r="BU9" s="160">
        <v>143</v>
      </c>
      <c r="BV9" s="160">
        <v>394</v>
      </c>
      <c r="BW9" s="160">
        <v>258</v>
      </c>
      <c r="BX9" s="160">
        <v>138</v>
      </c>
      <c r="BY9" s="160">
        <v>59</v>
      </c>
      <c r="BZ9" s="165">
        <v>992</v>
      </c>
      <c r="CA9" s="164">
        <v>1240</v>
      </c>
      <c r="CB9" s="159">
        <v>1</v>
      </c>
      <c r="CC9" s="160">
        <v>18</v>
      </c>
      <c r="CD9" s="165">
        <v>19</v>
      </c>
      <c r="CE9" s="162">
        <v>0</v>
      </c>
      <c r="CF9" s="160">
        <v>118</v>
      </c>
      <c r="CG9" s="160">
        <v>265</v>
      </c>
      <c r="CH9" s="160">
        <v>419</v>
      </c>
      <c r="CI9" s="160">
        <v>297</v>
      </c>
      <c r="CJ9" s="160">
        <v>156</v>
      </c>
      <c r="CK9" s="165">
        <v>1255</v>
      </c>
      <c r="CL9" s="164">
        <v>1274</v>
      </c>
      <c r="CM9" s="159">
        <v>0</v>
      </c>
      <c r="CN9" s="160">
        <v>0</v>
      </c>
      <c r="CO9" s="165">
        <v>0</v>
      </c>
      <c r="CP9" s="162">
        <v>0</v>
      </c>
      <c r="CQ9" s="160">
        <v>1</v>
      </c>
      <c r="CR9" s="160">
        <v>7</v>
      </c>
      <c r="CS9" s="160">
        <v>11</v>
      </c>
      <c r="CT9" s="160">
        <v>9</v>
      </c>
      <c r="CU9" s="160">
        <v>10</v>
      </c>
      <c r="CV9" s="165">
        <v>38</v>
      </c>
      <c r="CW9" s="164">
        <v>38</v>
      </c>
      <c r="CX9" s="159">
        <v>0</v>
      </c>
      <c r="CY9" s="160">
        <v>0</v>
      </c>
      <c r="CZ9" s="165">
        <v>0</v>
      </c>
      <c r="DA9" s="162">
        <v>0</v>
      </c>
      <c r="DB9" s="160">
        <v>0</v>
      </c>
      <c r="DC9" s="160">
        <v>0</v>
      </c>
      <c r="DD9" s="160">
        <v>0</v>
      </c>
      <c r="DE9" s="160">
        <v>0</v>
      </c>
      <c r="DF9" s="160">
        <v>0</v>
      </c>
      <c r="DG9" s="165">
        <v>0</v>
      </c>
      <c r="DH9" s="164">
        <v>0</v>
      </c>
      <c r="DI9" s="159">
        <v>0</v>
      </c>
      <c r="DJ9" s="160">
        <v>0</v>
      </c>
      <c r="DK9" s="165">
        <v>0</v>
      </c>
      <c r="DL9" s="162">
        <v>0</v>
      </c>
      <c r="DM9" s="160">
        <v>0</v>
      </c>
      <c r="DN9" s="160">
        <v>0</v>
      </c>
      <c r="DO9" s="160">
        <v>0</v>
      </c>
      <c r="DP9" s="160">
        <v>0</v>
      </c>
      <c r="DQ9" s="160">
        <v>0</v>
      </c>
      <c r="DR9" s="165">
        <v>0</v>
      </c>
      <c r="DS9" s="164">
        <v>0</v>
      </c>
      <c r="DT9" s="159">
        <v>895</v>
      </c>
      <c r="DU9" s="160">
        <v>2407</v>
      </c>
      <c r="DV9" s="165">
        <v>3302</v>
      </c>
      <c r="DW9" s="162">
        <v>0</v>
      </c>
      <c r="DX9" s="160">
        <v>2047</v>
      </c>
      <c r="DY9" s="160">
        <v>4276</v>
      </c>
      <c r="DZ9" s="160">
        <v>2527</v>
      </c>
      <c r="EA9" s="160">
        <v>1810</v>
      </c>
      <c r="EB9" s="160">
        <v>1049</v>
      </c>
      <c r="EC9" s="165">
        <v>11709</v>
      </c>
      <c r="ED9" s="164">
        <v>15011</v>
      </c>
      <c r="EE9" s="159">
        <v>117</v>
      </c>
      <c r="EF9" s="160">
        <v>107</v>
      </c>
      <c r="EG9" s="165">
        <v>224</v>
      </c>
      <c r="EH9" s="162">
        <v>0</v>
      </c>
      <c r="EI9" s="160">
        <v>341</v>
      </c>
      <c r="EJ9" s="160">
        <v>335</v>
      </c>
      <c r="EK9" s="160">
        <v>293</v>
      </c>
      <c r="EL9" s="160">
        <v>306</v>
      </c>
      <c r="EM9" s="160">
        <v>172</v>
      </c>
      <c r="EN9" s="165">
        <v>1447</v>
      </c>
      <c r="EO9" s="164">
        <v>1671</v>
      </c>
      <c r="EP9" s="159">
        <v>1053</v>
      </c>
      <c r="EQ9" s="160">
        <v>2685</v>
      </c>
      <c r="ER9" s="165">
        <v>3738</v>
      </c>
      <c r="ES9" s="162">
        <v>0</v>
      </c>
      <c r="ET9" s="160">
        <v>4137</v>
      </c>
      <c r="EU9" s="160">
        <v>5388</v>
      </c>
      <c r="EV9" s="160">
        <v>2939</v>
      </c>
      <c r="EW9" s="160">
        <v>1894</v>
      </c>
      <c r="EX9" s="160">
        <v>1050</v>
      </c>
      <c r="EY9" s="165">
        <v>15408</v>
      </c>
      <c r="EZ9" s="164">
        <v>19146</v>
      </c>
    </row>
    <row r="10" spans="2:156" ht="21" customHeight="1" x14ac:dyDescent="0.2">
      <c r="B10" s="166" t="s">
        <v>7</v>
      </c>
      <c r="C10" s="159">
        <v>0</v>
      </c>
      <c r="D10" s="160">
        <v>0</v>
      </c>
      <c r="E10" s="161">
        <v>0</v>
      </c>
      <c r="F10" s="162">
        <v>0</v>
      </c>
      <c r="G10" s="160">
        <v>1579</v>
      </c>
      <c r="H10" s="160">
        <v>1085</v>
      </c>
      <c r="I10" s="160">
        <v>599</v>
      </c>
      <c r="J10" s="160">
        <v>591</v>
      </c>
      <c r="K10" s="160">
        <v>380</v>
      </c>
      <c r="L10" s="163">
        <v>4234</v>
      </c>
      <c r="M10" s="164">
        <v>4234</v>
      </c>
      <c r="N10" s="159">
        <v>0</v>
      </c>
      <c r="O10" s="160">
        <v>0</v>
      </c>
      <c r="P10" s="165">
        <v>0</v>
      </c>
      <c r="Q10" s="162">
        <v>0</v>
      </c>
      <c r="R10" s="160">
        <v>12</v>
      </c>
      <c r="S10" s="160">
        <v>36</v>
      </c>
      <c r="T10" s="160">
        <v>45</v>
      </c>
      <c r="U10" s="160">
        <v>156</v>
      </c>
      <c r="V10" s="160">
        <v>209</v>
      </c>
      <c r="W10" s="165">
        <v>458</v>
      </c>
      <c r="X10" s="164">
        <v>458</v>
      </c>
      <c r="Y10" s="159">
        <v>19</v>
      </c>
      <c r="Z10" s="160">
        <v>36</v>
      </c>
      <c r="AA10" s="165">
        <v>55</v>
      </c>
      <c r="AB10" s="162">
        <v>0</v>
      </c>
      <c r="AC10" s="160">
        <v>635</v>
      </c>
      <c r="AD10" s="160">
        <v>564</v>
      </c>
      <c r="AE10" s="160">
        <v>322</v>
      </c>
      <c r="AF10" s="160">
        <v>370</v>
      </c>
      <c r="AG10" s="160">
        <v>315</v>
      </c>
      <c r="AH10" s="165">
        <v>2206</v>
      </c>
      <c r="AI10" s="164">
        <v>2261</v>
      </c>
      <c r="AJ10" s="159">
        <v>3</v>
      </c>
      <c r="AK10" s="160">
        <v>11</v>
      </c>
      <c r="AL10" s="165">
        <v>14</v>
      </c>
      <c r="AM10" s="162">
        <v>0</v>
      </c>
      <c r="AN10" s="160">
        <v>67</v>
      </c>
      <c r="AO10" s="160">
        <v>72</v>
      </c>
      <c r="AP10" s="160">
        <v>47</v>
      </c>
      <c r="AQ10" s="160">
        <v>41</v>
      </c>
      <c r="AR10" s="160">
        <v>24</v>
      </c>
      <c r="AS10" s="165">
        <v>251</v>
      </c>
      <c r="AT10" s="164">
        <v>265</v>
      </c>
      <c r="AU10" s="159">
        <v>169</v>
      </c>
      <c r="AV10" s="160">
        <v>139</v>
      </c>
      <c r="AW10" s="165">
        <v>308</v>
      </c>
      <c r="AX10" s="162">
        <v>0</v>
      </c>
      <c r="AY10" s="160">
        <v>1401</v>
      </c>
      <c r="AZ10" s="160">
        <v>1238</v>
      </c>
      <c r="BA10" s="160">
        <v>1012</v>
      </c>
      <c r="BB10" s="160">
        <v>1120</v>
      </c>
      <c r="BC10" s="160">
        <v>708</v>
      </c>
      <c r="BD10" s="163">
        <v>5479</v>
      </c>
      <c r="BE10" s="164">
        <v>5787</v>
      </c>
      <c r="BF10" s="159">
        <v>0</v>
      </c>
      <c r="BG10" s="160">
        <v>0</v>
      </c>
      <c r="BH10" s="165">
        <v>0</v>
      </c>
      <c r="BI10" s="162">
        <v>0</v>
      </c>
      <c r="BJ10" s="160">
        <v>1797</v>
      </c>
      <c r="BK10" s="160">
        <v>1071</v>
      </c>
      <c r="BL10" s="160">
        <v>522</v>
      </c>
      <c r="BM10" s="160">
        <v>298</v>
      </c>
      <c r="BN10" s="160">
        <v>145</v>
      </c>
      <c r="BO10" s="165">
        <v>3833</v>
      </c>
      <c r="BP10" s="164">
        <v>3833</v>
      </c>
      <c r="BQ10" s="159">
        <v>61</v>
      </c>
      <c r="BR10" s="160">
        <v>67</v>
      </c>
      <c r="BS10" s="165">
        <v>128</v>
      </c>
      <c r="BT10" s="162">
        <v>0</v>
      </c>
      <c r="BU10" s="160">
        <v>297</v>
      </c>
      <c r="BV10" s="160">
        <v>216</v>
      </c>
      <c r="BW10" s="160">
        <v>119</v>
      </c>
      <c r="BX10" s="160">
        <v>85</v>
      </c>
      <c r="BY10" s="160">
        <v>28</v>
      </c>
      <c r="BZ10" s="165">
        <v>745</v>
      </c>
      <c r="CA10" s="164">
        <v>873</v>
      </c>
      <c r="CB10" s="159">
        <v>3</v>
      </c>
      <c r="CC10" s="160">
        <v>6</v>
      </c>
      <c r="CD10" s="165">
        <v>9</v>
      </c>
      <c r="CE10" s="162">
        <v>0</v>
      </c>
      <c r="CF10" s="160">
        <v>263</v>
      </c>
      <c r="CG10" s="160">
        <v>289</v>
      </c>
      <c r="CH10" s="160">
        <v>302</v>
      </c>
      <c r="CI10" s="160">
        <v>202</v>
      </c>
      <c r="CJ10" s="160">
        <v>132</v>
      </c>
      <c r="CK10" s="165">
        <v>1188</v>
      </c>
      <c r="CL10" s="164">
        <v>1197</v>
      </c>
      <c r="CM10" s="159">
        <v>0</v>
      </c>
      <c r="CN10" s="160">
        <v>0</v>
      </c>
      <c r="CO10" s="165">
        <v>0</v>
      </c>
      <c r="CP10" s="162">
        <v>0</v>
      </c>
      <c r="CQ10" s="160">
        <v>8</v>
      </c>
      <c r="CR10" s="160">
        <v>7</v>
      </c>
      <c r="CS10" s="160">
        <v>16</v>
      </c>
      <c r="CT10" s="160">
        <v>14</v>
      </c>
      <c r="CU10" s="160">
        <v>7</v>
      </c>
      <c r="CV10" s="165">
        <v>52</v>
      </c>
      <c r="CW10" s="164">
        <v>52</v>
      </c>
      <c r="CX10" s="159">
        <v>0</v>
      </c>
      <c r="CY10" s="160">
        <v>0</v>
      </c>
      <c r="CZ10" s="165">
        <v>0</v>
      </c>
      <c r="DA10" s="162">
        <v>0</v>
      </c>
      <c r="DB10" s="160">
        <v>0</v>
      </c>
      <c r="DC10" s="160">
        <v>0</v>
      </c>
      <c r="DD10" s="160">
        <v>0</v>
      </c>
      <c r="DE10" s="160">
        <v>0</v>
      </c>
      <c r="DF10" s="160">
        <v>0</v>
      </c>
      <c r="DG10" s="165">
        <v>0</v>
      </c>
      <c r="DH10" s="164">
        <v>0</v>
      </c>
      <c r="DI10" s="159">
        <v>0</v>
      </c>
      <c r="DJ10" s="160">
        <v>0</v>
      </c>
      <c r="DK10" s="165">
        <v>0</v>
      </c>
      <c r="DL10" s="162">
        <v>0</v>
      </c>
      <c r="DM10" s="160">
        <v>0</v>
      </c>
      <c r="DN10" s="160">
        <v>0</v>
      </c>
      <c r="DO10" s="160">
        <v>0</v>
      </c>
      <c r="DP10" s="160">
        <v>0</v>
      </c>
      <c r="DQ10" s="160">
        <v>0</v>
      </c>
      <c r="DR10" s="165">
        <v>0</v>
      </c>
      <c r="DS10" s="164">
        <v>0</v>
      </c>
      <c r="DT10" s="159">
        <v>463</v>
      </c>
      <c r="DU10" s="160">
        <v>858</v>
      </c>
      <c r="DV10" s="165">
        <v>1321</v>
      </c>
      <c r="DW10" s="162">
        <v>0</v>
      </c>
      <c r="DX10" s="160">
        <v>2318</v>
      </c>
      <c r="DY10" s="160">
        <v>2293</v>
      </c>
      <c r="DZ10" s="160">
        <v>1241</v>
      </c>
      <c r="EA10" s="160">
        <v>1041</v>
      </c>
      <c r="EB10" s="160">
        <v>642</v>
      </c>
      <c r="EC10" s="165">
        <v>7535</v>
      </c>
      <c r="ED10" s="164">
        <v>8856</v>
      </c>
      <c r="EE10" s="159">
        <v>107</v>
      </c>
      <c r="EF10" s="160">
        <v>55</v>
      </c>
      <c r="EG10" s="165">
        <v>162</v>
      </c>
      <c r="EH10" s="162">
        <v>0</v>
      </c>
      <c r="EI10" s="160">
        <v>479</v>
      </c>
      <c r="EJ10" s="160">
        <v>316</v>
      </c>
      <c r="EK10" s="160">
        <v>287</v>
      </c>
      <c r="EL10" s="160">
        <v>330</v>
      </c>
      <c r="EM10" s="160">
        <v>156</v>
      </c>
      <c r="EN10" s="165">
        <v>1568</v>
      </c>
      <c r="EO10" s="164">
        <v>1730</v>
      </c>
      <c r="EP10" s="159">
        <v>534</v>
      </c>
      <c r="EQ10" s="160">
        <v>931</v>
      </c>
      <c r="ER10" s="165">
        <v>1465</v>
      </c>
      <c r="ES10" s="162">
        <v>0</v>
      </c>
      <c r="ET10" s="160">
        <v>4744</v>
      </c>
      <c r="EU10" s="160">
        <v>3070</v>
      </c>
      <c r="EV10" s="160">
        <v>1515</v>
      </c>
      <c r="EW10" s="160">
        <v>1140</v>
      </c>
      <c r="EX10" s="160">
        <v>657</v>
      </c>
      <c r="EY10" s="165">
        <v>11126</v>
      </c>
      <c r="EZ10" s="164">
        <v>12591</v>
      </c>
    </row>
    <row r="11" spans="2:156" ht="21" customHeight="1" x14ac:dyDescent="0.2">
      <c r="B11" s="166" t="s">
        <v>8</v>
      </c>
      <c r="C11" s="159">
        <v>0</v>
      </c>
      <c r="D11" s="160">
        <v>0</v>
      </c>
      <c r="E11" s="161">
        <v>0</v>
      </c>
      <c r="F11" s="162">
        <v>0</v>
      </c>
      <c r="G11" s="160">
        <v>510</v>
      </c>
      <c r="H11" s="160">
        <v>642</v>
      </c>
      <c r="I11" s="160">
        <v>379</v>
      </c>
      <c r="J11" s="160">
        <v>307</v>
      </c>
      <c r="K11" s="160">
        <v>262</v>
      </c>
      <c r="L11" s="163">
        <v>2100</v>
      </c>
      <c r="M11" s="164">
        <v>2100</v>
      </c>
      <c r="N11" s="159">
        <v>0</v>
      </c>
      <c r="O11" s="160">
        <v>0</v>
      </c>
      <c r="P11" s="165">
        <v>0</v>
      </c>
      <c r="Q11" s="162">
        <v>0</v>
      </c>
      <c r="R11" s="160">
        <v>7</v>
      </c>
      <c r="S11" s="160">
        <v>15</v>
      </c>
      <c r="T11" s="160">
        <v>24</v>
      </c>
      <c r="U11" s="160">
        <v>47</v>
      </c>
      <c r="V11" s="160">
        <v>99</v>
      </c>
      <c r="W11" s="165">
        <v>192</v>
      </c>
      <c r="X11" s="164">
        <v>192</v>
      </c>
      <c r="Y11" s="159">
        <v>58</v>
      </c>
      <c r="Z11" s="160">
        <v>96</v>
      </c>
      <c r="AA11" s="165">
        <v>154</v>
      </c>
      <c r="AB11" s="162">
        <v>0</v>
      </c>
      <c r="AC11" s="160">
        <v>373</v>
      </c>
      <c r="AD11" s="160">
        <v>489</v>
      </c>
      <c r="AE11" s="160">
        <v>276</v>
      </c>
      <c r="AF11" s="160">
        <v>268</v>
      </c>
      <c r="AG11" s="160">
        <v>228</v>
      </c>
      <c r="AH11" s="165">
        <v>1634</v>
      </c>
      <c r="AI11" s="164">
        <v>1788</v>
      </c>
      <c r="AJ11" s="159">
        <v>14</v>
      </c>
      <c r="AK11" s="160">
        <v>23</v>
      </c>
      <c r="AL11" s="165">
        <v>37</v>
      </c>
      <c r="AM11" s="162">
        <v>0</v>
      </c>
      <c r="AN11" s="160">
        <v>73</v>
      </c>
      <c r="AO11" s="160">
        <v>103</v>
      </c>
      <c r="AP11" s="160">
        <v>38</v>
      </c>
      <c r="AQ11" s="160">
        <v>46</v>
      </c>
      <c r="AR11" s="160">
        <v>25</v>
      </c>
      <c r="AS11" s="165">
        <v>285</v>
      </c>
      <c r="AT11" s="164">
        <v>322</v>
      </c>
      <c r="AU11" s="159">
        <v>88</v>
      </c>
      <c r="AV11" s="160">
        <v>60</v>
      </c>
      <c r="AW11" s="165">
        <v>148</v>
      </c>
      <c r="AX11" s="162">
        <v>0</v>
      </c>
      <c r="AY11" s="160">
        <v>556</v>
      </c>
      <c r="AZ11" s="160">
        <v>647</v>
      </c>
      <c r="BA11" s="160">
        <v>612</v>
      </c>
      <c r="BB11" s="160">
        <v>574</v>
      </c>
      <c r="BC11" s="160">
        <v>475</v>
      </c>
      <c r="BD11" s="163">
        <v>2864</v>
      </c>
      <c r="BE11" s="164">
        <v>3012</v>
      </c>
      <c r="BF11" s="159">
        <v>0</v>
      </c>
      <c r="BG11" s="160">
        <v>0</v>
      </c>
      <c r="BH11" s="165">
        <v>0</v>
      </c>
      <c r="BI11" s="162">
        <v>0</v>
      </c>
      <c r="BJ11" s="160">
        <v>659</v>
      </c>
      <c r="BK11" s="160">
        <v>637</v>
      </c>
      <c r="BL11" s="160">
        <v>334</v>
      </c>
      <c r="BM11" s="160">
        <v>219</v>
      </c>
      <c r="BN11" s="160">
        <v>121</v>
      </c>
      <c r="BO11" s="165">
        <v>1970</v>
      </c>
      <c r="BP11" s="164">
        <v>1970</v>
      </c>
      <c r="BQ11" s="159">
        <v>74</v>
      </c>
      <c r="BR11" s="160">
        <v>65</v>
      </c>
      <c r="BS11" s="165">
        <v>139</v>
      </c>
      <c r="BT11" s="162">
        <v>0</v>
      </c>
      <c r="BU11" s="160">
        <v>160</v>
      </c>
      <c r="BV11" s="160">
        <v>193</v>
      </c>
      <c r="BW11" s="160">
        <v>109</v>
      </c>
      <c r="BX11" s="160">
        <v>60</v>
      </c>
      <c r="BY11" s="160">
        <v>16</v>
      </c>
      <c r="BZ11" s="165">
        <v>538</v>
      </c>
      <c r="CA11" s="164">
        <v>677</v>
      </c>
      <c r="CB11" s="159">
        <v>7</v>
      </c>
      <c r="CC11" s="160">
        <v>9</v>
      </c>
      <c r="CD11" s="165">
        <v>16</v>
      </c>
      <c r="CE11" s="162">
        <v>0</v>
      </c>
      <c r="CF11" s="160">
        <v>93</v>
      </c>
      <c r="CG11" s="160">
        <v>160</v>
      </c>
      <c r="CH11" s="160">
        <v>197</v>
      </c>
      <c r="CI11" s="160">
        <v>128</v>
      </c>
      <c r="CJ11" s="160">
        <v>66</v>
      </c>
      <c r="CK11" s="165">
        <v>644</v>
      </c>
      <c r="CL11" s="164">
        <v>660</v>
      </c>
      <c r="CM11" s="159">
        <v>1</v>
      </c>
      <c r="CN11" s="160">
        <v>0</v>
      </c>
      <c r="CO11" s="165">
        <v>1</v>
      </c>
      <c r="CP11" s="162">
        <v>0</v>
      </c>
      <c r="CQ11" s="160">
        <v>4</v>
      </c>
      <c r="CR11" s="160">
        <v>3</v>
      </c>
      <c r="CS11" s="160">
        <v>6</v>
      </c>
      <c r="CT11" s="160">
        <v>8</v>
      </c>
      <c r="CU11" s="160">
        <v>4</v>
      </c>
      <c r="CV11" s="165">
        <v>25</v>
      </c>
      <c r="CW11" s="164">
        <v>26</v>
      </c>
      <c r="CX11" s="159">
        <v>0</v>
      </c>
      <c r="CY11" s="160">
        <v>0</v>
      </c>
      <c r="CZ11" s="165">
        <v>0</v>
      </c>
      <c r="DA11" s="162">
        <v>0</v>
      </c>
      <c r="DB11" s="160">
        <v>0</v>
      </c>
      <c r="DC11" s="160">
        <v>0</v>
      </c>
      <c r="DD11" s="160">
        <v>0</v>
      </c>
      <c r="DE11" s="160">
        <v>0</v>
      </c>
      <c r="DF11" s="160">
        <v>0</v>
      </c>
      <c r="DG11" s="165">
        <v>0</v>
      </c>
      <c r="DH11" s="164">
        <v>0</v>
      </c>
      <c r="DI11" s="159">
        <v>0</v>
      </c>
      <c r="DJ11" s="160">
        <v>0</v>
      </c>
      <c r="DK11" s="165">
        <v>0</v>
      </c>
      <c r="DL11" s="162">
        <v>0</v>
      </c>
      <c r="DM11" s="160">
        <v>0</v>
      </c>
      <c r="DN11" s="160">
        <v>0</v>
      </c>
      <c r="DO11" s="160">
        <v>0</v>
      </c>
      <c r="DP11" s="160">
        <v>0</v>
      </c>
      <c r="DQ11" s="160">
        <v>0</v>
      </c>
      <c r="DR11" s="165">
        <v>0</v>
      </c>
      <c r="DS11" s="164">
        <v>0</v>
      </c>
      <c r="DT11" s="159">
        <v>516</v>
      </c>
      <c r="DU11" s="160">
        <v>636</v>
      </c>
      <c r="DV11" s="165">
        <v>1152</v>
      </c>
      <c r="DW11" s="162">
        <v>0</v>
      </c>
      <c r="DX11" s="160">
        <v>1139</v>
      </c>
      <c r="DY11" s="160">
        <v>1648</v>
      </c>
      <c r="DZ11" s="160">
        <v>902</v>
      </c>
      <c r="EA11" s="160">
        <v>663</v>
      </c>
      <c r="EB11" s="160">
        <v>432</v>
      </c>
      <c r="EC11" s="165">
        <v>4784</v>
      </c>
      <c r="ED11" s="164">
        <v>5936</v>
      </c>
      <c r="EE11" s="159">
        <v>52</v>
      </c>
      <c r="EF11" s="160">
        <v>16</v>
      </c>
      <c r="EG11" s="165">
        <v>68</v>
      </c>
      <c r="EH11" s="162">
        <v>0</v>
      </c>
      <c r="EI11" s="160">
        <v>164</v>
      </c>
      <c r="EJ11" s="160">
        <v>130</v>
      </c>
      <c r="EK11" s="160">
        <v>121</v>
      </c>
      <c r="EL11" s="160">
        <v>124</v>
      </c>
      <c r="EM11" s="160">
        <v>78</v>
      </c>
      <c r="EN11" s="165">
        <v>617</v>
      </c>
      <c r="EO11" s="164">
        <v>685</v>
      </c>
      <c r="EP11" s="159">
        <v>616</v>
      </c>
      <c r="EQ11" s="160">
        <v>710</v>
      </c>
      <c r="ER11" s="165">
        <v>1326</v>
      </c>
      <c r="ES11" s="162">
        <v>0</v>
      </c>
      <c r="ET11" s="160">
        <v>2013</v>
      </c>
      <c r="EU11" s="160">
        <v>2029</v>
      </c>
      <c r="EV11" s="160">
        <v>1037</v>
      </c>
      <c r="EW11" s="160">
        <v>708</v>
      </c>
      <c r="EX11" s="160">
        <v>450</v>
      </c>
      <c r="EY11" s="165">
        <v>6237</v>
      </c>
      <c r="EZ11" s="164">
        <v>7563</v>
      </c>
    </row>
    <row r="12" spans="2:156" ht="21" customHeight="1" x14ac:dyDescent="0.2">
      <c r="B12" s="166" t="s">
        <v>9</v>
      </c>
      <c r="C12" s="159">
        <v>0</v>
      </c>
      <c r="D12" s="160">
        <v>0</v>
      </c>
      <c r="E12" s="161">
        <v>0</v>
      </c>
      <c r="F12" s="162">
        <v>0</v>
      </c>
      <c r="G12" s="160">
        <v>631</v>
      </c>
      <c r="H12" s="160">
        <v>525</v>
      </c>
      <c r="I12" s="160">
        <v>386</v>
      </c>
      <c r="J12" s="160">
        <v>359</v>
      </c>
      <c r="K12" s="160">
        <v>244</v>
      </c>
      <c r="L12" s="163">
        <v>2145</v>
      </c>
      <c r="M12" s="164">
        <v>2145</v>
      </c>
      <c r="N12" s="159">
        <v>0</v>
      </c>
      <c r="O12" s="160">
        <v>0</v>
      </c>
      <c r="P12" s="165">
        <v>0</v>
      </c>
      <c r="Q12" s="162">
        <v>0</v>
      </c>
      <c r="R12" s="160">
        <v>2</v>
      </c>
      <c r="S12" s="160">
        <v>8</v>
      </c>
      <c r="T12" s="160">
        <v>21</v>
      </c>
      <c r="U12" s="160">
        <v>48</v>
      </c>
      <c r="V12" s="160">
        <v>100</v>
      </c>
      <c r="W12" s="165">
        <v>179</v>
      </c>
      <c r="X12" s="164">
        <v>179</v>
      </c>
      <c r="Y12" s="159">
        <v>77</v>
      </c>
      <c r="Z12" s="160">
        <v>109</v>
      </c>
      <c r="AA12" s="165">
        <v>186</v>
      </c>
      <c r="AB12" s="162">
        <v>0</v>
      </c>
      <c r="AC12" s="160">
        <v>389</v>
      </c>
      <c r="AD12" s="160">
        <v>369</v>
      </c>
      <c r="AE12" s="160">
        <v>280</v>
      </c>
      <c r="AF12" s="160">
        <v>280</v>
      </c>
      <c r="AG12" s="160">
        <v>229</v>
      </c>
      <c r="AH12" s="165">
        <v>1547</v>
      </c>
      <c r="AI12" s="164">
        <v>1733</v>
      </c>
      <c r="AJ12" s="159">
        <v>3</v>
      </c>
      <c r="AK12" s="160">
        <v>9</v>
      </c>
      <c r="AL12" s="165">
        <v>12</v>
      </c>
      <c r="AM12" s="162">
        <v>0</v>
      </c>
      <c r="AN12" s="160">
        <v>35</v>
      </c>
      <c r="AO12" s="160">
        <v>45</v>
      </c>
      <c r="AP12" s="160">
        <v>33</v>
      </c>
      <c r="AQ12" s="160">
        <v>28</v>
      </c>
      <c r="AR12" s="160">
        <v>27</v>
      </c>
      <c r="AS12" s="165">
        <v>168</v>
      </c>
      <c r="AT12" s="164">
        <v>180</v>
      </c>
      <c r="AU12" s="159">
        <v>96</v>
      </c>
      <c r="AV12" s="160">
        <v>80</v>
      </c>
      <c r="AW12" s="165">
        <v>176</v>
      </c>
      <c r="AX12" s="162">
        <v>0</v>
      </c>
      <c r="AY12" s="160">
        <v>596</v>
      </c>
      <c r="AZ12" s="160">
        <v>598</v>
      </c>
      <c r="BA12" s="160">
        <v>624</v>
      </c>
      <c r="BB12" s="160">
        <v>636</v>
      </c>
      <c r="BC12" s="160">
        <v>448</v>
      </c>
      <c r="BD12" s="163">
        <v>2902</v>
      </c>
      <c r="BE12" s="164">
        <v>3078</v>
      </c>
      <c r="BF12" s="159">
        <v>0</v>
      </c>
      <c r="BG12" s="160">
        <v>0</v>
      </c>
      <c r="BH12" s="165">
        <v>0</v>
      </c>
      <c r="BI12" s="162">
        <v>0</v>
      </c>
      <c r="BJ12" s="160">
        <v>608</v>
      </c>
      <c r="BK12" s="160">
        <v>438</v>
      </c>
      <c r="BL12" s="160">
        <v>277</v>
      </c>
      <c r="BM12" s="160">
        <v>166</v>
      </c>
      <c r="BN12" s="160">
        <v>73</v>
      </c>
      <c r="BO12" s="165">
        <v>1562</v>
      </c>
      <c r="BP12" s="164">
        <v>1562</v>
      </c>
      <c r="BQ12" s="159">
        <v>56</v>
      </c>
      <c r="BR12" s="160">
        <v>76</v>
      </c>
      <c r="BS12" s="165">
        <v>132</v>
      </c>
      <c r="BT12" s="162">
        <v>0</v>
      </c>
      <c r="BU12" s="160">
        <v>169</v>
      </c>
      <c r="BV12" s="160">
        <v>133</v>
      </c>
      <c r="BW12" s="160">
        <v>89</v>
      </c>
      <c r="BX12" s="160">
        <v>78</v>
      </c>
      <c r="BY12" s="160">
        <v>22</v>
      </c>
      <c r="BZ12" s="165">
        <v>491</v>
      </c>
      <c r="CA12" s="164">
        <v>623</v>
      </c>
      <c r="CB12" s="159">
        <v>1</v>
      </c>
      <c r="CC12" s="160">
        <v>4</v>
      </c>
      <c r="CD12" s="165">
        <v>5</v>
      </c>
      <c r="CE12" s="162">
        <v>0</v>
      </c>
      <c r="CF12" s="160">
        <v>53</v>
      </c>
      <c r="CG12" s="160">
        <v>94</v>
      </c>
      <c r="CH12" s="160">
        <v>112</v>
      </c>
      <c r="CI12" s="160">
        <v>99</v>
      </c>
      <c r="CJ12" s="160">
        <v>59</v>
      </c>
      <c r="CK12" s="165">
        <v>417</v>
      </c>
      <c r="CL12" s="164">
        <v>422</v>
      </c>
      <c r="CM12" s="159">
        <v>0</v>
      </c>
      <c r="CN12" s="160">
        <v>0</v>
      </c>
      <c r="CO12" s="165">
        <v>0</v>
      </c>
      <c r="CP12" s="162">
        <v>0</v>
      </c>
      <c r="CQ12" s="160">
        <v>9</v>
      </c>
      <c r="CR12" s="160">
        <v>13</v>
      </c>
      <c r="CS12" s="160">
        <v>21</v>
      </c>
      <c r="CT12" s="160">
        <v>18</v>
      </c>
      <c r="CU12" s="160">
        <v>21</v>
      </c>
      <c r="CV12" s="165">
        <v>82</v>
      </c>
      <c r="CW12" s="164">
        <v>82</v>
      </c>
      <c r="CX12" s="159">
        <v>0</v>
      </c>
      <c r="CY12" s="160">
        <v>0</v>
      </c>
      <c r="CZ12" s="165">
        <v>0</v>
      </c>
      <c r="DA12" s="162">
        <v>0</v>
      </c>
      <c r="DB12" s="160">
        <v>0</v>
      </c>
      <c r="DC12" s="160">
        <v>0</v>
      </c>
      <c r="DD12" s="160">
        <v>0</v>
      </c>
      <c r="DE12" s="160">
        <v>0</v>
      </c>
      <c r="DF12" s="160">
        <v>0</v>
      </c>
      <c r="DG12" s="165">
        <v>0</v>
      </c>
      <c r="DH12" s="164">
        <v>0</v>
      </c>
      <c r="DI12" s="159">
        <v>0</v>
      </c>
      <c r="DJ12" s="160">
        <v>0</v>
      </c>
      <c r="DK12" s="165">
        <v>0</v>
      </c>
      <c r="DL12" s="162">
        <v>0</v>
      </c>
      <c r="DM12" s="160">
        <v>0</v>
      </c>
      <c r="DN12" s="160">
        <v>0</v>
      </c>
      <c r="DO12" s="160">
        <v>0</v>
      </c>
      <c r="DP12" s="160">
        <v>0</v>
      </c>
      <c r="DQ12" s="160">
        <v>0</v>
      </c>
      <c r="DR12" s="165">
        <v>0</v>
      </c>
      <c r="DS12" s="164">
        <v>0</v>
      </c>
      <c r="DT12" s="159">
        <v>388</v>
      </c>
      <c r="DU12" s="160">
        <v>491</v>
      </c>
      <c r="DV12" s="165">
        <v>879</v>
      </c>
      <c r="DW12" s="162">
        <v>0</v>
      </c>
      <c r="DX12" s="160">
        <v>944</v>
      </c>
      <c r="DY12" s="160">
        <v>1026</v>
      </c>
      <c r="DZ12" s="160">
        <v>683</v>
      </c>
      <c r="EA12" s="160">
        <v>595</v>
      </c>
      <c r="EB12" s="160">
        <v>387</v>
      </c>
      <c r="EC12" s="165">
        <v>3635</v>
      </c>
      <c r="ED12" s="164">
        <v>4514</v>
      </c>
      <c r="EE12" s="159">
        <v>54</v>
      </c>
      <c r="EF12" s="160">
        <v>21</v>
      </c>
      <c r="EG12" s="165">
        <v>75</v>
      </c>
      <c r="EH12" s="162">
        <v>0</v>
      </c>
      <c r="EI12" s="160">
        <v>225</v>
      </c>
      <c r="EJ12" s="160">
        <v>162</v>
      </c>
      <c r="EK12" s="160">
        <v>164</v>
      </c>
      <c r="EL12" s="160">
        <v>177</v>
      </c>
      <c r="EM12" s="160">
        <v>109</v>
      </c>
      <c r="EN12" s="165">
        <v>837</v>
      </c>
      <c r="EO12" s="164">
        <v>912</v>
      </c>
      <c r="EP12" s="159">
        <v>483</v>
      </c>
      <c r="EQ12" s="160">
        <v>578</v>
      </c>
      <c r="ER12" s="165">
        <v>1061</v>
      </c>
      <c r="ES12" s="162">
        <v>0</v>
      </c>
      <c r="ET12" s="160">
        <v>1779</v>
      </c>
      <c r="EU12" s="160">
        <v>1325</v>
      </c>
      <c r="EV12" s="160">
        <v>807</v>
      </c>
      <c r="EW12" s="160">
        <v>637</v>
      </c>
      <c r="EX12" s="160">
        <v>381</v>
      </c>
      <c r="EY12" s="165">
        <v>4929</v>
      </c>
      <c r="EZ12" s="164">
        <v>5990</v>
      </c>
    </row>
    <row r="13" spans="2:156" ht="21" customHeight="1" x14ac:dyDescent="0.2">
      <c r="B13" s="166" t="s">
        <v>10</v>
      </c>
      <c r="C13" s="159">
        <v>0</v>
      </c>
      <c r="D13" s="160">
        <v>0</v>
      </c>
      <c r="E13" s="161">
        <v>0</v>
      </c>
      <c r="F13" s="162">
        <v>0</v>
      </c>
      <c r="G13" s="160">
        <v>1353</v>
      </c>
      <c r="H13" s="160">
        <v>751</v>
      </c>
      <c r="I13" s="160">
        <v>522</v>
      </c>
      <c r="J13" s="160">
        <v>494</v>
      </c>
      <c r="K13" s="160">
        <v>372</v>
      </c>
      <c r="L13" s="163">
        <v>3492</v>
      </c>
      <c r="M13" s="164">
        <v>3492</v>
      </c>
      <c r="N13" s="159">
        <v>0</v>
      </c>
      <c r="O13" s="160">
        <v>1</v>
      </c>
      <c r="P13" s="165">
        <v>1</v>
      </c>
      <c r="Q13" s="162">
        <v>0</v>
      </c>
      <c r="R13" s="160">
        <v>9</v>
      </c>
      <c r="S13" s="160">
        <v>23</v>
      </c>
      <c r="T13" s="160">
        <v>35</v>
      </c>
      <c r="U13" s="160">
        <v>82</v>
      </c>
      <c r="V13" s="160">
        <v>152</v>
      </c>
      <c r="W13" s="165">
        <v>301</v>
      </c>
      <c r="X13" s="164">
        <v>302</v>
      </c>
      <c r="Y13" s="159">
        <v>178</v>
      </c>
      <c r="Z13" s="160">
        <v>307</v>
      </c>
      <c r="AA13" s="165">
        <v>485</v>
      </c>
      <c r="AB13" s="162">
        <v>0</v>
      </c>
      <c r="AC13" s="160">
        <v>926</v>
      </c>
      <c r="AD13" s="160">
        <v>594</v>
      </c>
      <c r="AE13" s="160">
        <v>391</v>
      </c>
      <c r="AF13" s="160">
        <v>352</v>
      </c>
      <c r="AG13" s="160">
        <v>277</v>
      </c>
      <c r="AH13" s="165">
        <v>2540</v>
      </c>
      <c r="AI13" s="164">
        <v>3025</v>
      </c>
      <c r="AJ13" s="159">
        <v>22</v>
      </c>
      <c r="AK13" s="160">
        <v>57</v>
      </c>
      <c r="AL13" s="165">
        <v>79</v>
      </c>
      <c r="AM13" s="162">
        <v>0</v>
      </c>
      <c r="AN13" s="160">
        <v>121</v>
      </c>
      <c r="AO13" s="160">
        <v>93</v>
      </c>
      <c r="AP13" s="160">
        <v>66</v>
      </c>
      <c r="AQ13" s="160">
        <v>38</v>
      </c>
      <c r="AR13" s="160">
        <v>58</v>
      </c>
      <c r="AS13" s="165">
        <v>376</v>
      </c>
      <c r="AT13" s="164">
        <v>455</v>
      </c>
      <c r="AU13" s="159">
        <v>220</v>
      </c>
      <c r="AV13" s="160">
        <v>304</v>
      </c>
      <c r="AW13" s="165">
        <v>524</v>
      </c>
      <c r="AX13" s="162">
        <v>0</v>
      </c>
      <c r="AY13" s="160">
        <v>1469</v>
      </c>
      <c r="AZ13" s="160">
        <v>1133</v>
      </c>
      <c r="BA13" s="160">
        <v>1009</v>
      </c>
      <c r="BB13" s="160">
        <v>1040</v>
      </c>
      <c r="BC13" s="160">
        <v>804</v>
      </c>
      <c r="BD13" s="163">
        <v>5455</v>
      </c>
      <c r="BE13" s="164">
        <v>5979</v>
      </c>
      <c r="BF13" s="159">
        <v>0</v>
      </c>
      <c r="BG13" s="160">
        <v>0</v>
      </c>
      <c r="BH13" s="165">
        <v>0</v>
      </c>
      <c r="BI13" s="162">
        <v>0</v>
      </c>
      <c r="BJ13" s="160">
        <v>1774</v>
      </c>
      <c r="BK13" s="160">
        <v>873</v>
      </c>
      <c r="BL13" s="160">
        <v>461</v>
      </c>
      <c r="BM13" s="160">
        <v>277</v>
      </c>
      <c r="BN13" s="160">
        <v>147</v>
      </c>
      <c r="BO13" s="165">
        <v>3532</v>
      </c>
      <c r="BP13" s="164">
        <v>3532</v>
      </c>
      <c r="BQ13" s="159">
        <v>43</v>
      </c>
      <c r="BR13" s="160">
        <v>87</v>
      </c>
      <c r="BS13" s="165">
        <v>130</v>
      </c>
      <c r="BT13" s="162">
        <v>0</v>
      </c>
      <c r="BU13" s="160">
        <v>238</v>
      </c>
      <c r="BV13" s="160">
        <v>195</v>
      </c>
      <c r="BW13" s="160">
        <v>118</v>
      </c>
      <c r="BX13" s="160">
        <v>57</v>
      </c>
      <c r="BY13" s="160">
        <v>31</v>
      </c>
      <c r="BZ13" s="165">
        <v>639</v>
      </c>
      <c r="CA13" s="164">
        <v>769</v>
      </c>
      <c r="CB13" s="159">
        <v>7</v>
      </c>
      <c r="CC13" s="160">
        <v>24</v>
      </c>
      <c r="CD13" s="165">
        <v>31</v>
      </c>
      <c r="CE13" s="162">
        <v>0</v>
      </c>
      <c r="CF13" s="160">
        <v>217</v>
      </c>
      <c r="CG13" s="160">
        <v>170</v>
      </c>
      <c r="CH13" s="160">
        <v>179</v>
      </c>
      <c r="CI13" s="160">
        <v>141</v>
      </c>
      <c r="CJ13" s="160">
        <v>80</v>
      </c>
      <c r="CK13" s="165">
        <v>787</v>
      </c>
      <c r="CL13" s="164">
        <v>818</v>
      </c>
      <c r="CM13" s="159">
        <v>0</v>
      </c>
      <c r="CN13" s="160">
        <v>1</v>
      </c>
      <c r="CO13" s="165">
        <v>1</v>
      </c>
      <c r="CP13" s="162">
        <v>0</v>
      </c>
      <c r="CQ13" s="160">
        <v>7</v>
      </c>
      <c r="CR13" s="160">
        <v>17</v>
      </c>
      <c r="CS13" s="160">
        <v>21</v>
      </c>
      <c r="CT13" s="160">
        <v>5</v>
      </c>
      <c r="CU13" s="160">
        <v>10</v>
      </c>
      <c r="CV13" s="165">
        <v>60</v>
      </c>
      <c r="CW13" s="164">
        <v>61</v>
      </c>
      <c r="CX13" s="159">
        <v>0</v>
      </c>
      <c r="CY13" s="160">
        <v>0</v>
      </c>
      <c r="CZ13" s="165">
        <v>0</v>
      </c>
      <c r="DA13" s="162">
        <v>0</v>
      </c>
      <c r="DB13" s="160">
        <v>0</v>
      </c>
      <c r="DC13" s="160">
        <v>0</v>
      </c>
      <c r="DD13" s="160">
        <v>0</v>
      </c>
      <c r="DE13" s="160">
        <v>0</v>
      </c>
      <c r="DF13" s="160">
        <v>0</v>
      </c>
      <c r="DG13" s="165">
        <v>0</v>
      </c>
      <c r="DH13" s="164">
        <v>0</v>
      </c>
      <c r="DI13" s="159">
        <v>0</v>
      </c>
      <c r="DJ13" s="160">
        <v>0</v>
      </c>
      <c r="DK13" s="165">
        <v>0</v>
      </c>
      <c r="DL13" s="162">
        <v>0</v>
      </c>
      <c r="DM13" s="160">
        <v>0</v>
      </c>
      <c r="DN13" s="160">
        <v>0</v>
      </c>
      <c r="DO13" s="160">
        <v>0</v>
      </c>
      <c r="DP13" s="160">
        <v>0</v>
      </c>
      <c r="DQ13" s="160">
        <v>0</v>
      </c>
      <c r="DR13" s="165">
        <v>0</v>
      </c>
      <c r="DS13" s="164">
        <v>0</v>
      </c>
      <c r="DT13" s="159">
        <v>1021</v>
      </c>
      <c r="DU13" s="160">
        <v>1310</v>
      </c>
      <c r="DV13" s="165">
        <v>2331</v>
      </c>
      <c r="DW13" s="162">
        <v>0</v>
      </c>
      <c r="DX13" s="160">
        <v>2115</v>
      </c>
      <c r="DY13" s="160">
        <v>1660</v>
      </c>
      <c r="DZ13" s="160">
        <v>1051</v>
      </c>
      <c r="EA13" s="160">
        <v>902</v>
      </c>
      <c r="EB13" s="160">
        <v>616</v>
      </c>
      <c r="EC13" s="165">
        <v>6344</v>
      </c>
      <c r="ED13" s="164">
        <v>8675</v>
      </c>
      <c r="EE13" s="159">
        <v>79</v>
      </c>
      <c r="EF13" s="160">
        <v>74</v>
      </c>
      <c r="EG13" s="165">
        <v>153</v>
      </c>
      <c r="EH13" s="162">
        <v>0</v>
      </c>
      <c r="EI13" s="160">
        <v>324</v>
      </c>
      <c r="EJ13" s="160">
        <v>246</v>
      </c>
      <c r="EK13" s="160">
        <v>225</v>
      </c>
      <c r="EL13" s="160">
        <v>229</v>
      </c>
      <c r="EM13" s="160">
        <v>149</v>
      </c>
      <c r="EN13" s="165">
        <v>1173</v>
      </c>
      <c r="EO13" s="164">
        <v>1326</v>
      </c>
      <c r="EP13" s="159">
        <v>1182</v>
      </c>
      <c r="EQ13" s="160">
        <v>1511</v>
      </c>
      <c r="ER13" s="165">
        <v>2693</v>
      </c>
      <c r="ES13" s="162">
        <v>0</v>
      </c>
      <c r="ET13" s="160">
        <v>3742</v>
      </c>
      <c r="EU13" s="160">
        <v>1993</v>
      </c>
      <c r="EV13" s="160">
        <v>1146</v>
      </c>
      <c r="EW13" s="160">
        <v>884</v>
      </c>
      <c r="EX13" s="160">
        <v>582</v>
      </c>
      <c r="EY13" s="165">
        <v>8347</v>
      </c>
      <c r="EZ13" s="164">
        <v>11040</v>
      </c>
    </row>
    <row r="14" spans="2:156" ht="21" customHeight="1" x14ac:dyDescent="0.2">
      <c r="B14" s="166" t="s">
        <v>11</v>
      </c>
      <c r="C14" s="159">
        <v>0</v>
      </c>
      <c r="D14" s="160">
        <v>0</v>
      </c>
      <c r="E14" s="161">
        <v>0</v>
      </c>
      <c r="F14" s="162">
        <v>0</v>
      </c>
      <c r="G14" s="160">
        <v>483</v>
      </c>
      <c r="H14" s="160">
        <v>402</v>
      </c>
      <c r="I14" s="160">
        <v>280</v>
      </c>
      <c r="J14" s="160">
        <v>225</v>
      </c>
      <c r="K14" s="160">
        <v>177</v>
      </c>
      <c r="L14" s="163">
        <v>1567</v>
      </c>
      <c r="M14" s="164">
        <v>1567</v>
      </c>
      <c r="N14" s="159">
        <v>0</v>
      </c>
      <c r="O14" s="160">
        <v>0</v>
      </c>
      <c r="P14" s="165">
        <v>0</v>
      </c>
      <c r="Q14" s="162">
        <v>0</v>
      </c>
      <c r="R14" s="160">
        <v>7</v>
      </c>
      <c r="S14" s="160">
        <v>12</v>
      </c>
      <c r="T14" s="160">
        <v>19</v>
      </c>
      <c r="U14" s="160">
        <v>47</v>
      </c>
      <c r="V14" s="160">
        <v>87</v>
      </c>
      <c r="W14" s="165">
        <v>172</v>
      </c>
      <c r="X14" s="164">
        <v>172</v>
      </c>
      <c r="Y14" s="159">
        <v>48</v>
      </c>
      <c r="Z14" s="160">
        <v>96</v>
      </c>
      <c r="AA14" s="165">
        <v>144</v>
      </c>
      <c r="AB14" s="162">
        <v>0</v>
      </c>
      <c r="AC14" s="160">
        <v>354</v>
      </c>
      <c r="AD14" s="160">
        <v>280</v>
      </c>
      <c r="AE14" s="160">
        <v>229</v>
      </c>
      <c r="AF14" s="160">
        <v>195</v>
      </c>
      <c r="AG14" s="160">
        <v>186</v>
      </c>
      <c r="AH14" s="165">
        <v>1244</v>
      </c>
      <c r="AI14" s="164">
        <v>1388</v>
      </c>
      <c r="AJ14" s="159">
        <v>2</v>
      </c>
      <c r="AK14" s="160">
        <v>6</v>
      </c>
      <c r="AL14" s="165">
        <v>8</v>
      </c>
      <c r="AM14" s="162">
        <v>0</v>
      </c>
      <c r="AN14" s="160">
        <v>24</v>
      </c>
      <c r="AO14" s="160">
        <v>22</v>
      </c>
      <c r="AP14" s="160">
        <v>29</v>
      </c>
      <c r="AQ14" s="160">
        <v>15</v>
      </c>
      <c r="AR14" s="160">
        <v>9</v>
      </c>
      <c r="AS14" s="165">
        <v>99</v>
      </c>
      <c r="AT14" s="164">
        <v>107</v>
      </c>
      <c r="AU14" s="159">
        <v>52</v>
      </c>
      <c r="AV14" s="160">
        <v>69</v>
      </c>
      <c r="AW14" s="165">
        <v>121</v>
      </c>
      <c r="AX14" s="162">
        <v>0</v>
      </c>
      <c r="AY14" s="160">
        <v>457</v>
      </c>
      <c r="AZ14" s="160">
        <v>506</v>
      </c>
      <c r="BA14" s="160">
        <v>486</v>
      </c>
      <c r="BB14" s="160">
        <v>462</v>
      </c>
      <c r="BC14" s="160">
        <v>354</v>
      </c>
      <c r="BD14" s="163">
        <v>2265</v>
      </c>
      <c r="BE14" s="164">
        <v>2386</v>
      </c>
      <c r="BF14" s="159">
        <v>0</v>
      </c>
      <c r="BG14" s="160">
        <v>0</v>
      </c>
      <c r="BH14" s="165">
        <v>0</v>
      </c>
      <c r="BI14" s="162">
        <v>0</v>
      </c>
      <c r="BJ14" s="160">
        <v>632</v>
      </c>
      <c r="BK14" s="160">
        <v>436</v>
      </c>
      <c r="BL14" s="160">
        <v>271</v>
      </c>
      <c r="BM14" s="160">
        <v>186</v>
      </c>
      <c r="BN14" s="160">
        <v>92</v>
      </c>
      <c r="BO14" s="165">
        <v>1617</v>
      </c>
      <c r="BP14" s="164">
        <v>1617</v>
      </c>
      <c r="BQ14" s="159">
        <v>127</v>
      </c>
      <c r="BR14" s="160">
        <v>97</v>
      </c>
      <c r="BS14" s="165">
        <v>224</v>
      </c>
      <c r="BT14" s="162">
        <v>0</v>
      </c>
      <c r="BU14" s="160">
        <v>253</v>
      </c>
      <c r="BV14" s="160">
        <v>149</v>
      </c>
      <c r="BW14" s="160">
        <v>87</v>
      </c>
      <c r="BX14" s="160">
        <v>75</v>
      </c>
      <c r="BY14" s="160">
        <v>28</v>
      </c>
      <c r="BZ14" s="165">
        <v>592</v>
      </c>
      <c r="CA14" s="164">
        <v>816</v>
      </c>
      <c r="CB14" s="159">
        <v>5</v>
      </c>
      <c r="CC14" s="160">
        <v>6</v>
      </c>
      <c r="CD14" s="165">
        <v>11</v>
      </c>
      <c r="CE14" s="162">
        <v>0</v>
      </c>
      <c r="CF14" s="160">
        <v>70</v>
      </c>
      <c r="CG14" s="160">
        <v>103</v>
      </c>
      <c r="CH14" s="160">
        <v>113</v>
      </c>
      <c r="CI14" s="160">
        <v>85</v>
      </c>
      <c r="CJ14" s="160">
        <v>55</v>
      </c>
      <c r="CK14" s="165">
        <v>426</v>
      </c>
      <c r="CL14" s="164">
        <v>437</v>
      </c>
      <c r="CM14" s="159">
        <v>0</v>
      </c>
      <c r="CN14" s="160">
        <v>2</v>
      </c>
      <c r="CO14" s="165">
        <v>2</v>
      </c>
      <c r="CP14" s="162">
        <v>0</v>
      </c>
      <c r="CQ14" s="160">
        <v>9</v>
      </c>
      <c r="CR14" s="160">
        <v>5</v>
      </c>
      <c r="CS14" s="160">
        <v>8</v>
      </c>
      <c r="CT14" s="160">
        <v>12</v>
      </c>
      <c r="CU14" s="160">
        <v>10</v>
      </c>
      <c r="CV14" s="165">
        <v>44</v>
      </c>
      <c r="CW14" s="164">
        <v>46</v>
      </c>
      <c r="CX14" s="159">
        <v>0</v>
      </c>
      <c r="CY14" s="160">
        <v>0</v>
      </c>
      <c r="CZ14" s="165">
        <v>0</v>
      </c>
      <c r="DA14" s="162">
        <v>0</v>
      </c>
      <c r="DB14" s="160">
        <v>0</v>
      </c>
      <c r="DC14" s="160">
        <v>0</v>
      </c>
      <c r="DD14" s="160">
        <v>0</v>
      </c>
      <c r="DE14" s="160">
        <v>0</v>
      </c>
      <c r="DF14" s="160">
        <v>0</v>
      </c>
      <c r="DG14" s="165">
        <v>0</v>
      </c>
      <c r="DH14" s="164">
        <v>0</v>
      </c>
      <c r="DI14" s="159">
        <v>0</v>
      </c>
      <c r="DJ14" s="160">
        <v>0</v>
      </c>
      <c r="DK14" s="165">
        <v>0</v>
      </c>
      <c r="DL14" s="162">
        <v>0</v>
      </c>
      <c r="DM14" s="160">
        <v>0</v>
      </c>
      <c r="DN14" s="160">
        <v>0</v>
      </c>
      <c r="DO14" s="160">
        <v>0</v>
      </c>
      <c r="DP14" s="160">
        <v>0</v>
      </c>
      <c r="DQ14" s="160">
        <v>0</v>
      </c>
      <c r="DR14" s="165">
        <v>0</v>
      </c>
      <c r="DS14" s="164">
        <v>0</v>
      </c>
      <c r="DT14" s="159">
        <v>413</v>
      </c>
      <c r="DU14" s="160">
        <v>542</v>
      </c>
      <c r="DV14" s="165">
        <v>955</v>
      </c>
      <c r="DW14" s="162">
        <v>0</v>
      </c>
      <c r="DX14" s="160">
        <v>1005</v>
      </c>
      <c r="DY14" s="160">
        <v>911</v>
      </c>
      <c r="DZ14" s="160">
        <v>682</v>
      </c>
      <c r="EA14" s="160">
        <v>503</v>
      </c>
      <c r="EB14" s="160">
        <v>325</v>
      </c>
      <c r="EC14" s="165">
        <v>3426</v>
      </c>
      <c r="ED14" s="164">
        <v>4381</v>
      </c>
      <c r="EE14" s="159">
        <v>41</v>
      </c>
      <c r="EF14" s="160">
        <v>31</v>
      </c>
      <c r="EG14" s="165">
        <v>72</v>
      </c>
      <c r="EH14" s="162">
        <v>0</v>
      </c>
      <c r="EI14" s="160">
        <v>186</v>
      </c>
      <c r="EJ14" s="160">
        <v>160</v>
      </c>
      <c r="EK14" s="160">
        <v>129</v>
      </c>
      <c r="EL14" s="160">
        <v>162</v>
      </c>
      <c r="EM14" s="160">
        <v>83</v>
      </c>
      <c r="EN14" s="165">
        <v>720</v>
      </c>
      <c r="EO14" s="164">
        <v>792</v>
      </c>
      <c r="EP14" s="159">
        <v>532</v>
      </c>
      <c r="EQ14" s="160">
        <v>621</v>
      </c>
      <c r="ER14" s="165">
        <v>1153</v>
      </c>
      <c r="ES14" s="162">
        <v>0</v>
      </c>
      <c r="ET14" s="160">
        <v>1820</v>
      </c>
      <c r="EU14" s="160">
        <v>1200</v>
      </c>
      <c r="EV14" s="160">
        <v>791</v>
      </c>
      <c r="EW14" s="160">
        <v>533</v>
      </c>
      <c r="EX14" s="160">
        <v>330</v>
      </c>
      <c r="EY14" s="165">
        <v>4674</v>
      </c>
      <c r="EZ14" s="164">
        <v>5827</v>
      </c>
    </row>
    <row r="15" spans="2:156" ht="21" customHeight="1" x14ac:dyDescent="0.2">
      <c r="B15" s="166" t="s">
        <v>12</v>
      </c>
      <c r="C15" s="159">
        <v>0</v>
      </c>
      <c r="D15" s="160">
        <v>0</v>
      </c>
      <c r="E15" s="161">
        <v>0</v>
      </c>
      <c r="F15" s="162">
        <v>0</v>
      </c>
      <c r="G15" s="160">
        <v>542</v>
      </c>
      <c r="H15" s="160">
        <v>534</v>
      </c>
      <c r="I15" s="160">
        <v>322</v>
      </c>
      <c r="J15" s="160">
        <v>309</v>
      </c>
      <c r="K15" s="160">
        <v>197</v>
      </c>
      <c r="L15" s="163">
        <v>1904</v>
      </c>
      <c r="M15" s="164">
        <v>1904</v>
      </c>
      <c r="N15" s="159">
        <v>0</v>
      </c>
      <c r="O15" s="160">
        <v>3</v>
      </c>
      <c r="P15" s="165">
        <v>3</v>
      </c>
      <c r="Q15" s="162">
        <v>0</v>
      </c>
      <c r="R15" s="160">
        <v>4</v>
      </c>
      <c r="S15" s="160">
        <v>25</v>
      </c>
      <c r="T15" s="160">
        <v>18</v>
      </c>
      <c r="U15" s="160">
        <v>62</v>
      </c>
      <c r="V15" s="160">
        <v>69</v>
      </c>
      <c r="W15" s="165">
        <v>178</v>
      </c>
      <c r="X15" s="164">
        <v>181</v>
      </c>
      <c r="Y15" s="159">
        <v>136</v>
      </c>
      <c r="Z15" s="160">
        <v>311</v>
      </c>
      <c r="AA15" s="165">
        <v>447</v>
      </c>
      <c r="AB15" s="162">
        <v>0</v>
      </c>
      <c r="AC15" s="160">
        <v>406</v>
      </c>
      <c r="AD15" s="160">
        <v>483</v>
      </c>
      <c r="AE15" s="160">
        <v>259</v>
      </c>
      <c r="AF15" s="160">
        <v>251</v>
      </c>
      <c r="AG15" s="160">
        <v>173</v>
      </c>
      <c r="AH15" s="165">
        <v>1572</v>
      </c>
      <c r="AI15" s="164">
        <v>2019</v>
      </c>
      <c r="AJ15" s="159">
        <v>10</v>
      </c>
      <c r="AK15" s="160">
        <v>27</v>
      </c>
      <c r="AL15" s="165">
        <v>37</v>
      </c>
      <c r="AM15" s="162">
        <v>0</v>
      </c>
      <c r="AN15" s="160">
        <v>18</v>
      </c>
      <c r="AO15" s="160">
        <v>46</v>
      </c>
      <c r="AP15" s="160">
        <v>19</v>
      </c>
      <c r="AQ15" s="160">
        <v>25</v>
      </c>
      <c r="AR15" s="160">
        <v>15</v>
      </c>
      <c r="AS15" s="165">
        <v>123</v>
      </c>
      <c r="AT15" s="164">
        <v>160</v>
      </c>
      <c r="AU15" s="159">
        <v>79</v>
      </c>
      <c r="AV15" s="160">
        <v>139</v>
      </c>
      <c r="AW15" s="165">
        <v>218</v>
      </c>
      <c r="AX15" s="162">
        <v>0</v>
      </c>
      <c r="AY15" s="160">
        <v>380</v>
      </c>
      <c r="AZ15" s="160">
        <v>482</v>
      </c>
      <c r="BA15" s="160">
        <v>416</v>
      </c>
      <c r="BB15" s="160">
        <v>527</v>
      </c>
      <c r="BC15" s="160">
        <v>329</v>
      </c>
      <c r="BD15" s="163">
        <v>2134</v>
      </c>
      <c r="BE15" s="164">
        <v>2352</v>
      </c>
      <c r="BF15" s="159">
        <v>0</v>
      </c>
      <c r="BG15" s="160">
        <v>0</v>
      </c>
      <c r="BH15" s="165">
        <v>0</v>
      </c>
      <c r="BI15" s="162">
        <v>0</v>
      </c>
      <c r="BJ15" s="160">
        <v>719</v>
      </c>
      <c r="BK15" s="160">
        <v>516</v>
      </c>
      <c r="BL15" s="160">
        <v>282</v>
      </c>
      <c r="BM15" s="160">
        <v>197</v>
      </c>
      <c r="BN15" s="160">
        <v>84</v>
      </c>
      <c r="BO15" s="165">
        <v>1798</v>
      </c>
      <c r="BP15" s="164">
        <v>1798</v>
      </c>
      <c r="BQ15" s="159">
        <v>108</v>
      </c>
      <c r="BR15" s="160">
        <v>138</v>
      </c>
      <c r="BS15" s="165">
        <v>246</v>
      </c>
      <c r="BT15" s="162">
        <v>0</v>
      </c>
      <c r="BU15" s="160">
        <v>131</v>
      </c>
      <c r="BV15" s="160">
        <v>214</v>
      </c>
      <c r="BW15" s="160">
        <v>109</v>
      </c>
      <c r="BX15" s="160">
        <v>71</v>
      </c>
      <c r="BY15" s="160">
        <v>22</v>
      </c>
      <c r="BZ15" s="165">
        <v>547</v>
      </c>
      <c r="CA15" s="164">
        <v>793</v>
      </c>
      <c r="CB15" s="159">
        <v>6</v>
      </c>
      <c r="CC15" s="160">
        <v>13</v>
      </c>
      <c r="CD15" s="165">
        <v>19</v>
      </c>
      <c r="CE15" s="162">
        <v>0</v>
      </c>
      <c r="CF15" s="160">
        <v>88</v>
      </c>
      <c r="CG15" s="160">
        <v>129</v>
      </c>
      <c r="CH15" s="160">
        <v>125</v>
      </c>
      <c r="CI15" s="160">
        <v>86</v>
      </c>
      <c r="CJ15" s="160">
        <v>46</v>
      </c>
      <c r="CK15" s="165">
        <v>474</v>
      </c>
      <c r="CL15" s="164">
        <v>493</v>
      </c>
      <c r="CM15" s="159">
        <v>0</v>
      </c>
      <c r="CN15" s="160">
        <v>1</v>
      </c>
      <c r="CO15" s="165">
        <v>1</v>
      </c>
      <c r="CP15" s="162">
        <v>0</v>
      </c>
      <c r="CQ15" s="160">
        <v>4</v>
      </c>
      <c r="CR15" s="160">
        <v>2</v>
      </c>
      <c r="CS15" s="160">
        <v>7</v>
      </c>
      <c r="CT15" s="160">
        <v>4</v>
      </c>
      <c r="CU15" s="160">
        <v>5</v>
      </c>
      <c r="CV15" s="165">
        <v>22</v>
      </c>
      <c r="CW15" s="164">
        <v>23</v>
      </c>
      <c r="CX15" s="159">
        <v>0</v>
      </c>
      <c r="CY15" s="160">
        <v>0</v>
      </c>
      <c r="CZ15" s="165">
        <v>0</v>
      </c>
      <c r="DA15" s="162">
        <v>0</v>
      </c>
      <c r="DB15" s="160">
        <v>0</v>
      </c>
      <c r="DC15" s="160">
        <v>0</v>
      </c>
      <c r="DD15" s="160">
        <v>0</v>
      </c>
      <c r="DE15" s="160">
        <v>0</v>
      </c>
      <c r="DF15" s="160">
        <v>0</v>
      </c>
      <c r="DG15" s="165">
        <v>0</v>
      </c>
      <c r="DH15" s="164">
        <v>0</v>
      </c>
      <c r="DI15" s="159">
        <v>0</v>
      </c>
      <c r="DJ15" s="160">
        <v>0</v>
      </c>
      <c r="DK15" s="165">
        <v>0</v>
      </c>
      <c r="DL15" s="162">
        <v>0</v>
      </c>
      <c r="DM15" s="160">
        <v>0</v>
      </c>
      <c r="DN15" s="160">
        <v>0</v>
      </c>
      <c r="DO15" s="160">
        <v>0</v>
      </c>
      <c r="DP15" s="160">
        <v>0</v>
      </c>
      <c r="DQ15" s="160">
        <v>0</v>
      </c>
      <c r="DR15" s="165">
        <v>0</v>
      </c>
      <c r="DS15" s="164">
        <v>0</v>
      </c>
      <c r="DT15" s="159">
        <v>509</v>
      </c>
      <c r="DU15" s="160">
        <v>995</v>
      </c>
      <c r="DV15" s="165">
        <v>1504</v>
      </c>
      <c r="DW15" s="162">
        <v>0</v>
      </c>
      <c r="DX15" s="160">
        <v>653</v>
      </c>
      <c r="DY15" s="160">
        <v>1127</v>
      </c>
      <c r="DZ15" s="160">
        <v>703</v>
      </c>
      <c r="EA15" s="160">
        <v>654</v>
      </c>
      <c r="EB15" s="160">
        <v>358</v>
      </c>
      <c r="EC15" s="165">
        <v>3495</v>
      </c>
      <c r="ED15" s="164">
        <v>4999</v>
      </c>
      <c r="EE15" s="159">
        <v>43</v>
      </c>
      <c r="EF15" s="160">
        <v>48</v>
      </c>
      <c r="EG15" s="165">
        <v>91</v>
      </c>
      <c r="EH15" s="162">
        <v>0</v>
      </c>
      <c r="EI15" s="160">
        <v>125</v>
      </c>
      <c r="EJ15" s="160">
        <v>119</v>
      </c>
      <c r="EK15" s="160">
        <v>120</v>
      </c>
      <c r="EL15" s="160">
        <v>150</v>
      </c>
      <c r="EM15" s="160">
        <v>71</v>
      </c>
      <c r="EN15" s="165">
        <v>585</v>
      </c>
      <c r="EO15" s="164">
        <v>676</v>
      </c>
      <c r="EP15" s="159">
        <v>699</v>
      </c>
      <c r="EQ15" s="160">
        <v>1194</v>
      </c>
      <c r="ER15" s="165">
        <v>1893</v>
      </c>
      <c r="ES15" s="162">
        <v>0</v>
      </c>
      <c r="ET15" s="160">
        <v>1642</v>
      </c>
      <c r="EU15" s="160">
        <v>1449</v>
      </c>
      <c r="EV15" s="160">
        <v>798</v>
      </c>
      <c r="EW15" s="160">
        <v>643</v>
      </c>
      <c r="EX15" s="160">
        <v>327</v>
      </c>
      <c r="EY15" s="165">
        <v>4859</v>
      </c>
      <c r="EZ15" s="164">
        <v>6752</v>
      </c>
    </row>
    <row r="16" spans="2:156" ht="21" customHeight="1" x14ac:dyDescent="0.2">
      <c r="B16" s="166" t="s">
        <v>13</v>
      </c>
      <c r="C16" s="159">
        <v>0</v>
      </c>
      <c r="D16" s="160">
        <v>0</v>
      </c>
      <c r="E16" s="161">
        <v>0</v>
      </c>
      <c r="F16" s="162">
        <v>0</v>
      </c>
      <c r="G16" s="160">
        <v>224</v>
      </c>
      <c r="H16" s="160">
        <v>256</v>
      </c>
      <c r="I16" s="160">
        <v>148</v>
      </c>
      <c r="J16" s="160">
        <v>120</v>
      </c>
      <c r="K16" s="160">
        <v>103</v>
      </c>
      <c r="L16" s="163">
        <v>851</v>
      </c>
      <c r="M16" s="164">
        <v>851</v>
      </c>
      <c r="N16" s="159">
        <v>0</v>
      </c>
      <c r="O16" s="160">
        <v>0</v>
      </c>
      <c r="P16" s="165">
        <v>0</v>
      </c>
      <c r="Q16" s="162">
        <v>0</v>
      </c>
      <c r="R16" s="160">
        <v>1</v>
      </c>
      <c r="S16" s="160">
        <v>4</v>
      </c>
      <c r="T16" s="160">
        <v>4</v>
      </c>
      <c r="U16" s="160">
        <v>15</v>
      </c>
      <c r="V16" s="160">
        <v>46</v>
      </c>
      <c r="W16" s="165">
        <v>70</v>
      </c>
      <c r="X16" s="164">
        <v>70</v>
      </c>
      <c r="Y16" s="159">
        <v>19</v>
      </c>
      <c r="Z16" s="160">
        <v>26</v>
      </c>
      <c r="AA16" s="165">
        <v>45</v>
      </c>
      <c r="AB16" s="162">
        <v>0</v>
      </c>
      <c r="AC16" s="160">
        <v>118</v>
      </c>
      <c r="AD16" s="160">
        <v>188</v>
      </c>
      <c r="AE16" s="160">
        <v>96</v>
      </c>
      <c r="AF16" s="160">
        <v>89</v>
      </c>
      <c r="AG16" s="160">
        <v>80</v>
      </c>
      <c r="AH16" s="165">
        <v>571</v>
      </c>
      <c r="AI16" s="164">
        <v>616</v>
      </c>
      <c r="AJ16" s="159">
        <v>1</v>
      </c>
      <c r="AK16" s="160">
        <v>3</v>
      </c>
      <c r="AL16" s="165">
        <v>4</v>
      </c>
      <c r="AM16" s="162">
        <v>0</v>
      </c>
      <c r="AN16" s="160">
        <v>14</v>
      </c>
      <c r="AO16" s="160">
        <v>19</v>
      </c>
      <c r="AP16" s="160">
        <v>16</v>
      </c>
      <c r="AQ16" s="160">
        <v>4</v>
      </c>
      <c r="AR16" s="160">
        <v>8</v>
      </c>
      <c r="AS16" s="165">
        <v>61</v>
      </c>
      <c r="AT16" s="164">
        <v>65</v>
      </c>
      <c r="AU16" s="159">
        <v>30</v>
      </c>
      <c r="AV16" s="160">
        <v>26</v>
      </c>
      <c r="AW16" s="165">
        <v>56</v>
      </c>
      <c r="AX16" s="162">
        <v>0</v>
      </c>
      <c r="AY16" s="160">
        <v>197</v>
      </c>
      <c r="AZ16" s="160">
        <v>269</v>
      </c>
      <c r="BA16" s="160">
        <v>206</v>
      </c>
      <c r="BB16" s="160">
        <v>199</v>
      </c>
      <c r="BC16" s="160">
        <v>177</v>
      </c>
      <c r="BD16" s="163">
        <v>1048</v>
      </c>
      <c r="BE16" s="164">
        <v>1104</v>
      </c>
      <c r="BF16" s="159">
        <v>0</v>
      </c>
      <c r="BG16" s="160">
        <v>0</v>
      </c>
      <c r="BH16" s="165">
        <v>0</v>
      </c>
      <c r="BI16" s="162">
        <v>0</v>
      </c>
      <c r="BJ16" s="160">
        <v>203</v>
      </c>
      <c r="BK16" s="160">
        <v>209</v>
      </c>
      <c r="BL16" s="160">
        <v>93</v>
      </c>
      <c r="BM16" s="160">
        <v>79</v>
      </c>
      <c r="BN16" s="160">
        <v>35</v>
      </c>
      <c r="BO16" s="165">
        <v>619</v>
      </c>
      <c r="BP16" s="164">
        <v>619</v>
      </c>
      <c r="BQ16" s="159">
        <v>11</v>
      </c>
      <c r="BR16" s="160">
        <v>18</v>
      </c>
      <c r="BS16" s="165">
        <v>29</v>
      </c>
      <c r="BT16" s="162">
        <v>0</v>
      </c>
      <c r="BU16" s="160">
        <v>41</v>
      </c>
      <c r="BV16" s="160">
        <v>38</v>
      </c>
      <c r="BW16" s="160">
        <v>26</v>
      </c>
      <c r="BX16" s="160">
        <v>19</v>
      </c>
      <c r="BY16" s="160">
        <v>11</v>
      </c>
      <c r="BZ16" s="165">
        <v>135</v>
      </c>
      <c r="CA16" s="164">
        <v>164</v>
      </c>
      <c r="CB16" s="159">
        <v>0</v>
      </c>
      <c r="CC16" s="160">
        <v>1</v>
      </c>
      <c r="CD16" s="165">
        <v>1</v>
      </c>
      <c r="CE16" s="162">
        <v>0</v>
      </c>
      <c r="CF16" s="160">
        <v>17</v>
      </c>
      <c r="CG16" s="160">
        <v>26</v>
      </c>
      <c r="CH16" s="160">
        <v>50</v>
      </c>
      <c r="CI16" s="160">
        <v>32</v>
      </c>
      <c r="CJ16" s="160">
        <v>26</v>
      </c>
      <c r="CK16" s="165">
        <v>151</v>
      </c>
      <c r="CL16" s="164">
        <v>152</v>
      </c>
      <c r="CM16" s="159">
        <v>0</v>
      </c>
      <c r="CN16" s="160">
        <v>0</v>
      </c>
      <c r="CO16" s="165">
        <v>0</v>
      </c>
      <c r="CP16" s="162">
        <v>0</v>
      </c>
      <c r="CQ16" s="160">
        <v>0</v>
      </c>
      <c r="CR16" s="160">
        <v>4</v>
      </c>
      <c r="CS16" s="160">
        <v>3</v>
      </c>
      <c r="CT16" s="160">
        <v>6</v>
      </c>
      <c r="CU16" s="160">
        <v>3</v>
      </c>
      <c r="CV16" s="165">
        <v>16</v>
      </c>
      <c r="CW16" s="164">
        <v>16</v>
      </c>
      <c r="CX16" s="159">
        <v>0</v>
      </c>
      <c r="CY16" s="160">
        <v>0</v>
      </c>
      <c r="CZ16" s="165">
        <v>0</v>
      </c>
      <c r="DA16" s="162">
        <v>0</v>
      </c>
      <c r="DB16" s="160">
        <v>0</v>
      </c>
      <c r="DC16" s="160">
        <v>0</v>
      </c>
      <c r="DD16" s="160">
        <v>0</v>
      </c>
      <c r="DE16" s="160">
        <v>0</v>
      </c>
      <c r="DF16" s="160">
        <v>0</v>
      </c>
      <c r="DG16" s="165">
        <v>0</v>
      </c>
      <c r="DH16" s="164">
        <v>0</v>
      </c>
      <c r="DI16" s="159">
        <v>0</v>
      </c>
      <c r="DJ16" s="160">
        <v>0</v>
      </c>
      <c r="DK16" s="165">
        <v>0</v>
      </c>
      <c r="DL16" s="162">
        <v>0</v>
      </c>
      <c r="DM16" s="160">
        <v>0</v>
      </c>
      <c r="DN16" s="160">
        <v>0</v>
      </c>
      <c r="DO16" s="160">
        <v>0</v>
      </c>
      <c r="DP16" s="160">
        <v>0</v>
      </c>
      <c r="DQ16" s="160">
        <v>0</v>
      </c>
      <c r="DR16" s="165">
        <v>0</v>
      </c>
      <c r="DS16" s="164">
        <v>0</v>
      </c>
      <c r="DT16" s="159">
        <v>74</v>
      </c>
      <c r="DU16" s="160">
        <v>167</v>
      </c>
      <c r="DV16" s="165">
        <v>241</v>
      </c>
      <c r="DW16" s="162">
        <v>0</v>
      </c>
      <c r="DX16" s="160">
        <v>286</v>
      </c>
      <c r="DY16" s="160">
        <v>460</v>
      </c>
      <c r="DZ16" s="160">
        <v>244</v>
      </c>
      <c r="EA16" s="160">
        <v>201</v>
      </c>
      <c r="EB16" s="160">
        <v>149</v>
      </c>
      <c r="EC16" s="165">
        <v>1340</v>
      </c>
      <c r="ED16" s="164">
        <v>1581</v>
      </c>
      <c r="EE16" s="159">
        <v>19</v>
      </c>
      <c r="EF16" s="160">
        <v>12</v>
      </c>
      <c r="EG16" s="165">
        <v>31</v>
      </c>
      <c r="EH16" s="162">
        <v>0</v>
      </c>
      <c r="EI16" s="160">
        <v>86</v>
      </c>
      <c r="EJ16" s="160">
        <v>81</v>
      </c>
      <c r="EK16" s="160">
        <v>72</v>
      </c>
      <c r="EL16" s="160">
        <v>73</v>
      </c>
      <c r="EM16" s="160">
        <v>42</v>
      </c>
      <c r="EN16" s="165">
        <v>354</v>
      </c>
      <c r="EO16" s="164">
        <v>385</v>
      </c>
      <c r="EP16" s="159">
        <v>100</v>
      </c>
      <c r="EQ16" s="160">
        <v>190</v>
      </c>
      <c r="ER16" s="165">
        <v>290</v>
      </c>
      <c r="ES16" s="162">
        <v>0</v>
      </c>
      <c r="ET16" s="160">
        <v>619</v>
      </c>
      <c r="EU16" s="160">
        <v>637</v>
      </c>
      <c r="EV16" s="160">
        <v>298</v>
      </c>
      <c r="EW16" s="160">
        <v>228</v>
      </c>
      <c r="EX16" s="160">
        <v>161</v>
      </c>
      <c r="EY16" s="165">
        <v>1943</v>
      </c>
      <c r="EZ16" s="164">
        <v>2233</v>
      </c>
    </row>
    <row r="17" spans="2:156" ht="21" customHeight="1" x14ac:dyDescent="0.2">
      <c r="B17" s="166" t="s">
        <v>15</v>
      </c>
      <c r="C17" s="159">
        <v>0</v>
      </c>
      <c r="D17" s="160">
        <v>0</v>
      </c>
      <c r="E17" s="161">
        <v>0</v>
      </c>
      <c r="F17" s="162">
        <v>0</v>
      </c>
      <c r="G17" s="160">
        <v>144</v>
      </c>
      <c r="H17" s="160">
        <v>169</v>
      </c>
      <c r="I17" s="160">
        <v>78</v>
      </c>
      <c r="J17" s="160">
        <v>64</v>
      </c>
      <c r="K17" s="160">
        <v>36</v>
      </c>
      <c r="L17" s="163">
        <v>491</v>
      </c>
      <c r="M17" s="164">
        <v>491</v>
      </c>
      <c r="N17" s="159">
        <v>0</v>
      </c>
      <c r="O17" s="160">
        <v>0</v>
      </c>
      <c r="P17" s="165">
        <v>0</v>
      </c>
      <c r="Q17" s="162">
        <v>0</v>
      </c>
      <c r="R17" s="160">
        <v>1</v>
      </c>
      <c r="S17" s="160">
        <v>2</v>
      </c>
      <c r="T17" s="160">
        <v>3</v>
      </c>
      <c r="U17" s="160">
        <v>15</v>
      </c>
      <c r="V17" s="160">
        <v>20</v>
      </c>
      <c r="W17" s="165">
        <v>41</v>
      </c>
      <c r="X17" s="164">
        <v>41</v>
      </c>
      <c r="Y17" s="159">
        <v>6</v>
      </c>
      <c r="Z17" s="160">
        <v>18</v>
      </c>
      <c r="AA17" s="165">
        <v>24</v>
      </c>
      <c r="AB17" s="162">
        <v>0</v>
      </c>
      <c r="AC17" s="160">
        <v>71</v>
      </c>
      <c r="AD17" s="160">
        <v>96</v>
      </c>
      <c r="AE17" s="160">
        <v>56</v>
      </c>
      <c r="AF17" s="160">
        <v>53</v>
      </c>
      <c r="AG17" s="160">
        <v>41</v>
      </c>
      <c r="AH17" s="165">
        <v>317</v>
      </c>
      <c r="AI17" s="164">
        <v>341</v>
      </c>
      <c r="AJ17" s="159">
        <v>0</v>
      </c>
      <c r="AK17" s="160">
        <v>1</v>
      </c>
      <c r="AL17" s="165">
        <v>1</v>
      </c>
      <c r="AM17" s="162">
        <v>0</v>
      </c>
      <c r="AN17" s="160">
        <v>14</v>
      </c>
      <c r="AO17" s="160">
        <v>13</v>
      </c>
      <c r="AP17" s="160">
        <v>5</v>
      </c>
      <c r="AQ17" s="160">
        <v>4</v>
      </c>
      <c r="AR17" s="160">
        <v>4</v>
      </c>
      <c r="AS17" s="165">
        <v>40</v>
      </c>
      <c r="AT17" s="164">
        <v>41</v>
      </c>
      <c r="AU17" s="159">
        <v>12</v>
      </c>
      <c r="AV17" s="160">
        <v>12</v>
      </c>
      <c r="AW17" s="165">
        <v>24</v>
      </c>
      <c r="AX17" s="162">
        <v>0</v>
      </c>
      <c r="AY17" s="160">
        <v>126</v>
      </c>
      <c r="AZ17" s="160">
        <v>110</v>
      </c>
      <c r="BA17" s="160">
        <v>89</v>
      </c>
      <c r="BB17" s="160">
        <v>112</v>
      </c>
      <c r="BC17" s="160">
        <v>68</v>
      </c>
      <c r="BD17" s="163">
        <v>505</v>
      </c>
      <c r="BE17" s="164">
        <v>529</v>
      </c>
      <c r="BF17" s="159">
        <v>0</v>
      </c>
      <c r="BG17" s="160">
        <v>0</v>
      </c>
      <c r="BH17" s="165">
        <v>0</v>
      </c>
      <c r="BI17" s="162">
        <v>0</v>
      </c>
      <c r="BJ17" s="160">
        <v>94</v>
      </c>
      <c r="BK17" s="160">
        <v>110</v>
      </c>
      <c r="BL17" s="160">
        <v>45</v>
      </c>
      <c r="BM17" s="160">
        <v>33</v>
      </c>
      <c r="BN17" s="160">
        <v>10</v>
      </c>
      <c r="BO17" s="165">
        <v>292</v>
      </c>
      <c r="BP17" s="164">
        <v>292</v>
      </c>
      <c r="BQ17" s="159">
        <v>3</v>
      </c>
      <c r="BR17" s="160">
        <v>6</v>
      </c>
      <c r="BS17" s="165">
        <v>9</v>
      </c>
      <c r="BT17" s="162">
        <v>0</v>
      </c>
      <c r="BU17" s="160">
        <v>29</v>
      </c>
      <c r="BV17" s="160">
        <v>35</v>
      </c>
      <c r="BW17" s="160">
        <v>29</v>
      </c>
      <c r="BX17" s="160">
        <v>11</v>
      </c>
      <c r="BY17" s="160">
        <v>5</v>
      </c>
      <c r="BZ17" s="165">
        <v>109</v>
      </c>
      <c r="CA17" s="164">
        <v>118</v>
      </c>
      <c r="CB17" s="159">
        <v>0</v>
      </c>
      <c r="CC17" s="160">
        <v>1</v>
      </c>
      <c r="CD17" s="165">
        <v>1</v>
      </c>
      <c r="CE17" s="162">
        <v>0</v>
      </c>
      <c r="CF17" s="160">
        <v>14</v>
      </c>
      <c r="CG17" s="160">
        <v>35</v>
      </c>
      <c r="CH17" s="160">
        <v>42</v>
      </c>
      <c r="CI17" s="160">
        <v>46</v>
      </c>
      <c r="CJ17" s="160">
        <v>22</v>
      </c>
      <c r="CK17" s="165">
        <v>159</v>
      </c>
      <c r="CL17" s="164">
        <v>160</v>
      </c>
      <c r="CM17" s="159">
        <v>0</v>
      </c>
      <c r="CN17" s="160">
        <v>0</v>
      </c>
      <c r="CO17" s="165">
        <v>0</v>
      </c>
      <c r="CP17" s="162">
        <v>0</v>
      </c>
      <c r="CQ17" s="160">
        <v>3</v>
      </c>
      <c r="CR17" s="160">
        <v>4</v>
      </c>
      <c r="CS17" s="160">
        <v>3</v>
      </c>
      <c r="CT17" s="160">
        <v>1</v>
      </c>
      <c r="CU17" s="160">
        <v>0</v>
      </c>
      <c r="CV17" s="165">
        <v>11</v>
      </c>
      <c r="CW17" s="164">
        <v>11</v>
      </c>
      <c r="CX17" s="159">
        <v>0</v>
      </c>
      <c r="CY17" s="160">
        <v>0</v>
      </c>
      <c r="CZ17" s="165">
        <v>0</v>
      </c>
      <c r="DA17" s="162">
        <v>0</v>
      </c>
      <c r="DB17" s="160">
        <v>0</v>
      </c>
      <c r="DC17" s="160">
        <v>0</v>
      </c>
      <c r="DD17" s="160">
        <v>0</v>
      </c>
      <c r="DE17" s="160">
        <v>0</v>
      </c>
      <c r="DF17" s="160">
        <v>0</v>
      </c>
      <c r="DG17" s="165">
        <v>0</v>
      </c>
      <c r="DH17" s="164">
        <v>0</v>
      </c>
      <c r="DI17" s="159">
        <v>0</v>
      </c>
      <c r="DJ17" s="160">
        <v>0</v>
      </c>
      <c r="DK17" s="165">
        <v>0</v>
      </c>
      <c r="DL17" s="162">
        <v>0</v>
      </c>
      <c r="DM17" s="160">
        <v>0</v>
      </c>
      <c r="DN17" s="160">
        <v>0</v>
      </c>
      <c r="DO17" s="160">
        <v>0</v>
      </c>
      <c r="DP17" s="160">
        <v>0</v>
      </c>
      <c r="DQ17" s="160">
        <v>0</v>
      </c>
      <c r="DR17" s="165">
        <v>0</v>
      </c>
      <c r="DS17" s="164">
        <v>0</v>
      </c>
      <c r="DT17" s="159">
        <v>71</v>
      </c>
      <c r="DU17" s="160">
        <v>181</v>
      </c>
      <c r="DV17" s="165">
        <v>252</v>
      </c>
      <c r="DW17" s="162">
        <v>0</v>
      </c>
      <c r="DX17" s="160">
        <v>252</v>
      </c>
      <c r="DY17" s="160">
        <v>377</v>
      </c>
      <c r="DZ17" s="160">
        <v>170</v>
      </c>
      <c r="EA17" s="160">
        <v>132</v>
      </c>
      <c r="EB17" s="160">
        <v>76</v>
      </c>
      <c r="EC17" s="165">
        <v>1007</v>
      </c>
      <c r="ED17" s="164">
        <v>1259</v>
      </c>
      <c r="EE17" s="159">
        <v>18</v>
      </c>
      <c r="EF17" s="160">
        <v>11</v>
      </c>
      <c r="EG17" s="165">
        <v>29</v>
      </c>
      <c r="EH17" s="162">
        <v>0</v>
      </c>
      <c r="EI17" s="160">
        <v>56</v>
      </c>
      <c r="EJ17" s="160">
        <v>25</v>
      </c>
      <c r="EK17" s="160">
        <v>20</v>
      </c>
      <c r="EL17" s="160">
        <v>37</v>
      </c>
      <c r="EM17" s="160">
        <v>14</v>
      </c>
      <c r="EN17" s="165">
        <v>152</v>
      </c>
      <c r="EO17" s="164">
        <v>181</v>
      </c>
      <c r="EP17" s="159">
        <v>77</v>
      </c>
      <c r="EQ17" s="160">
        <v>191</v>
      </c>
      <c r="ER17" s="165">
        <v>268</v>
      </c>
      <c r="ES17" s="162">
        <v>0</v>
      </c>
      <c r="ET17" s="160">
        <v>457</v>
      </c>
      <c r="EU17" s="160">
        <v>497</v>
      </c>
      <c r="EV17" s="160">
        <v>217</v>
      </c>
      <c r="EW17" s="160">
        <v>159</v>
      </c>
      <c r="EX17" s="160">
        <v>87</v>
      </c>
      <c r="EY17" s="165">
        <v>1417</v>
      </c>
      <c r="EZ17" s="164">
        <v>1685</v>
      </c>
    </row>
    <row r="18" spans="2:156" ht="21" customHeight="1" x14ac:dyDescent="0.2">
      <c r="B18" s="166" t="s">
        <v>16</v>
      </c>
      <c r="C18" s="159">
        <v>0</v>
      </c>
      <c r="D18" s="160">
        <v>0</v>
      </c>
      <c r="E18" s="161">
        <v>0</v>
      </c>
      <c r="F18" s="162">
        <v>0</v>
      </c>
      <c r="G18" s="160">
        <v>211</v>
      </c>
      <c r="H18" s="160">
        <v>292</v>
      </c>
      <c r="I18" s="160">
        <v>181</v>
      </c>
      <c r="J18" s="160">
        <v>138</v>
      </c>
      <c r="K18" s="160">
        <v>95</v>
      </c>
      <c r="L18" s="163">
        <v>917</v>
      </c>
      <c r="M18" s="164">
        <v>917</v>
      </c>
      <c r="N18" s="159">
        <v>0</v>
      </c>
      <c r="O18" s="160">
        <v>0</v>
      </c>
      <c r="P18" s="165">
        <v>0</v>
      </c>
      <c r="Q18" s="162">
        <v>0</v>
      </c>
      <c r="R18" s="160">
        <v>3</v>
      </c>
      <c r="S18" s="160">
        <v>5</v>
      </c>
      <c r="T18" s="160">
        <v>13</v>
      </c>
      <c r="U18" s="160">
        <v>26</v>
      </c>
      <c r="V18" s="160">
        <v>44</v>
      </c>
      <c r="W18" s="165">
        <v>91</v>
      </c>
      <c r="X18" s="164">
        <v>91</v>
      </c>
      <c r="Y18" s="159">
        <v>38</v>
      </c>
      <c r="Z18" s="160">
        <v>76</v>
      </c>
      <c r="AA18" s="165">
        <v>114</v>
      </c>
      <c r="AB18" s="162">
        <v>0</v>
      </c>
      <c r="AC18" s="160">
        <v>158</v>
      </c>
      <c r="AD18" s="160">
        <v>314</v>
      </c>
      <c r="AE18" s="160">
        <v>169</v>
      </c>
      <c r="AF18" s="160">
        <v>178</v>
      </c>
      <c r="AG18" s="160">
        <v>118</v>
      </c>
      <c r="AH18" s="165">
        <v>937</v>
      </c>
      <c r="AI18" s="164">
        <v>1051</v>
      </c>
      <c r="AJ18" s="159">
        <v>5</v>
      </c>
      <c r="AK18" s="160">
        <v>12</v>
      </c>
      <c r="AL18" s="165">
        <v>17</v>
      </c>
      <c r="AM18" s="162">
        <v>0</v>
      </c>
      <c r="AN18" s="160">
        <v>7</v>
      </c>
      <c r="AO18" s="160">
        <v>32</v>
      </c>
      <c r="AP18" s="160">
        <v>12</v>
      </c>
      <c r="AQ18" s="160">
        <v>10</v>
      </c>
      <c r="AR18" s="160">
        <v>16</v>
      </c>
      <c r="AS18" s="165">
        <v>77</v>
      </c>
      <c r="AT18" s="164">
        <v>94</v>
      </c>
      <c r="AU18" s="159">
        <v>34</v>
      </c>
      <c r="AV18" s="160">
        <v>41</v>
      </c>
      <c r="AW18" s="165">
        <v>75</v>
      </c>
      <c r="AX18" s="162">
        <v>0</v>
      </c>
      <c r="AY18" s="160">
        <v>262</v>
      </c>
      <c r="AZ18" s="160">
        <v>363</v>
      </c>
      <c r="BA18" s="160">
        <v>282</v>
      </c>
      <c r="BB18" s="160">
        <v>322</v>
      </c>
      <c r="BC18" s="160">
        <v>227</v>
      </c>
      <c r="BD18" s="163">
        <v>1456</v>
      </c>
      <c r="BE18" s="164">
        <v>1531</v>
      </c>
      <c r="BF18" s="159">
        <v>0</v>
      </c>
      <c r="BG18" s="160">
        <v>0</v>
      </c>
      <c r="BH18" s="165">
        <v>0</v>
      </c>
      <c r="BI18" s="162">
        <v>0</v>
      </c>
      <c r="BJ18" s="160">
        <v>365</v>
      </c>
      <c r="BK18" s="160">
        <v>436</v>
      </c>
      <c r="BL18" s="160">
        <v>235</v>
      </c>
      <c r="BM18" s="160">
        <v>165</v>
      </c>
      <c r="BN18" s="160">
        <v>89</v>
      </c>
      <c r="BO18" s="165">
        <v>1290</v>
      </c>
      <c r="BP18" s="164">
        <v>1290</v>
      </c>
      <c r="BQ18" s="159">
        <v>60</v>
      </c>
      <c r="BR18" s="160">
        <v>117</v>
      </c>
      <c r="BS18" s="165">
        <v>177</v>
      </c>
      <c r="BT18" s="162">
        <v>0</v>
      </c>
      <c r="BU18" s="160">
        <v>177</v>
      </c>
      <c r="BV18" s="160">
        <v>244</v>
      </c>
      <c r="BW18" s="160">
        <v>100</v>
      </c>
      <c r="BX18" s="160">
        <v>72</v>
      </c>
      <c r="BY18" s="160">
        <v>23</v>
      </c>
      <c r="BZ18" s="165">
        <v>616</v>
      </c>
      <c r="CA18" s="164">
        <v>793</v>
      </c>
      <c r="CB18" s="159">
        <v>0</v>
      </c>
      <c r="CC18" s="160">
        <v>3</v>
      </c>
      <c r="CD18" s="165">
        <v>3</v>
      </c>
      <c r="CE18" s="162">
        <v>0</v>
      </c>
      <c r="CF18" s="160">
        <v>31</v>
      </c>
      <c r="CG18" s="160">
        <v>82</v>
      </c>
      <c r="CH18" s="160">
        <v>80</v>
      </c>
      <c r="CI18" s="160">
        <v>45</v>
      </c>
      <c r="CJ18" s="160">
        <v>25</v>
      </c>
      <c r="CK18" s="165">
        <v>263</v>
      </c>
      <c r="CL18" s="164">
        <v>266</v>
      </c>
      <c r="CM18" s="159">
        <v>0</v>
      </c>
      <c r="CN18" s="160">
        <v>0</v>
      </c>
      <c r="CO18" s="165">
        <v>0</v>
      </c>
      <c r="CP18" s="162">
        <v>0</v>
      </c>
      <c r="CQ18" s="160">
        <v>3</v>
      </c>
      <c r="CR18" s="160">
        <v>9</v>
      </c>
      <c r="CS18" s="160">
        <v>10</v>
      </c>
      <c r="CT18" s="160">
        <v>7</v>
      </c>
      <c r="CU18" s="160">
        <v>6</v>
      </c>
      <c r="CV18" s="165">
        <v>35</v>
      </c>
      <c r="CW18" s="164">
        <v>35</v>
      </c>
      <c r="CX18" s="159">
        <v>0</v>
      </c>
      <c r="CY18" s="160">
        <v>0</v>
      </c>
      <c r="CZ18" s="165">
        <v>0</v>
      </c>
      <c r="DA18" s="162">
        <v>0</v>
      </c>
      <c r="DB18" s="160">
        <v>0</v>
      </c>
      <c r="DC18" s="160">
        <v>0</v>
      </c>
      <c r="DD18" s="160">
        <v>0</v>
      </c>
      <c r="DE18" s="160">
        <v>0</v>
      </c>
      <c r="DF18" s="160">
        <v>0</v>
      </c>
      <c r="DG18" s="165">
        <v>0</v>
      </c>
      <c r="DH18" s="164">
        <v>0</v>
      </c>
      <c r="DI18" s="159">
        <v>0</v>
      </c>
      <c r="DJ18" s="160">
        <v>0</v>
      </c>
      <c r="DK18" s="165">
        <v>0</v>
      </c>
      <c r="DL18" s="162">
        <v>0</v>
      </c>
      <c r="DM18" s="160">
        <v>0</v>
      </c>
      <c r="DN18" s="160">
        <v>0</v>
      </c>
      <c r="DO18" s="160">
        <v>0</v>
      </c>
      <c r="DP18" s="160">
        <v>0</v>
      </c>
      <c r="DQ18" s="160">
        <v>0</v>
      </c>
      <c r="DR18" s="165">
        <v>0</v>
      </c>
      <c r="DS18" s="164">
        <v>0</v>
      </c>
      <c r="DT18" s="159">
        <v>185</v>
      </c>
      <c r="DU18" s="160">
        <v>437</v>
      </c>
      <c r="DV18" s="165">
        <v>622</v>
      </c>
      <c r="DW18" s="162">
        <v>0</v>
      </c>
      <c r="DX18" s="160">
        <v>422</v>
      </c>
      <c r="DY18" s="160">
        <v>900</v>
      </c>
      <c r="DZ18" s="160">
        <v>473</v>
      </c>
      <c r="EA18" s="160">
        <v>373</v>
      </c>
      <c r="EB18" s="160">
        <v>230</v>
      </c>
      <c r="EC18" s="165">
        <v>2398</v>
      </c>
      <c r="ED18" s="164">
        <v>3020</v>
      </c>
      <c r="EE18" s="159">
        <v>23</v>
      </c>
      <c r="EF18" s="160">
        <v>16</v>
      </c>
      <c r="EG18" s="165">
        <v>39</v>
      </c>
      <c r="EH18" s="162">
        <v>0</v>
      </c>
      <c r="EI18" s="160">
        <v>118</v>
      </c>
      <c r="EJ18" s="160">
        <v>112</v>
      </c>
      <c r="EK18" s="160">
        <v>97</v>
      </c>
      <c r="EL18" s="160">
        <v>121</v>
      </c>
      <c r="EM18" s="160">
        <v>74</v>
      </c>
      <c r="EN18" s="165">
        <v>522</v>
      </c>
      <c r="EO18" s="164">
        <v>561</v>
      </c>
      <c r="EP18" s="159">
        <v>252</v>
      </c>
      <c r="EQ18" s="160">
        <v>529</v>
      </c>
      <c r="ER18" s="165">
        <v>781</v>
      </c>
      <c r="ES18" s="162">
        <v>0</v>
      </c>
      <c r="ET18" s="160">
        <v>891</v>
      </c>
      <c r="EU18" s="160">
        <v>1179</v>
      </c>
      <c r="EV18" s="160">
        <v>575</v>
      </c>
      <c r="EW18" s="160">
        <v>404</v>
      </c>
      <c r="EX18" s="160">
        <v>223</v>
      </c>
      <c r="EY18" s="165">
        <v>3272</v>
      </c>
      <c r="EZ18" s="164">
        <v>4053</v>
      </c>
    </row>
    <row r="19" spans="2:156" ht="21" customHeight="1" x14ac:dyDescent="0.2">
      <c r="B19" s="166" t="s">
        <v>17</v>
      </c>
      <c r="C19" s="159">
        <v>0</v>
      </c>
      <c r="D19" s="160">
        <v>0</v>
      </c>
      <c r="E19" s="161">
        <v>0</v>
      </c>
      <c r="F19" s="162">
        <v>0</v>
      </c>
      <c r="G19" s="160">
        <v>234</v>
      </c>
      <c r="H19" s="160">
        <v>498</v>
      </c>
      <c r="I19" s="160">
        <v>296</v>
      </c>
      <c r="J19" s="160">
        <v>264</v>
      </c>
      <c r="K19" s="160">
        <v>155</v>
      </c>
      <c r="L19" s="163">
        <v>1447</v>
      </c>
      <c r="M19" s="164">
        <v>1447</v>
      </c>
      <c r="N19" s="159">
        <v>0</v>
      </c>
      <c r="O19" s="160">
        <v>1</v>
      </c>
      <c r="P19" s="165">
        <v>1</v>
      </c>
      <c r="Q19" s="162">
        <v>0</v>
      </c>
      <c r="R19" s="160">
        <v>0</v>
      </c>
      <c r="S19" s="160">
        <v>7</v>
      </c>
      <c r="T19" s="160">
        <v>20</v>
      </c>
      <c r="U19" s="160">
        <v>50</v>
      </c>
      <c r="V19" s="160">
        <v>66</v>
      </c>
      <c r="W19" s="165">
        <v>143</v>
      </c>
      <c r="X19" s="164">
        <v>144</v>
      </c>
      <c r="Y19" s="159">
        <v>42</v>
      </c>
      <c r="Z19" s="160">
        <v>118</v>
      </c>
      <c r="AA19" s="165">
        <v>160</v>
      </c>
      <c r="AB19" s="162">
        <v>0</v>
      </c>
      <c r="AC19" s="160">
        <v>193</v>
      </c>
      <c r="AD19" s="160">
        <v>411</v>
      </c>
      <c r="AE19" s="160">
        <v>251</v>
      </c>
      <c r="AF19" s="160">
        <v>212</v>
      </c>
      <c r="AG19" s="160">
        <v>129</v>
      </c>
      <c r="AH19" s="165">
        <v>1196</v>
      </c>
      <c r="AI19" s="164">
        <v>1356</v>
      </c>
      <c r="AJ19" s="159">
        <v>7</v>
      </c>
      <c r="AK19" s="160">
        <v>10</v>
      </c>
      <c r="AL19" s="165">
        <v>17</v>
      </c>
      <c r="AM19" s="162">
        <v>0</v>
      </c>
      <c r="AN19" s="160">
        <v>12</v>
      </c>
      <c r="AO19" s="160">
        <v>42</v>
      </c>
      <c r="AP19" s="160">
        <v>32</v>
      </c>
      <c r="AQ19" s="160">
        <v>25</v>
      </c>
      <c r="AR19" s="160">
        <v>16</v>
      </c>
      <c r="AS19" s="165">
        <v>127</v>
      </c>
      <c r="AT19" s="164">
        <v>144</v>
      </c>
      <c r="AU19" s="159">
        <v>52</v>
      </c>
      <c r="AV19" s="160">
        <v>64</v>
      </c>
      <c r="AW19" s="165">
        <v>116</v>
      </c>
      <c r="AX19" s="162">
        <v>0</v>
      </c>
      <c r="AY19" s="160">
        <v>261</v>
      </c>
      <c r="AZ19" s="160">
        <v>534</v>
      </c>
      <c r="BA19" s="160">
        <v>500</v>
      </c>
      <c r="BB19" s="160">
        <v>501</v>
      </c>
      <c r="BC19" s="160">
        <v>329</v>
      </c>
      <c r="BD19" s="163">
        <v>2125</v>
      </c>
      <c r="BE19" s="164">
        <v>2241</v>
      </c>
      <c r="BF19" s="159">
        <v>0</v>
      </c>
      <c r="BG19" s="160">
        <v>0</v>
      </c>
      <c r="BH19" s="165">
        <v>0</v>
      </c>
      <c r="BI19" s="162">
        <v>0</v>
      </c>
      <c r="BJ19" s="160">
        <v>330</v>
      </c>
      <c r="BK19" s="160">
        <v>517</v>
      </c>
      <c r="BL19" s="160">
        <v>335</v>
      </c>
      <c r="BM19" s="160">
        <v>181</v>
      </c>
      <c r="BN19" s="160">
        <v>86</v>
      </c>
      <c r="BO19" s="165">
        <v>1449</v>
      </c>
      <c r="BP19" s="164">
        <v>1449</v>
      </c>
      <c r="BQ19" s="159">
        <v>40</v>
      </c>
      <c r="BR19" s="160">
        <v>76</v>
      </c>
      <c r="BS19" s="165">
        <v>116</v>
      </c>
      <c r="BT19" s="162">
        <v>0</v>
      </c>
      <c r="BU19" s="160">
        <v>71</v>
      </c>
      <c r="BV19" s="160">
        <v>225</v>
      </c>
      <c r="BW19" s="160">
        <v>119</v>
      </c>
      <c r="BX19" s="160">
        <v>48</v>
      </c>
      <c r="BY19" s="160">
        <v>18</v>
      </c>
      <c r="BZ19" s="165">
        <v>481</v>
      </c>
      <c r="CA19" s="164">
        <v>597</v>
      </c>
      <c r="CB19" s="159">
        <v>3</v>
      </c>
      <c r="CC19" s="160">
        <v>4</v>
      </c>
      <c r="CD19" s="165">
        <v>7</v>
      </c>
      <c r="CE19" s="162">
        <v>0</v>
      </c>
      <c r="CF19" s="160">
        <v>35</v>
      </c>
      <c r="CG19" s="160">
        <v>101</v>
      </c>
      <c r="CH19" s="160">
        <v>99</v>
      </c>
      <c r="CI19" s="160">
        <v>74</v>
      </c>
      <c r="CJ19" s="160">
        <v>44</v>
      </c>
      <c r="CK19" s="165">
        <v>353</v>
      </c>
      <c r="CL19" s="164">
        <v>360</v>
      </c>
      <c r="CM19" s="159">
        <v>0</v>
      </c>
      <c r="CN19" s="160">
        <v>1</v>
      </c>
      <c r="CO19" s="165">
        <v>1</v>
      </c>
      <c r="CP19" s="162">
        <v>0</v>
      </c>
      <c r="CQ19" s="160">
        <v>4</v>
      </c>
      <c r="CR19" s="160">
        <v>13</v>
      </c>
      <c r="CS19" s="160">
        <v>12</v>
      </c>
      <c r="CT19" s="160">
        <v>18</v>
      </c>
      <c r="CU19" s="160">
        <v>7</v>
      </c>
      <c r="CV19" s="165">
        <v>54</v>
      </c>
      <c r="CW19" s="164">
        <v>55</v>
      </c>
      <c r="CX19" s="159">
        <v>0</v>
      </c>
      <c r="CY19" s="160">
        <v>0</v>
      </c>
      <c r="CZ19" s="165">
        <v>0</v>
      </c>
      <c r="DA19" s="162">
        <v>0</v>
      </c>
      <c r="DB19" s="160">
        <v>0</v>
      </c>
      <c r="DC19" s="160">
        <v>0</v>
      </c>
      <c r="DD19" s="160">
        <v>0</v>
      </c>
      <c r="DE19" s="160">
        <v>0</v>
      </c>
      <c r="DF19" s="160">
        <v>0</v>
      </c>
      <c r="DG19" s="165">
        <v>0</v>
      </c>
      <c r="DH19" s="164">
        <v>0</v>
      </c>
      <c r="DI19" s="159">
        <v>0</v>
      </c>
      <c r="DJ19" s="160">
        <v>0</v>
      </c>
      <c r="DK19" s="165">
        <v>0</v>
      </c>
      <c r="DL19" s="162">
        <v>0</v>
      </c>
      <c r="DM19" s="160">
        <v>0</v>
      </c>
      <c r="DN19" s="160">
        <v>0</v>
      </c>
      <c r="DO19" s="160">
        <v>0</v>
      </c>
      <c r="DP19" s="160">
        <v>0</v>
      </c>
      <c r="DQ19" s="160">
        <v>0</v>
      </c>
      <c r="DR19" s="165">
        <v>0</v>
      </c>
      <c r="DS19" s="164">
        <v>0</v>
      </c>
      <c r="DT19" s="159">
        <v>234</v>
      </c>
      <c r="DU19" s="160">
        <v>555</v>
      </c>
      <c r="DV19" s="165">
        <v>789</v>
      </c>
      <c r="DW19" s="162">
        <v>0</v>
      </c>
      <c r="DX19" s="160">
        <v>397</v>
      </c>
      <c r="DY19" s="160">
        <v>1261</v>
      </c>
      <c r="DZ19" s="160">
        <v>772</v>
      </c>
      <c r="EA19" s="160">
        <v>603</v>
      </c>
      <c r="EB19" s="160">
        <v>325</v>
      </c>
      <c r="EC19" s="165">
        <v>3358</v>
      </c>
      <c r="ED19" s="164">
        <v>4147</v>
      </c>
      <c r="EE19" s="159">
        <v>26</v>
      </c>
      <c r="EF19" s="160">
        <v>26</v>
      </c>
      <c r="EG19" s="165">
        <v>52</v>
      </c>
      <c r="EH19" s="162">
        <v>0</v>
      </c>
      <c r="EI19" s="160">
        <v>103</v>
      </c>
      <c r="EJ19" s="160">
        <v>149</v>
      </c>
      <c r="EK19" s="160">
        <v>107</v>
      </c>
      <c r="EL19" s="160">
        <v>97</v>
      </c>
      <c r="EM19" s="160">
        <v>60</v>
      </c>
      <c r="EN19" s="165">
        <v>516</v>
      </c>
      <c r="EO19" s="164">
        <v>568</v>
      </c>
      <c r="EP19" s="159">
        <v>298</v>
      </c>
      <c r="EQ19" s="160">
        <v>640</v>
      </c>
      <c r="ER19" s="165">
        <v>938</v>
      </c>
      <c r="ES19" s="162">
        <v>0</v>
      </c>
      <c r="ET19" s="160">
        <v>965</v>
      </c>
      <c r="EU19" s="160">
        <v>1657</v>
      </c>
      <c r="EV19" s="160">
        <v>895</v>
      </c>
      <c r="EW19" s="160">
        <v>643</v>
      </c>
      <c r="EX19" s="160">
        <v>321</v>
      </c>
      <c r="EY19" s="165">
        <v>4481</v>
      </c>
      <c r="EZ19" s="164">
        <v>5419</v>
      </c>
    </row>
    <row r="20" spans="2:156" ht="21" customHeight="1" x14ac:dyDescent="0.2">
      <c r="B20" s="166" t="s">
        <v>18</v>
      </c>
      <c r="C20" s="159">
        <v>0</v>
      </c>
      <c r="D20" s="160">
        <v>0</v>
      </c>
      <c r="E20" s="161">
        <v>0</v>
      </c>
      <c r="F20" s="162">
        <v>0</v>
      </c>
      <c r="G20" s="160">
        <v>444</v>
      </c>
      <c r="H20" s="160">
        <v>505</v>
      </c>
      <c r="I20" s="160">
        <v>327</v>
      </c>
      <c r="J20" s="160">
        <v>243</v>
      </c>
      <c r="K20" s="160">
        <v>193</v>
      </c>
      <c r="L20" s="163">
        <v>1712</v>
      </c>
      <c r="M20" s="164">
        <v>1712</v>
      </c>
      <c r="N20" s="159">
        <v>0</v>
      </c>
      <c r="O20" s="160">
        <v>0</v>
      </c>
      <c r="P20" s="165">
        <v>0</v>
      </c>
      <c r="Q20" s="162">
        <v>0</v>
      </c>
      <c r="R20" s="160">
        <v>5</v>
      </c>
      <c r="S20" s="160">
        <v>10</v>
      </c>
      <c r="T20" s="160">
        <v>13</v>
      </c>
      <c r="U20" s="160">
        <v>53</v>
      </c>
      <c r="V20" s="160">
        <v>79</v>
      </c>
      <c r="W20" s="165">
        <v>160</v>
      </c>
      <c r="X20" s="164">
        <v>160</v>
      </c>
      <c r="Y20" s="159">
        <v>66</v>
      </c>
      <c r="Z20" s="160">
        <v>117</v>
      </c>
      <c r="AA20" s="165">
        <v>183</v>
      </c>
      <c r="AB20" s="162">
        <v>0</v>
      </c>
      <c r="AC20" s="160">
        <v>365</v>
      </c>
      <c r="AD20" s="160">
        <v>437</v>
      </c>
      <c r="AE20" s="160">
        <v>274</v>
      </c>
      <c r="AF20" s="160">
        <v>205</v>
      </c>
      <c r="AG20" s="160">
        <v>155</v>
      </c>
      <c r="AH20" s="165">
        <v>1436</v>
      </c>
      <c r="AI20" s="164">
        <v>1619</v>
      </c>
      <c r="AJ20" s="159">
        <v>6</v>
      </c>
      <c r="AK20" s="160">
        <v>17</v>
      </c>
      <c r="AL20" s="165">
        <v>23</v>
      </c>
      <c r="AM20" s="162">
        <v>0</v>
      </c>
      <c r="AN20" s="160">
        <v>41</v>
      </c>
      <c r="AO20" s="160">
        <v>42</v>
      </c>
      <c r="AP20" s="160">
        <v>38</v>
      </c>
      <c r="AQ20" s="160">
        <v>21</v>
      </c>
      <c r="AR20" s="160">
        <v>15</v>
      </c>
      <c r="AS20" s="165">
        <v>157</v>
      </c>
      <c r="AT20" s="164">
        <v>180</v>
      </c>
      <c r="AU20" s="159">
        <v>61</v>
      </c>
      <c r="AV20" s="160">
        <v>91</v>
      </c>
      <c r="AW20" s="165">
        <v>152</v>
      </c>
      <c r="AX20" s="162">
        <v>0</v>
      </c>
      <c r="AY20" s="160">
        <v>546</v>
      </c>
      <c r="AZ20" s="160">
        <v>650</v>
      </c>
      <c r="BA20" s="160">
        <v>589</v>
      </c>
      <c r="BB20" s="160">
        <v>528</v>
      </c>
      <c r="BC20" s="160">
        <v>395</v>
      </c>
      <c r="BD20" s="163">
        <v>2708</v>
      </c>
      <c r="BE20" s="164">
        <v>2860</v>
      </c>
      <c r="BF20" s="159">
        <v>0</v>
      </c>
      <c r="BG20" s="160">
        <v>0</v>
      </c>
      <c r="BH20" s="165">
        <v>0</v>
      </c>
      <c r="BI20" s="162">
        <v>0</v>
      </c>
      <c r="BJ20" s="160">
        <v>691</v>
      </c>
      <c r="BK20" s="160">
        <v>674</v>
      </c>
      <c r="BL20" s="160">
        <v>391</v>
      </c>
      <c r="BM20" s="160">
        <v>196</v>
      </c>
      <c r="BN20" s="160">
        <v>90</v>
      </c>
      <c r="BO20" s="165">
        <v>2042</v>
      </c>
      <c r="BP20" s="164">
        <v>2042</v>
      </c>
      <c r="BQ20" s="159">
        <v>66</v>
      </c>
      <c r="BR20" s="160">
        <v>139</v>
      </c>
      <c r="BS20" s="165">
        <v>205</v>
      </c>
      <c r="BT20" s="162">
        <v>0</v>
      </c>
      <c r="BU20" s="160">
        <v>211</v>
      </c>
      <c r="BV20" s="160">
        <v>209</v>
      </c>
      <c r="BW20" s="160">
        <v>128</v>
      </c>
      <c r="BX20" s="160">
        <v>69</v>
      </c>
      <c r="BY20" s="160">
        <v>24</v>
      </c>
      <c r="BZ20" s="165">
        <v>641</v>
      </c>
      <c r="CA20" s="164">
        <v>846</v>
      </c>
      <c r="CB20" s="159">
        <v>2</v>
      </c>
      <c r="CC20" s="160">
        <v>7</v>
      </c>
      <c r="CD20" s="165">
        <v>9</v>
      </c>
      <c r="CE20" s="162">
        <v>0</v>
      </c>
      <c r="CF20" s="160">
        <v>61</v>
      </c>
      <c r="CG20" s="160">
        <v>100</v>
      </c>
      <c r="CH20" s="160">
        <v>134</v>
      </c>
      <c r="CI20" s="160">
        <v>91</v>
      </c>
      <c r="CJ20" s="160">
        <v>50</v>
      </c>
      <c r="CK20" s="165">
        <v>436</v>
      </c>
      <c r="CL20" s="164">
        <v>445</v>
      </c>
      <c r="CM20" s="159">
        <v>0</v>
      </c>
      <c r="CN20" s="160">
        <v>0</v>
      </c>
      <c r="CO20" s="165">
        <v>0</v>
      </c>
      <c r="CP20" s="162">
        <v>0</v>
      </c>
      <c r="CQ20" s="160">
        <v>3</v>
      </c>
      <c r="CR20" s="160">
        <v>8</v>
      </c>
      <c r="CS20" s="160">
        <v>10</v>
      </c>
      <c r="CT20" s="160">
        <v>4</v>
      </c>
      <c r="CU20" s="160">
        <v>0</v>
      </c>
      <c r="CV20" s="165">
        <v>25</v>
      </c>
      <c r="CW20" s="164">
        <v>25</v>
      </c>
      <c r="CX20" s="159">
        <v>0</v>
      </c>
      <c r="CY20" s="160">
        <v>0</v>
      </c>
      <c r="CZ20" s="165">
        <v>0</v>
      </c>
      <c r="DA20" s="162">
        <v>0</v>
      </c>
      <c r="DB20" s="160">
        <v>0</v>
      </c>
      <c r="DC20" s="160">
        <v>0</v>
      </c>
      <c r="DD20" s="160">
        <v>0</v>
      </c>
      <c r="DE20" s="160">
        <v>0</v>
      </c>
      <c r="DF20" s="160">
        <v>0</v>
      </c>
      <c r="DG20" s="165">
        <v>0</v>
      </c>
      <c r="DH20" s="164">
        <v>0</v>
      </c>
      <c r="DI20" s="159">
        <v>0</v>
      </c>
      <c r="DJ20" s="160">
        <v>0</v>
      </c>
      <c r="DK20" s="165">
        <v>0</v>
      </c>
      <c r="DL20" s="162">
        <v>0</v>
      </c>
      <c r="DM20" s="160">
        <v>0</v>
      </c>
      <c r="DN20" s="160">
        <v>0</v>
      </c>
      <c r="DO20" s="160">
        <v>0</v>
      </c>
      <c r="DP20" s="160">
        <v>0</v>
      </c>
      <c r="DQ20" s="160">
        <v>0</v>
      </c>
      <c r="DR20" s="165">
        <v>0</v>
      </c>
      <c r="DS20" s="164">
        <v>0</v>
      </c>
      <c r="DT20" s="159">
        <v>231</v>
      </c>
      <c r="DU20" s="160">
        <v>605</v>
      </c>
      <c r="DV20" s="165">
        <v>836</v>
      </c>
      <c r="DW20" s="162">
        <v>0</v>
      </c>
      <c r="DX20" s="160">
        <v>825</v>
      </c>
      <c r="DY20" s="160">
        <v>1201</v>
      </c>
      <c r="DZ20" s="160">
        <v>778</v>
      </c>
      <c r="EA20" s="160">
        <v>556</v>
      </c>
      <c r="EB20" s="160">
        <v>366</v>
      </c>
      <c r="EC20" s="165">
        <v>3726</v>
      </c>
      <c r="ED20" s="164">
        <v>4562</v>
      </c>
      <c r="EE20" s="159">
        <v>29</v>
      </c>
      <c r="EF20" s="160">
        <v>10</v>
      </c>
      <c r="EG20" s="165">
        <v>39</v>
      </c>
      <c r="EH20" s="162">
        <v>0</v>
      </c>
      <c r="EI20" s="160">
        <v>137</v>
      </c>
      <c r="EJ20" s="160">
        <v>121</v>
      </c>
      <c r="EK20" s="160">
        <v>118</v>
      </c>
      <c r="EL20" s="160">
        <v>128</v>
      </c>
      <c r="EM20" s="160">
        <v>74</v>
      </c>
      <c r="EN20" s="165">
        <v>578</v>
      </c>
      <c r="EO20" s="164">
        <v>617</v>
      </c>
      <c r="EP20" s="159">
        <v>338</v>
      </c>
      <c r="EQ20" s="160">
        <v>740</v>
      </c>
      <c r="ER20" s="165">
        <v>1078</v>
      </c>
      <c r="ES20" s="162">
        <v>0</v>
      </c>
      <c r="ET20" s="160">
        <v>1712</v>
      </c>
      <c r="EU20" s="160">
        <v>1588</v>
      </c>
      <c r="EV20" s="160">
        <v>900</v>
      </c>
      <c r="EW20" s="160">
        <v>583</v>
      </c>
      <c r="EX20" s="160">
        <v>351</v>
      </c>
      <c r="EY20" s="165">
        <v>5134</v>
      </c>
      <c r="EZ20" s="164">
        <v>6212</v>
      </c>
    </row>
    <row r="21" spans="2:156" ht="21" customHeight="1" x14ac:dyDescent="0.2">
      <c r="B21" s="166" t="s">
        <v>19</v>
      </c>
      <c r="C21" s="159">
        <v>0</v>
      </c>
      <c r="D21" s="160">
        <v>0</v>
      </c>
      <c r="E21" s="161">
        <v>0</v>
      </c>
      <c r="F21" s="162">
        <v>0</v>
      </c>
      <c r="G21" s="160">
        <v>196</v>
      </c>
      <c r="H21" s="160">
        <v>164</v>
      </c>
      <c r="I21" s="160">
        <v>118</v>
      </c>
      <c r="J21" s="160">
        <v>72</v>
      </c>
      <c r="K21" s="160">
        <v>66</v>
      </c>
      <c r="L21" s="163">
        <v>616</v>
      </c>
      <c r="M21" s="164">
        <v>616</v>
      </c>
      <c r="N21" s="159">
        <v>0</v>
      </c>
      <c r="O21" s="160">
        <v>0</v>
      </c>
      <c r="P21" s="165">
        <v>0</v>
      </c>
      <c r="Q21" s="162">
        <v>0</v>
      </c>
      <c r="R21" s="160">
        <v>3</v>
      </c>
      <c r="S21" s="160">
        <v>5</v>
      </c>
      <c r="T21" s="160">
        <v>14</v>
      </c>
      <c r="U21" s="160">
        <v>16</v>
      </c>
      <c r="V21" s="160">
        <v>26</v>
      </c>
      <c r="W21" s="165">
        <v>64</v>
      </c>
      <c r="X21" s="164">
        <v>64</v>
      </c>
      <c r="Y21" s="159">
        <v>44</v>
      </c>
      <c r="Z21" s="160">
        <v>65</v>
      </c>
      <c r="AA21" s="165">
        <v>109</v>
      </c>
      <c r="AB21" s="162">
        <v>0</v>
      </c>
      <c r="AC21" s="160">
        <v>209</v>
      </c>
      <c r="AD21" s="160">
        <v>151</v>
      </c>
      <c r="AE21" s="160">
        <v>120</v>
      </c>
      <c r="AF21" s="160">
        <v>74</v>
      </c>
      <c r="AG21" s="160">
        <v>73</v>
      </c>
      <c r="AH21" s="165">
        <v>627</v>
      </c>
      <c r="AI21" s="164">
        <v>736</v>
      </c>
      <c r="AJ21" s="159">
        <v>6</v>
      </c>
      <c r="AK21" s="160">
        <v>8</v>
      </c>
      <c r="AL21" s="165">
        <v>14</v>
      </c>
      <c r="AM21" s="162">
        <v>0</v>
      </c>
      <c r="AN21" s="160">
        <v>22</v>
      </c>
      <c r="AO21" s="160">
        <v>11</v>
      </c>
      <c r="AP21" s="160">
        <v>13</v>
      </c>
      <c r="AQ21" s="160">
        <v>8</v>
      </c>
      <c r="AR21" s="160">
        <v>4</v>
      </c>
      <c r="AS21" s="165">
        <v>58</v>
      </c>
      <c r="AT21" s="164">
        <v>72</v>
      </c>
      <c r="AU21" s="159">
        <v>50</v>
      </c>
      <c r="AV21" s="160">
        <v>54</v>
      </c>
      <c r="AW21" s="165">
        <v>104</v>
      </c>
      <c r="AX21" s="162">
        <v>0</v>
      </c>
      <c r="AY21" s="160">
        <v>231</v>
      </c>
      <c r="AZ21" s="160">
        <v>246</v>
      </c>
      <c r="BA21" s="160">
        <v>201</v>
      </c>
      <c r="BB21" s="160">
        <v>184</v>
      </c>
      <c r="BC21" s="160">
        <v>162</v>
      </c>
      <c r="BD21" s="163">
        <v>1024</v>
      </c>
      <c r="BE21" s="164">
        <v>1128</v>
      </c>
      <c r="BF21" s="159">
        <v>0</v>
      </c>
      <c r="BG21" s="160">
        <v>0</v>
      </c>
      <c r="BH21" s="165">
        <v>0</v>
      </c>
      <c r="BI21" s="162">
        <v>0</v>
      </c>
      <c r="BJ21" s="160">
        <v>272</v>
      </c>
      <c r="BK21" s="160">
        <v>233</v>
      </c>
      <c r="BL21" s="160">
        <v>131</v>
      </c>
      <c r="BM21" s="160">
        <v>60</v>
      </c>
      <c r="BN21" s="160">
        <v>48</v>
      </c>
      <c r="BO21" s="165">
        <v>744</v>
      </c>
      <c r="BP21" s="164">
        <v>744</v>
      </c>
      <c r="BQ21" s="159">
        <v>46</v>
      </c>
      <c r="BR21" s="160">
        <v>73</v>
      </c>
      <c r="BS21" s="165">
        <v>119</v>
      </c>
      <c r="BT21" s="162">
        <v>0</v>
      </c>
      <c r="BU21" s="160">
        <v>147</v>
      </c>
      <c r="BV21" s="160">
        <v>110</v>
      </c>
      <c r="BW21" s="160">
        <v>59</v>
      </c>
      <c r="BX21" s="160">
        <v>37</v>
      </c>
      <c r="BY21" s="160">
        <v>8</v>
      </c>
      <c r="BZ21" s="165">
        <v>361</v>
      </c>
      <c r="CA21" s="164">
        <v>480</v>
      </c>
      <c r="CB21" s="159">
        <v>2</v>
      </c>
      <c r="CC21" s="160">
        <v>6</v>
      </c>
      <c r="CD21" s="165">
        <v>8</v>
      </c>
      <c r="CE21" s="162">
        <v>0</v>
      </c>
      <c r="CF21" s="160">
        <v>35</v>
      </c>
      <c r="CG21" s="160">
        <v>43</v>
      </c>
      <c r="CH21" s="160">
        <v>58</v>
      </c>
      <c r="CI21" s="160">
        <v>26</v>
      </c>
      <c r="CJ21" s="160">
        <v>17</v>
      </c>
      <c r="CK21" s="165">
        <v>179</v>
      </c>
      <c r="CL21" s="164">
        <v>187</v>
      </c>
      <c r="CM21" s="159">
        <v>0</v>
      </c>
      <c r="CN21" s="160">
        <v>0</v>
      </c>
      <c r="CO21" s="165">
        <v>0</v>
      </c>
      <c r="CP21" s="162">
        <v>0</v>
      </c>
      <c r="CQ21" s="160">
        <v>7</v>
      </c>
      <c r="CR21" s="160">
        <v>8</v>
      </c>
      <c r="CS21" s="160">
        <v>11</v>
      </c>
      <c r="CT21" s="160">
        <v>10</v>
      </c>
      <c r="CU21" s="160">
        <v>3</v>
      </c>
      <c r="CV21" s="165">
        <v>39</v>
      </c>
      <c r="CW21" s="164">
        <v>39</v>
      </c>
      <c r="CX21" s="159">
        <v>0</v>
      </c>
      <c r="CY21" s="160">
        <v>0</v>
      </c>
      <c r="CZ21" s="165">
        <v>0</v>
      </c>
      <c r="DA21" s="162">
        <v>0</v>
      </c>
      <c r="DB21" s="160">
        <v>0</v>
      </c>
      <c r="DC21" s="160">
        <v>0</v>
      </c>
      <c r="DD21" s="160">
        <v>0</v>
      </c>
      <c r="DE21" s="160">
        <v>0</v>
      </c>
      <c r="DF21" s="160">
        <v>0</v>
      </c>
      <c r="DG21" s="165">
        <v>0</v>
      </c>
      <c r="DH21" s="164">
        <v>0</v>
      </c>
      <c r="DI21" s="159">
        <v>0</v>
      </c>
      <c r="DJ21" s="160">
        <v>0</v>
      </c>
      <c r="DK21" s="165">
        <v>0</v>
      </c>
      <c r="DL21" s="162">
        <v>0</v>
      </c>
      <c r="DM21" s="160">
        <v>0</v>
      </c>
      <c r="DN21" s="160">
        <v>0</v>
      </c>
      <c r="DO21" s="160">
        <v>0</v>
      </c>
      <c r="DP21" s="160">
        <v>0</v>
      </c>
      <c r="DQ21" s="160">
        <v>0</v>
      </c>
      <c r="DR21" s="165">
        <v>0</v>
      </c>
      <c r="DS21" s="164">
        <v>0</v>
      </c>
      <c r="DT21" s="159">
        <v>170</v>
      </c>
      <c r="DU21" s="160">
        <v>265</v>
      </c>
      <c r="DV21" s="165">
        <v>435</v>
      </c>
      <c r="DW21" s="162">
        <v>0</v>
      </c>
      <c r="DX21" s="160">
        <v>462</v>
      </c>
      <c r="DY21" s="160">
        <v>430</v>
      </c>
      <c r="DZ21" s="160">
        <v>285</v>
      </c>
      <c r="EA21" s="160">
        <v>182</v>
      </c>
      <c r="EB21" s="160">
        <v>132</v>
      </c>
      <c r="EC21" s="165">
        <v>1491</v>
      </c>
      <c r="ED21" s="164">
        <v>1926</v>
      </c>
      <c r="EE21" s="159">
        <v>18</v>
      </c>
      <c r="EF21" s="160">
        <v>16</v>
      </c>
      <c r="EG21" s="165">
        <v>34</v>
      </c>
      <c r="EH21" s="162">
        <v>0</v>
      </c>
      <c r="EI21" s="160">
        <v>59</v>
      </c>
      <c r="EJ21" s="160">
        <v>58</v>
      </c>
      <c r="EK21" s="160">
        <v>52</v>
      </c>
      <c r="EL21" s="160">
        <v>52</v>
      </c>
      <c r="EM21" s="160">
        <v>40</v>
      </c>
      <c r="EN21" s="165">
        <v>261</v>
      </c>
      <c r="EO21" s="164">
        <v>295</v>
      </c>
      <c r="EP21" s="159">
        <v>235</v>
      </c>
      <c r="EQ21" s="160">
        <v>329</v>
      </c>
      <c r="ER21" s="165">
        <v>564</v>
      </c>
      <c r="ES21" s="162">
        <v>0</v>
      </c>
      <c r="ET21" s="160">
        <v>808</v>
      </c>
      <c r="EU21" s="160">
        <v>576</v>
      </c>
      <c r="EV21" s="160">
        <v>330</v>
      </c>
      <c r="EW21" s="160">
        <v>174</v>
      </c>
      <c r="EX21" s="160">
        <v>119</v>
      </c>
      <c r="EY21" s="165">
        <v>2007</v>
      </c>
      <c r="EZ21" s="164">
        <v>2571</v>
      </c>
    </row>
    <row r="22" spans="2:156" ht="21" customHeight="1" x14ac:dyDescent="0.2">
      <c r="B22" s="166" t="s">
        <v>20</v>
      </c>
      <c r="C22" s="159">
        <v>0</v>
      </c>
      <c r="D22" s="160">
        <v>0</v>
      </c>
      <c r="E22" s="161">
        <v>0</v>
      </c>
      <c r="F22" s="162">
        <v>0</v>
      </c>
      <c r="G22" s="160">
        <v>300</v>
      </c>
      <c r="H22" s="160">
        <v>216</v>
      </c>
      <c r="I22" s="160">
        <v>135</v>
      </c>
      <c r="J22" s="160">
        <v>115</v>
      </c>
      <c r="K22" s="160">
        <v>83</v>
      </c>
      <c r="L22" s="163">
        <v>849</v>
      </c>
      <c r="M22" s="164">
        <v>849</v>
      </c>
      <c r="N22" s="159">
        <v>0</v>
      </c>
      <c r="O22" s="160">
        <v>0</v>
      </c>
      <c r="P22" s="165">
        <v>0</v>
      </c>
      <c r="Q22" s="162">
        <v>0</v>
      </c>
      <c r="R22" s="160">
        <v>2</v>
      </c>
      <c r="S22" s="160">
        <v>6</v>
      </c>
      <c r="T22" s="160">
        <v>9</v>
      </c>
      <c r="U22" s="160">
        <v>23</v>
      </c>
      <c r="V22" s="160">
        <v>31</v>
      </c>
      <c r="W22" s="165">
        <v>71</v>
      </c>
      <c r="X22" s="164">
        <v>71</v>
      </c>
      <c r="Y22" s="159">
        <v>47</v>
      </c>
      <c r="Z22" s="160">
        <v>103</v>
      </c>
      <c r="AA22" s="165">
        <v>150</v>
      </c>
      <c r="AB22" s="162">
        <v>0</v>
      </c>
      <c r="AC22" s="160">
        <v>286</v>
      </c>
      <c r="AD22" s="160">
        <v>216</v>
      </c>
      <c r="AE22" s="160">
        <v>137</v>
      </c>
      <c r="AF22" s="160">
        <v>104</v>
      </c>
      <c r="AG22" s="160">
        <v>54</v>
      </c>
      <c r="AH22" s="165">
        <v>797</v>
      </c>
      <c r="AI22" s="164">
        <v>947</v>
      </c>
      <c r="AJ22" s="159">
        <v>14</v>
      </c>
      <c r="AK22" s="160">
        <v>42</v>
      </c>
      <c r="AL22" s="165">
        <v>56</v>
      </c>
      <c r="AM22" s="162">
        <v>0</v>
      </c>
      <c r="AN22" s="160">
        <v>67</v>
      </c>
      <c r="AO22" s="160">
        <v>57</v>
      </c>
      <c r="AP22" s="160">
        <v>49</v>
      </c>
      <c r="AQ22" s="160">
        <v>31</v>
      </c>
      <c r="AR22" s="160">
        <v>9</v>
      </c>
      <c r="AS22" s="165">
        <v>213</v>
      </c>
      <c r="AT22" s="164">
        <v>269</v>
      </c>
      <c r="AU22" s="159">
        <v>30</v>
      </c>
      <c r="AV22" s="160">
        <v>47</v>
      </c>
      <c r="AW22" s="165">
        <v>77</v>
      </c>
      <c r="AX22" s="162">
        <v>0</v>
      </c>
      <c r="AY22" s="160">
        <v>297</v>
      </c>
      <c r="AZ22" s="160">
        <v>275</v>
      </c>
      <c r="BA22" s="160">
        <v>265</v>
      </c>
      <c r="BB22" s="160">
        <v>226</v>
      </c>
      <c r="BC22" s="160">
        <v>155</v>
      </c>
      <c r="BD22" s="163">
        <v>1218</v>
      </c>
      <c r="BE22" s="164">
        <v>1295</v>
      </c>
      <c r="BF22" s="159">
        <v>0</v>
      </c>
      <c r="BG22" s="160">
        <v>0</v>
      </c>
      <c r="BH22" s="165">
        <v>0</v>
      </c>
      <c r="BI22" s="162">
        <v>0</v>
      </c>
      <c r="BJ22" s="160">
        <v>404</v>
      </c>
      <c r="BK22" s="160">
        <v>253</v>
      </c>
      <c r="BL22" s="160">
        <v>163</v>
      </c>
      <c r="BM22" s="160">
        <v>87</v>
      </c>
      <c r="BN22" s="160">
        <v>32</v>
      </c>
      <c r="BO22" s="165">
        <v>939</v>
      </c>
      <c r="BP22" s="164">
        <v>939</v>
      </c>
      <c r="BQ22" s="159">
        <v>15</v>
      </c>
      <c r="BR22" s="160">
        <v>36</v>
      </c>
      <c r="BS22" s="165">
        <v>51</v>
      </c>
      <c r="BT22" s="162">
        <v>0</v>
      </c>
      <c r="BU22" s="160">
        <v>129</v>
      </c>
      <c r="BV22" s="160">
        <v>92</v>
      </c>
      <c r="BW22" s="160">
        <v>43</v>
      </c>
      <c r="BX22" s="160">
        <v>45</v>
      </c>
      <c r="BY22" s="160">
        <v>14</v>
      </c>
      <c r="BZ22" s="165">
        <v>323</v>
      </c>
      <c r="CA22" s="164">
        <v>374</v>
      </c>
      <c r="CB22" s="159">
        <v>0</v>
      </c>
      <c r="CC22" s="160">
        <v>3</v>
      </c>
      <c r="CD22" s="165">
        <v>3</v>
      </c>
      <c r="CE22" s="162">
        <v>0</v>
      </c>
      <c r="CF22" s="160">
        <v>48</v>
      </c>
      <c r="CG22" s="160">
        <v>54</v>
      </c>
      <c r="CH22" s="160">
        <v>87</v>
      </c>
      <c r="CI22" s="160">
        <v>52</v>
      </c>
      <c r="CJ22" s="160">
        <v>21</v>
      </c>
      <c r="CK22" s="165">
        <v>262</v>
      </c>
      <c r="CL22" s="164">
        <v>265</v>
      </c>
      <c r="CM22" s="159">
        <v>0</v>
      </c>
      <c r="CN22" s="160">
        <v>0</v>
      </c>
      <c r="CO22" s="165">
        <v>0</v>
      </c>
      <c r="CP22" s="162">
        <v>0</v>
      </c>
      <c r="CQ22" s="160">
        <v>8</v>
      </c>
      <c r="CR22" s="160">
        <v>2</v>
      </c>
      <c r="CS22" s="160">
        <v>7</v>
      </c>
      <c r="CT22" s="160">
        <v>5</v>
      </c>
      <c r="CU22" s="160">
        <v>4</v>
      </c>
      <c r="CV22" s="165">
        <v>26</v>
      </c>
      <c r="CW22" s="164">
        <v>26</v>
      </c>
      <c r="CX22" s="159">
        <v>0</v>
      </c>
      <c r="CY22" s="160">
        <v>0</v>
      </c>
      <c r="CZ22" s="165">
        <v>0</v>
      </c>
      <c r="DA22" s="162">
        <v>0</v>
      </c>
      <c r="DB22" s="160">
        <v>0</v>
      </c>
      <c r="DC22" s="160">
        <v>0</v>
      </c>
      <c r="DD22" s="160">
        <v>0</v>
      </c>
      <c r="DE22" s="160">
        <v>0</v>
      </c>
      <c r="DF22" s="160">
        <v>0</v>
      </c>
      <c r="DG22" s="165">
        <v>0</v>
      </c>
      <c r="DH22" s="164">
        <v>0</v>
      </c>
      <c r="DI22" s="159">
        <v>0</v>
      </c>
      <c r="DJ22" s="160">
        <v>0</v>
      </c>
      <c r="DK22" s="165">
        <v>0</v>
      </c>
      <c r="DL22" s="162">
        <v>0</v>
      </c>
      <c r="DM22" s="160">
        <v>0</v>
      </c>
      <c r="DN22" s="160">
        <v>0</v>
      </c>
      <c r="DO22" s="160">
        <v>0</v>
      </c>
      <c r="DP22" s="160">
        <v>0</v>
      </c>
      <c r="DQ22" s="160">
        <v>0</v>
      </c>
      <c r="DR22" s="165">
        <v>0</v>
      </c>
      <c r="DS22" s="164">
        <v>0</v>
      </c>
      <c r="DT22" s="159">
        <v>177</v>
      </c>
      <c r="DU22" s="160">
        <v>335</v>
      </c>
      <c r="DV22" s="165">
        <v>512</v>
      </c>
      <c r="DW22" s="162">
        <v>0</v>
      </c>
      <c r="DX22" s="160">
        <v>628</v>
      </c>
      <c r="DY22" s="160">
        <v>526</v>
      </c>
      <c r="DZ22" s="160">
        <v>361</v>
      </c>
      <c r="EA22" s="160">
        <v>258</v>
      </c>
      <c r="EB22" s="160">
        <v>132</v>
      </c>
      <c r="EC22" s="165">
        <v>1905</v>
      </c>
      <c r="ED22" s="164">
        <v>2417</v>
      </c>
      <c r="EE22" s="159">
        <v>13</v>
      </c>
      <c r="EF22" s="160">
        <v>14</v>
      </c>
      <c r="EG22" s="165">
        <v>27</v>
      </c>
      <c r="EH22" s="162">
        <v>0</v>
      </c>
      <c r="EI22" s="160">
        <v>98</v>
      </c>
      <c r="EJ22" s="160">
        <v>64</v>
      </c>
      <c r="EK22" s="160">
        <v>63</v>
      </c>
      <c r="EL22" s="160">
        <v>74</v>
      </c>
      <c r="EM22" s="160">
        <v>38</v>
      </c>
      <c r="EN22" s="165">
        <v>337</v>
      </c>
      <c r="EO22" s="164">
        <v>364</v>
      </c>
      <c r="EP22" s="159">
        <v>233</v>
      </c>
      <c r="EQ22" s="160">
        <v>426</v>
      </c>
      <c r="ER22" s="165">
        <v>659</v>
      </c>
      <c r="ES22" s="162">
        <v>0</v>
      </c>
      <c r="ET22" s="160">
        <v>1192</v>
      </c>
      <c r="EU22" s="160">
        <v>733</v>
      </c>
      <c r="EV22" s="160">
        <v>434</v>
      </c>
      <c r="EW22" s="160">
        <v>288</v>
      </c>
      <c r="EX22" s="160">
        <v>141</v>
      </c>
      <c r="EY22" s="165">
        <v>2788</v>
      </c>
      <c r="EZ22" s="164">
        <v>3447</v>
      </c>
    </row>
    <row r="23" spans="2:156" ht="21" customHeight="1" x14ac:dyDescent="0.2">
      <c r="B23" s="166" t="s">
        <v>21</v>
      </c>
      <c r="C23" s="159">
        <v>0</v>
      </c>
      <c r="D23" s="160">
        <v>0</v>
      </c>
      <c r="E23" s="161">
        <v>0</v>
      </c>
      <c r="F23" s="162">
        <v>0</v>
      </c>
      <c r="G23" s="160">
        <v>289</v>
      </c>
      <c r="H23" s="160">
        <v>350</v>
      </c>
      <c r="I23" s="160">
        <v>213</v>
      </c>
      <c r="J23" s="160">
        <v>133</v>
      </c>
      <c r="K23" s="160">
        <v>114</v>
      </c>
      <c r="L23" s="163">
        <v>1099</v>
      </c>
      <c r="M23" s="164">
        <v>1099</v>
      </c>
      <c r="N23" s="159">
        <v>0</v>
      </c>
      <c r="O23" s="160">
        <v>0</v>
      </c>
      <c r="P23" s="165">
        <v>0</v>
      </c>
      <c r="Q23" s="162">
        <v>0</v>
      </c>
      <c r="R23" s="160">
        <v>1</v>
      </c>
      <c r="S23" s="160">
        <v>5</v>
      </c>
      <c r="T23" s="160">
        <v>12</v>
      </c>
      <c r="U23" s="160">
        <v>24</v>
      </c>
      <c r="V23" s="160">
        <v>45</v>
      </c>
      <c r="W23" s="165">
        <v>87</v>
      </c>
      <c r="X23" s="164">
        <v>87</v>
      </c>
      <c r="Y23" s="159">
        <v>64</v>
      </c>
      <c r="Z23" s="160">
        <v>96</v>
      </c>
      <c r="AA23" s="165">
        <v>160</v>
      </c>
      <c r="AB23" s="162">
        <v>0</v>
      </c>
      <c r="AC23" s="160">
        <v>236</v>
      </c>
      <c r="AD23" s="160">
        <v>283</v>
      </c>
      <c r="AE23" s="160">
        <v>182</v>
      </c>
      <c r="AF23" s="160">
        <v>121</v>
      </c>
      <c r="AG23" s="160">
        <v>83</v>
      </c>
      <c r="AH23" s="165">
        <v>905</v>
      </c>
      <c r="AI23" s="164">
        <v>1065</v>
      </c>
      <c r="AJ23" s="159">
        <v>19</v>
      </c>
      <c r="AK23" s="160">
        <v>35</v>
      </c>
      <c r="AL23" s="165">
        <v>54</v>
      </c>
      <c r="AM23" s="162">
        <v>0</v>
      </c>
      <c r="AN23" s="160">
        <v>21</v>
      </c>
      <c r="AO23" s="160">
        <v>45</v>
      </c>
      <c r="AP23" s="160">
        <v>24</v>
      </c>
      <c r="AQ23" s="160">
        <v>9</v>
      </c>
      <c r="AR23" s="160">
        <v>6</v>
      </c>
      <c r="AS23" s="165">
        <v>105</v>
      </c>
      <c r="AT23" s="164">
        <v>159</v>
      </c>
      <c r="AU23" s="159">
        <v>56</v>
      </c>
      <c r="AV23" s="160">
        <v>52</v>
      </c>
      <c r="AW23" s="165">
        <v>108</v>
      </c>
      <c r="AX23" s="162">
        <v>0</v>
      </c>
      <c r="AY23" s="160">
        <v>302</v>
      </c>
      <c r="AZ23" s="160">
        <v>401</v>
      </c>
      <c r="BA23" s="160">
        <v>323</v>
      </c>
      <c r="BB23" s="160">
        <v>261</v>
      </c>
      <c r="BC23" s="160">
        <v>204</v>
      </c>
      <c r="BD23" s="163">
        <v>1491</v>
      </c>
      <c r="BE23" s="164">
        <v>1599</v>
      </c>
      <c r="BF23" s="159">
        <v>0</v>
      </c>
      <c r="BG23" s="160">
        <v>0</v>
      </c>
      <c r="BH23" s="165">
        <v>0</v>
      </c>
      <c r="BI23" s="162">
        <v>0</v>
      </c>
      <c r="BJ23" s="160">
        <v>376</v>
      </c>
      <c r="BK23" s="160">
        <v>382</v>
      </c>
      <c r="BL23" s="160">
        <v>220</v>
      </c>
      <c r="BM23" s="160">
        <v>109</v>
      </c>
      <c r="BN23" s="160">
        <v>42</v>
      </c>
      <c r="BO23" s="165">
        <v>1129</v>
      </c>
      <c r="BP23" s="164">
        <v>1129</v>
      </c>
      <c r="BQ23" s="159">
        <v>32</v>
      </c>
      <c r="BR23" s="160">
        <v>38</v>
      </c>
      <c r="BS23" s="165">
        <v>70</v>
      </c>
      <c r="BT23" s="162">
        <v>0</v>
      </c>
      <c r="BU23" s="160">
        <v>70</v>
      </c>
      <c r="BV23" s="160">
        <v>74</v>
      </c>
      <c r="BW23" s="160">
        <v>37</v>
      </c>
      <c r="BX23" s="160">
        <v>19</v>
      </c>
      <c r="BY23" s="160">
        <v>10</v>
      </c>
      <c r="BZ23" s="165">
        <v>210</v>
      </c>
      <c r="CA23" s="164">
        <v>280</v>
      </c>
      <c r="CB23" s="159">
        <v>1</v>
      </c>
      <c r="CC23" s="160">
        <v>5</v>
      </c>
      <c r="CD23" s="165">
        <v>6</v>
      </c>
      <c r="CE23" s="162">
        <v>0</v>
      </c>
      <c r="CF23" s="160">
        <v>28</v>
      </c>
      <c r="CG23" s="160">
        <v>56</v>
      </c>
      <c r="CH23" s="160">
        <v>75</v>
      </c>
      <c r="CI23" s="160">
        <v>45</v>
      </c>
      <c r="CJ23" s="160">
        <v>35</v>
      </c>
      <c r="CK23" s="165">
        <v>239</v>
      </c>
      <c r="CL23" s="164">
        <v>245</v>
      </c>
      <c r="CM23" s="159">
        <v>0</v>
      </c>
      <c r="CN23" s="160">
        <v>1</v>
      </c>
      <c r="CO23" s="165">
        <v>1</v>
      </c>
      <c r="CP23" s="162">
        <v>0</v>
      </c>
      <c r="CQ23" s="160">
        <v>2</v>
      </c>
      <c r="CR23" s="160">
        <v>1</v>
      </c>
      <c r="CS23" s="160">
        <v>6</v>
      </c>
      <c r="CT23" s="160">
        <v>2</v>
      </c>
      <c r="CU23" s="160">
        <v>3</v>
      </c>
      <c r="CV23" s="165">
        <v>14</v>
      </c>
      <c r="CW23" s="164">
        <v>15</v>
      </c>
      <c r="CX23" s="159">
        <v>0</v>
      </c>
      <c r="CY23" s="160">
        <v>0</v>
      </c>
      <c r="CZ23" s="165">
        <v>0</v>
      </c>
      <c r="DA23" s="162">
        <v>0</v>
      </c>
      <c r="DB23" s="160">
        <v>0</v>
      </c>
      <c r="DC23" s="160">
        <v>0</v>
      </c>
      <c r="DD23" s="160">
        <v>0</v>
      </c>
      <c r="DE23" s="160">
        <v>0</v>
      </c>
      <c r="DF23" s="160">
        <v>0</v>
      </c>
      <c r="DG23" s="165">
        <v>0</v>
      </c>
      <c r="DH23" s="164">
        <v>0</v>
      </c>
      <c r="DI23" s="159">
        <v>0</v>
      </c>
      <c r="DJ23" s="160">
        <v>0</v>
      </c>
      <c r="DK23" s="165">
        <v>0</v>
      </c>
      <c r="DL23" s="162">
        <v>0</v>
      </c>
      <c r="DM23" s="160">
        <v>0</v>
      </c>
      <c r="DN23" s="160">
        <v>0</v>
      </c>
      <c r="DO23" s="160">
        <v>0</v>
      </c>
      <c r="DP23" s="160">
        <v>0</v>
      </c>
      <c r="DQ23" s="160">
        <v>0</v>
      </c>
      <c r="DR23" s="165">
        <v>0</v>
      </c>
      <c r="DS23" s="164">
        <v>0</v>
      </c>
      <c r="DT23" s="159">
        <v>232</v>
      </c>
      <c r="DU23" s="160">
        <v>358</v>
      </c>
      <c r="DV23" s="165">
        <v>590</v>
      </c>
      <c r="DW23" s="162">
        <v>0</v>
      </c>
      <c r="DX23" s="160">
        <v>424</v>
      </c>
      <c r="DY23" s="160">
        <v>718</v>
      </c>
      <c r="DZ23" s="160">
        <v>422</v>
      </c>
      <c r="EA23" s="160">
        <v>256</v>
      </c>
      <c r="EB23" s="160">
        <v>180</v>
      </c>
      <c r="EC23" s="165">
        <v>2000</v>
      </c>
      <c r="ED23" s="164">
        <v>2590</v>
      </c>
      <c r="EE23" s="159">
        <v>17</v>
      </c>
      <c r="EF23" s="160">
        <v>13</v>
      </c>
      <c r="EG23" s="165">
        <v>30</v>
      </c>
      <c r="EH23" s="162">
        <v>0</v>
      </c>
      <c r="EI23" s="160">
        <v>87</v>
      </c>
      <c r="EJ23" s="160">
        <v>64</v>
      </c>
      <c r="EK23" s="160">
        <v>63</v>
      </c>
      <c r="EL23" s="160">
        <v>69</v>
      </c>
      <c r="EM23" s="160">
        <v>41</v>
      </c>
      <c r="EN23" s="165">
        <v>324</v>
      </c>
      <c r="EO23" s="164">
        <v>354</v>
      </c>
      <c r="EP23" s="159">
        <v>312</v>
      </c>
      <c r="EQ23" s="160">
        <v>448</v>
      </c>
      <c r="ER23" s="165">
        <v>760</v>
      </c>
      <c r="ES23" s="162">
        <v>0</v>
      </c>
      <c r="ET23" s="160">
        <v>949</v>
      </c>
      <c r="EU23" s="160">
        <v>948</v>
      </c>
      <c r="EV23" s="160">
        <v>508</v>
      </c>
      <c r="EW23" s="160">
        <v>282</v>
      </c>
      <c r="EX23" s="160">
        <v>187</v>
      </c>
      <c r="EY23" s="165">
        <v>2874</v>
      </c>
      <c r="EZ23" s="164">
        <v>3634</v>
      </c>
    </row>
    <row r="24" spans="2:156" ht="21" customHeight="1" x14ac:dyDescent="0.2">
      <c r="B24" s="166" t="s">
        <v>22</v>
      </c>
      <c r="C24" s="159">
        <v>0</v>
      </c>
      <c r="D24" s="160">
        <v>0</v>
      </c>
      <c r="E24" s="161">
        <v>0</v>
      </c>
      <c r="F24" s="162">
        <v>0</v>
      </c>
      <c r="G24" s="160">
        <v>66</v>
      </c>
      <c r="H24" s="160">
        <v>84</v>
      </c>
      <c r="I24" s="160">
        <v>44</v>
      </c>
      <c r="J24" s="160">
        <v>46</v>
      </c>
      <c r="K24" s="160">
        <v>30</v>
      </c>
      <c r="L24" s="163">
        <v>270</v>
      </c>
      <c r="M24" s="164">
        <v>270</v>
      </c>
      <c r="N24" s="159">
        <v>0</v>
      </c>
      <c r="O24" s="160">
        <v>0</v>
      </c>
      <c r="P24" s="165">
        <v>0</v>
      </c>
      <c r="Q24" s="162">
        <v>0</v>
      </c>
      <c r="R24" s="160">
        <v>1</v>
      </c>
      <c r="S24" s="160">
        <v>1</v>
      </c>
      <c r="T24" s="160">
        <v>3</v>
      </c>
      <c r="U24" s="160">
        <v>7</v>
      </c>
      <c r="V24" s="160">
        <v>20</v>
      </c>
      <c r="W24" s="165">
        <v>32</v>
      </c>
      <c r="X24" s="164">
        <v>32</v>
      </c>
      <c r="Y24" s="159">
        <v>6</v>
      </c>
      <c r="Z24" s="160">
        <v>15</v>
      </c>
      <c r="AA24" s="165">
        <v>21</v>
      </c>
      <c r="AB24" s="162">
        <v>0</v>
      </c>
      <c r="AC24" s="160">
        <v>58</v>
      </c>
      <c r="AD24" s="160">
        <v>77</v>
      </c>
      <c r="AE24" s="160">
        <v>41</v>
      </c>
      <c r="AF24" s="160">
        <v>51</v>
      </c>
      <c r="AG24" s="160">
        <v>31</v>
      </c>
      <c r="AH24" s="165">
        <v>258</v>
      </c>
      <c r="AI24" s="164">
        <v>279</v>
      </c>
      <c r="AJ24" s="159">
        <v>1</v>
      </c>
      <c r="AK24" s="160">
        <v>1</v>
      </c>
      <c r="AL24" s="165">
        <v>2</v>
      </c>
      <c r="AM24" s="162">
        <v>0</v>
      </c>
      <c r="AN24" s="160">
        <v>13</v>
      </c>
      <c r="AO24" s="160">
        <v>8</v>
      </c>
      <c r="AP24" s="160">
        <v>4</v>
      </c>
      <c r="AQ24" s="160">
        <v>5</v>
      </c>
      <c r="AR24" s="160">
        <v>0</v>
      </c>
      <c r="AS24" s="165">
        <v>30</v>
      </c>
      <c r="AT24" s="164">
        <v>32</v>
      </c>
      <c r="AU24" s="159">
        <v>7</v>
      </c>
      <c r="AV24" s="160">
        <v>10</v>
      </c>
      <c r="AW24" s="165">
        <v>17</v>
      </c>
      <c r="AX24" s="162">
        <v>0</v>
      </c>
      <c r="AY24" s="160">
        <v>74</v>
      </c>
      <c r="AZ24" s="160">
        <v>102</v>
      </c>
      <c r="BA24" s="160">
        <v>81</v>
      </c>
      <c r="BB24" s="160">
        <v>85</v>
      </c>
      <c r="BC24" s="160">
        <v>45</v>
      </c>
      <c r="BD24" s="163">
        <v>387</v>
      </c>
      <c r="BE24" s="164">
        <v>404</v>
      </c>
      <c r="BF24" s="159">
        <v>0</v>
      </c>
      <c r="BG24" s="160">
        <v>0</v>
      </c>
      <c r="BH24" s="165">
        <v>0</v>
      </c>
      <c r="BI24" s="162">
        <v>0</v>
      </c>
      <c r="BJ24" s="160">
        <v>115</v>
      </c>
      <c r="BK24" s="160">
        <v>124</v>
      </c>
      <c r="BL24" s="160">
        <v>62</v>
      </c>
      <c r="BM24" s="160">
        <v>42</v>
      </c>
      <c r="BN24" s="160">
        <v>13</v>
      </c>
      <c r="BO24" s="165">
        <v>356</v>
      </c>
      <c r="BP24" s="164">
        <v>356</v>
      </c>
      <c r="BQ24" s="159">
        <v>5</v>
      </c>
      <c r="BR24" s="160">
        <v>10</v>
      </c>
      <c r="BS24" s="165">
        <v>15</v>
      </c>
      <c r="BT24" s="162">
        <v>0</v>
      </c>
      <c r="BU24" s="160">
        <v>38</v>
      </c>
      <c r="BV24" s="160">
        <v>39</v>
      </c>
      <c r="BW24" s="160">
        <v>11</v>
      </c>
      <c r="BX24" s="160">
        <v>15</v>
      </c>
      <c r="BY24" s="160">
        <v>6</v>
      </c>
      <c r="BZ24" s="165">
        <v>109</v>
      </c>
      <c r="CA24" s="164">
        <v>124</v>
      </c>
      <c r="CB24" s="159">
        <v>0</v>
      </c>
      <c r="CC24" s="160">
        <v>0</v>
      </c>
      <c r="CD24" s="165">
        <v>0</v>
      </c>
      <c r="CE24" s="162">
        <v>0</v>
      </c>
      <c r="CF24" s="160">
        <v>11</v>
      </c>
      <c r="CG24" s="160">
        <v>25</v>
      </c>
      <c r="CH24" s="160">
        <v>30</v>
      </c>
      <c r="CI24" s="160">
        <v>18</v>
      </c>
      <c r="CJ24" s="160">
        <v>5</v>
      </c>
      <c r="CK24" s="165">
        <v>89</v>
      </c>
      <c r="CL24" s="164">
        <v>89</v>
      </c>
      <c r="CM24" s="159">
        <v>0</v>
      </c>
      <c r="CN24" s="160">
        <v>0</v>
      </c>
      <c r="CO24" s="165">
        <v>0</v>
      </c>
      <c r="CP24" s="162">
        <v>0</v>
      </c>
      <c r="CQ24" s="160">
        <v>2</v>
      </c>
      <c r="CR24" s="160">
        <v>0</v>
      </c>
      <c r="CS24" s="160">
        <v>1</v>
      </c>
      <c r="CT24" s="160">
        <v>5</v>
      </c>
      <c r="CU24" s="160">
        <v>3</v>
      </c>
      <c r="CV24" s="165">
        <v>11</v>
      </c>
      <c r="CW24" s="164">
        <v>11</v>
      </c>
      <c r="CX24" s="159">
        <v>0</v>
      </c>
      <c r="CY24" s="160">
        <v>0</v>
      </c>
      <c r="CZ24" s="165">
        <v>0</v>
      </c>
      <c r="DA24" s="162">
        <v>0</v>
      </c>
      <c r="DB24" s="160">
        <v>0</v>
      </c>
      <c r="DC24" s="160">
        <v>0</v>
      </c>
      <c r="DD24" s="160">
        <v>0</v>
      </c>
      <c r="DE24" s="160">
        <v>0</v>
      </c>
      <c r="DF24" s="160">
        <v>0</v>
      </c>
      <c r="DG24" s="165">
        <v>0</v>
      </c>
      <c r="DH24" s="164">
        <v>0</v>
      </c>
      <c r="DI24" s="159">
        <v>0</v>
      </c>
      <c r="DJ24" s="160">
        <v>0</v>
      </c>
      <c r="DK24" s="165">
        <v>0</v>
      </c>
      <c r="DL24" s="162">
        <v>0</v>
      </c>
      <c r="DM24" s="160">
        <v>0</v>
      </c>
      <c r="DN24" s="160">
        <v>0</v>
      </c>
      <c r="DO24" s="160">
        <v>0</v>
      </c>
      <c r="DP24" s="160">
        <v>0</v>
      </c>
      <c r="DQ24" s="160">
        <v>0</v>
      </c>
      <c r="DR24" s="165">
        <v>0</v>
      </c>
      <c r="DS24" s="164">
        <v>0</v>
      </c>
      <c r="DT24" s="159">
        <v>60</v>
      </c>
      <c r="DU24" s="160">
        <v>168</v>
      </c>
      <c r="DV24" s="165">
        <v>228</v>
      </c>
      <c r="DW24" s="162">
        <v>0</v>
      </c>
      <c r="DX24" s="160">
        <v>227</v>
      </c>
      <c r="DY24" s="160">
        <v>264</v>
      </c>
      <c r="DZ24" s="160">
        <v>149</v>
      </c>
      <c r="EA24" s="160">
        <v>116</v>
      </c>
      <c r="EB24" s="160">
        <v>63</v>
      </c>
      <c r="EC24" s="165">
        <v>819</v>
      </c>
      <c r="ED24" s="164">
        <v>1047</v>
      </c>
      <c r="EE24" s="159">
        <v>6</v>
      </c>
      <c r="EF24" s="160">
        <v>8</v>
      </c>
      <c r="EG24" s="165">
        <v>14</v>
      </c>
      <c r="EH24" s="162">
        <v>0</v>
      </c>
      <c r="EI24" s="160">
        <v>36</v>
      </c>
      <c r="EJ24" s="160">
        <v>29</v>
      </c>
      <c r="EK24" s="160">
        <v>24</v>
      </c>
      <c r="EL24" s="160">
        <v>26</v>
      </c>
      <c r="EM24" s="160">
        <v>13</v>
      </c>
      <c r="EN24" s="165">
        <v>128</v>
      </c>
      <c r="EO24" s="164">
        <v>142</v>
      </c>
      <c r="EP24" s="159">
        <v>68</v>
      </c>
      <c r="EQ24" s="160">
        <v>176</v>
      </c>
      <c r="ER24" s="165">
        <v>244</v>
      </c>
      <c r="ES24" s="162">
        <v>0</v>
      </c>
      <c r="ET24" s="160">
        <v>364</v>
      </c>
      <c r="EU24" s="160">
        <v>335</v>
      </c>
      <c r="EV24" s="160">
        <v>178</v>
      </c>
      <c r="EW24" s="160">
        <v>122</v>
      </c>
      <c r="EX24" s="160">
        <v>58</v>
      </c>
      <c r="EY24" s="165">
        <v>1057</v>
      </c>
      <c r="EZ24" s="164">
        <v>1301</v>
      </c>
    </row>
    <row r="25" spans="2:156" ht="21" customHeight="1" x14ac:dyDescent="0.2">
      <c r="B25" s="166" t="s">
        <v>23</v>
      </c>
      <c r="C25" s="159">
        <v>0</v>
      </c>
      <c r="D25" s="160">
        <v>0</v>
      </c>
      <c r="E25" s="161">
        <v>0</v>
      </c>
      <c r="F25" s="162">
        <v>0</v>
      </c>
      <c r="G25" s="160">
        <v>144</v>
      </c>
      <c r="H25" s="160">
        <v>157</v>
      </c>
      <c r="I25" s="160">
        <v>79</v>
      </c>
      <c r="J25" s="160">
        <v>71</v>
      </c>
      <c r="K25" s="160">
        <v>54</v>
      </c>
      <c r="L25" s="163">
        <v>505</v>
      </c>
      <c r="M25" s="164">
        <v>505</v>
      </c>
      <c r="N25" s="159">
        <v>0</v>
      </c>
      <c r="O25" s="160">
        <v>0</v>
      </c>
      <c r="P25" s="165">
        <v>0</v>
      </c>
      <c r="Q25" s="162">
        <v>0</v>
      </c>
      <c r="R25" s="160">
        <v>0</v>
      </c>
      <c r="S25" s="160">
        <v>5</v>
      </c>
      <c r="T25" s="160">
        <v>8</v>
      </c>
      <c r="U25" s="160">
        <v>20</v>
      </c>
      <c r="V25" s="160">
        <v>25</v>
      </c>
      <c r="W25" s="165">
        <v>58</v>
      </c>
      <c r="X25" s="164">
        <v>58</v>
      </c>
      <c r="Y25" s="159">
        <v>40</v>
      </c>
      <c r="Z25" s="160">
        <v>79</v>
      </c>
      <c r="AA25" s="165">
        <v>119</v>
      </c>
      <c r="AB25" s="162">
        <v>0</v>
      </c>
      <c r="AC25" s="160">
        <v>103</v>
      </c>
      <c r="AD25" s="160">
        <v>184</v>
      </c>
      <c r="AE25" s="160">
        <v>81</v>
      </c>
      <c r="AF25" s="160">
        <v>89</v>
      </c>
      <c r="AG25" s="160">
        <v>55</v>
      </c>
      <c r="AH25" s="165">
        <v>512</v>
      </c>
      <c r="AI25" s="164">
        <v>631</v>
      </c>
      <c r="AJ25" s="159">
        <v>3</v>
      </c>
      <c r="AK25" s="160">
        <v>12</v>
      </c>
      <c r="AL25" s="165">
        <v>15</v>
      </c>
      <c r="AM25" s="162">
        <v>0</v>
      </c>
      <c r="AN25" s="160">
        <v>13</v>
      </c>
      <c r="AO25" s="160">
        <v>23</v>
      </c>
      <c r="AP25" s="160">
        <v>13</v>
      </c>
      <c r="AQ25" s="160">
        <v>7</v>
      </c>
      <c r="AR25" s="160">
        <v>3</v>
      </c>
      <c r="AS25" s="165">
        <v>59</v>
      </c>
      <c r="AT25" s="164">
        <v>74</v>
      </c>
      <c r="AU25" s="159">
        <v>25</v>
      </c>
      <c r="AV25" s="160">
        <v>16</v>
      </c>
      <c r="AW25" s="165">
        <v>41</v>
      </c>
      <c r="AX25" s="162">
        <v>0</v>
      </c>
      <c r="AY25" s="160">
        <v>172</v>
      </c>
      <c r="AZ25" s="160">
        <v>183</v>
      </c>
      <c r="BA25" s="160">
        <v>151</v>
      </c>
      <c r="BB25" s="160">
        <v>182</v>
      </c>
      <c r="BC25" s="160">
        <v>128</v>
      </c>
      <c r="BD25" s="163">
        <v>816</v>
      </c>
      <c r="BE25" s="164">
        <v>857</v>
      </c>
      <c r="BF25" s="159">
        <v>0</v>
      </c>
      <c r="BG25" s="160">
        <v>0</v>
      </c>
      <c r="BH25" s="165">
        <v>0</v>
      </c>
      <c r="BI25" s="162">
        <v>0</v>
      </c>
      <c r="BJ25" s="160">
        <v>284</v>
      </c>
      <c r="BK25" s="160">
        <v>264</v>
      </c>
      <c r="BL25" s="160">
        <v>138</v>
      </c>
      <c r="BM25" s="160">
        <v>75</v>
      </c>
      <c r="BN25" s="160">
        <v>38</v>
      </c>
      <c r="BO25" s="165">
        <v>799</v>
      </c>
      <c r="BP25" s="164">
        <v>799</v>
      </c>
      <c r="BQ25" s="159">
        <v>3</v>
      </c>
      <c r="BR25" s="160">
        <v>9</v>
      </c>
      <c r="BS25" s="165">
        <v>12</v>
      </c>
      <c r="BT25" s="162">
        <v>0</v>
      </c>
      <c r="BU25" s="160">
        <v>30</v>
      </c>
      <c r="BV25" s="160">
        <v>42</v>
      </c>
      <c r="BW25" s="160">
        <v>28</v>
      </c>
      <c r="BX25" s="160">
        <v>20</v>
      </c>
      <c r="BY25" s="160">
        <v>3</v>
      </c>
      <c r="BZ25" s="165">
        <v>123</v>
      </c>
      <c r="CA25" s="164">
        <v>135</v>
      </c>
      <c r="CB25" s="159">
        <v>1</v>
      </c>
      <c r="CC25" s="160">
        <v>1</v>
      </c>
      <c r="CD25" s="165">
        <v>2</v>
      </c>
      <c r="CE25" s="162">
        <v>0</v>
      </c>
      <c r="CF25" s="160">
        <v>29</v>
      </c>
      <c r="CG25" s="160">
        <v>26</v>
      </c>
      <c r="CH25" s="160">
        <v>49</v>
      </c>
      <c r="CI25" s="160">
        <v>43</v>
      </c>
      <c r="CJ25" s="160">
        <v>14</v>
      </c>
      <c r="CK25" s="165">
        <v>161</v>
      </c>
      <c r="CL25" s="164">
        <v>163</v>
      </c>
      <c r="CM25" s="159">
        <v>0</v>
      </c>
      <c r="CN25" s="160">
        <v>0</v>
      </c>
      <c r="CO25" s="165">
        <v>0</v>
      </c>
      <c r="CP25" s="162">
        <v>0</v>
      </c>
      <c r="CQ25" s="160">
        <v>1</v>
      </c>
      <c r="CR25" s="160">
        <v>3</v>
      </c>
      <c r="CS25" s="160">
        <v>0</v>
      </c>
      <c r="CT25" s="160">
        <v>3</v>
      </c>
      <c r="CU25" s="160">
        <v>3</v>
      </c>
      <c r="CV25" s="165">
        <v>10</v>
      </c>
      <c r="CW25" s="164">
        <v>10</v>
      </c>
      <c r="CX25" s="159">
        <v>0</v>
      </c>
      <c r="CY25" s="160">
        <v>0</v>
      </c>
      <c r="CZ25" s="165">
        <v>0</v>
      </c>
      <c r="DA25" s="162">
        <v>0</v>
      </c>
      <c r="DB25" s="160">
        <v>0</v>
      </c>
      <c r="DC25" s="160">
        <v>0</v>
      </c>
      <c r="DD25" s="160">
        <v>0</v>
      </c>
      <c r="DE25" s="160">
        <v>0</v>
      </c>
      <c r="DF25" s="160">
        <v>0</v>
      </c>
      <c r="DG25" s="165">
        <v>0</v>
      </c>
      <c r="DH25" s="164">
        <v>0</v>
      </c>
      <c r="DI25" s="159">
        <v>0</v>
      </c>
      <c r="DJ25" s="160">
        <v>0</v>
      </c>
      <c r="DK25" s="165">
        <v>0</v>
      </c>
      <c r="DL25" s="162">
        <v>0</v>
      </c>
      <c r="DM25" s="160">
        <v>0</v>
      </c>
      <c r="DN25" s="160">
        <v>0</v>
      </c>
      <c r="DO25" s="160">
        <v>0</v>
      </c>
      <c r="DP25" s="160">
        <v>0</v>
      </c>
      <c r="DQ25" s="160">
        <v>0</v>
      </c>
      <c r="DR25" s="165">
        <v>0</v>
      </c>
      <c r="DS25" s="164">
        <v>0</v>
      </c>
      <c r="DT25" s="159">
        <v>108</v>
      </c>
      <c r="DU25" s="160">
        <v>274</v>
      </c>
      <c r="DV25" s="165">
        <v>382</v>
      </c>
      <c r="DW25" s="162">
        <v>0</v>
      </c>
      <c r="DX25" s="160">
        <v>245</v>
      </c>
      <c r="DY25" s="160">
        <v>423</v>
      </c>
      <c r="DZ25" s="160">
        <v>219</v>
      </c>
      <c r="EA25" s="160">
        <v>205</v>
      </c>
      <c r="EB25" s="160">
        <v>107</v>
      </c>
      <c r="EC25" s="165">
        <v>1199</v>
      </c>
      <c r="ED25" s="164">
        <v>1581</v>
      </c>
      <c r="EE25" s="159">
        <v>13</v>
      </c>
      <c r="EF25" s="160">
        <v>4</v>
      </c>
      <c r="EG25" s="165">
        <v>17</v>
      </c>
      <c r="EH25" s="162">
        <v>0</v>
      </c>
      <c r="EI25" s="160">
        <v>56</v>
      </c>
      <c r="EJ25" s="160">
        <v>48</v>
      </c>
      <c r="EK25" s="160">
        <v>40</v>
      </c>
      <c r="EL25" s="160">
        <v>55</v>
      </c>
      <c r="EM25" s="160">
        <v>34</v>
      </c>
      <c r="EN25" s="165">
        <v>233</v>
      </c>
      <c r="EO25" s="164">
        <v>250</v>
      </c>
      <c r="EP25" s="159">
        <v>142</v>
      </c>
      <c r="EQ25" s="160">
        <v>319</v>
      </c>
      <c r="ER25" s="165">
        <v>461</v>
      </c>
      <c r="ES25" s="162">
        <v>0</v>
      </c>
      <c r="ET25" s="160">
        <v>534</v>
      </c>
      <c r="EU25" s="160">
        <v>565</v>
      </c>
      <c r="EV25" s="160">
        <v>280</v>
      </c>
      <c r="EW25" s="160">
        <v>215</v>
      </c>
      <c r="EX25" s="160">
        <v>108</v>
      </c>
      <c r="EY25" s="165">
        <v>1702</v>
      </c>
      <c r="EZ25" s="164">
        <v>2163</v>
      </c>
    </row>
    <row r="26" spans="2:156" ht="21" customHeight="1" x14ac:dyDescent="0.2">
      <c r="B26" s="166" t="s">
        <v>24</v>
      </c>
      <c r="C26" s="159">
        <v>0</v>
      </c>
      <c r="D26" s="160">
        <v>0</v>
      </c>
      <c r="E26" s="161">
        <v>0</v>
      </c>
      <c r="F26" s="162">
        <v>0</v>
      </c>
      <c r="G26" s="160">
        <v>77</v>
      </c>
      <c r="H26" s="160">
        <v>66</v>
      </c>
      <c r="I26" s="160">
        <v>41</v>
      </c>
      <c r="J26" s="160">
        <v>42</v>
      </c>
      <c r="K26" s="160">
        <v>41</v>
      </c>
      <c r="L26" s="163">
        <v>267</v>
      </c>
      <c r="M26" s="164">
        <v>267</v>
      </c>
      <c r="N26" s="159">
        <v>0</v>
      </c>
      <c r="O26" s="160">
        <v>0</v>
      </c>
      <c r="P26" s="165">
        <v>0</v>
      </c>
      <c r="Q26" s="162">
        <v>0</v>
      </c>
      <c r="R26" s="160">
        <v>1</v>
      </c>
      <c r="S26" s="160">
        <v>3</v>
      </c>
      <c r="T26" s="160">
        <v>2</v>
      </c>
      <c r="U26" s="160">
        <v>11</v>
      </c>
      <c r="V26" s="160">
        <v>22</v>
      </c>
      <c r="W26" s="165">
        <v>39</v>
      </c>
      <c r="X26" s="164">
        <v>39</v>
      </c>
      <c r="Y26" s="159">
        <v>15</v>
      </c>
      <c r="Z26" s="160">
        <v>29</v>
      </c>
      <c r="AA26" s="165">
        <v>44</v>
      </c>
      <c r="AB26" s="162">
        <v>0</v>
      </c>
      <c r="AC26" s="160">
        <v>80</v>
      </c>
      <c r="AD26" s="160">
        <v>76</v>
      </c>
      <c r="AE26" s="160">
        <v>48</v>
      </c>
      <c r="AF26" s="160">
        <v>47</v>
      </c>
      <c r="AG26" s="160">
        <v>28</v>
      </c>
      <c r="AH26" s="165">
        <v>279</v>
      </c>
      <c r="AI26" s="164">
        <v>323</v>
      </c>
      <c r="AJ26" s="159">
        <v>0</v>
      </c>
      <c r="AK26" s="160">
        <v>1</v>
      </c>
      <c r="AL26" s="165">
        <v>1</v>
      </c>
      <c r="AM26" s="162">
        <v>0</v>
      </c>
      <c r="AN26" s="160">
        <v>6</v>
      </c>
      <c r="AO26" s="160">
        <v>5</v>
      </c>
      <c r="AP26" s="160">
        <v>3</v>
      </c>
      <c r="AQ26" s="160">
        <v>4</v>
      </c>
      <c r="AR26" s="160">
        <v>4</v>
      </c>
      <c r="AS26" s="165">
        <v>22</v>
      </c>
      <c r="AT26" s="164">
        <v>23</v>
      </c>
      <c r="AU26" s="159">
        <v>22</v>
      </c>
      <c r="AV26" s="160">
        <v>21</v>
      </c>
      <c r="AW26" s="165">
        <v>43</v>
      </c>
      <c r="AX26" s="162">
        <v>0</v>
      </c>
      <c r="AY26" s="160">
        <v>97</v>
      </c>
      <c r="AZ26" s="160">
        <v>95</v>
      </c>
      <c r="BA26" s="160">
        <v>80</v>
      </c>
      <c r="BB26" s="160">
        <v>104</v>
      </c>
      <c r="BC26" s="160">
        <v>74</v>
      </c>
      <c r="BD26" s="163">
        <v>450</v>
      </c>
      <c r="BE26" s="164">
        <v>493</v>
      </c>
      <c r="BF26" s="159">
        <v>0</v>
      </c>
      <c r="BG26" s="160">
        <v>0</v>
      </c>
      <c r="BH26" s="165">
        <v>0</v>
      </c>
      <c r="BI26" s="162">
        <v>0</v>
      </c>
      <c r="BJ26" s="160">
        <v>136</v>
      </c>
      <c r="BK26" s="160">
        <v>83</v>
      </c>
      <c r="BL26" s="160">
        <v>41</v>
      </c>
      <c r="BM26" s="160">
        <v>29</v>
      </c>
      <c r="BN26" s="160">
        <v>14</v>
      </c>
      <c r="BO26" s="165">
        <v>303</v>
      </c>
      <c r="BP26" s="164">
        <v>303</v>
      </c>
      <c r="BQ26" s="159">
        <v>11</v>
      </c>
      <c r="BR26" s="160">
        <v>19</v>
      </c>
      <c r="BS26" s="165">
        <v>30</v>
      </c>
      <c r="BT26" s="162">
        <v>0</v>
      </c>
      <c r="BU26" s="160">
        <v>43</v>
      </c>
      <c r="BV26" s="160">
        <v>32</v>
      </c>
      <c r="BW26" s="160">
        <v>22</v>
      </c>
      <c r="BX26" s="160">
        <v>15</v>
      </c>
      <c r="BY26" s="160">
        <v>7</v>
      </c>
      <c r="BZ26" s="165">
        <v>119</v>
      </c>
      <c r="CA26" s="164">
        <v>149</v>
      </c>
      <c r="CB26" s="159">
        <v>2</v>
      </c>
      <c r="CC26" s="160">
        <v>1</v>
      </c>
      <c r="CD26" s="165">
        <v>3</v>
      </c>
      <c r="CE26" s="162">
        <v>0</v>
      </c>
      <c r="CF26" s="160">
        <v>17</v>
      </c>
      <c r="CG26" s="160">
        <v>24</v>
      </c>
      <c r="CH26" s="160">
        <v>23</v>
      </c>
      <c r="CI26" s="160">
        <v>22</v>
      </c>
      <c r="CJ26" s="160">
        <v>12</v>
      </c>
      <c r="CK26" s="165">
        <v>98</v>
      </c>
      <c r="CL26" s="164">
        <v>101</v>
      </c>
      <c r="CM26" s="159">
        <v>0</v>
      </c>
      <c r="CN26" s="160">
        <v>0</v>
      </c>
      <c r="CO26" s="165">
        <v>0</v>
      </c>
      <c r="CP26" s="162">
        <v>0</v>
      </c>
      <c r="CQ26" s="160">
        <v>2</v>
      </c>
      <c r="CR26" s="160">
        <v>2</v>
      </c>
      <c r="CS26" s="160">
        <v>1</v>
      </c>
      <c r="CT26" s="160">
        <v>5</v>
      </c>
      <c r="CU26" s="160">
        <v>1</v>
      </c>
      <c r="CV26" s="165">
        <v>11</v>
      </c>
      <c r="CW26" s="164">
        <v>11</v>
      </c>
      <c r="CX26" s="159">
        <v>0</v>
      </c>
      <c r="CY26" s="160">
        <v>0</v>
      </c>
      <c r="CZ26" s="165">
        <v>0</v>
      </c>
      <c r="DA26" s="162">
        <v>0</v>
      </c>
      <c r="DB26" s="160">
        <v>0</v>
      </c>
      <c r="DC26" s="160">
        <v>0</v>
      </c>
      <c r="DD26" s="160">
        <v>0</v>
      </c>
      <c r="DE26" s="160">
        <v>0</v>
      </c>
      <c r="DF26" s="160">
        <v>0</v>
      </c>
      <c r="DG26" s="165">
        <v>0</v>
      </c>
      <c r="DH26" s="164">
        <v>0</v>
      </c>
      <c r="DI26" s="159">
        <v>0</v>
      </c>
      <c r="DJ26" s="160">
        <v>0</v>
      </c>
      <c r="DK26" s="165">
        <v>0</v>
      </c>
      <c r="DL26" s="162">
        <v>0</v>
      </c>
      <c r="DM26" s="160">
        <v>0</v>
      </c>
      <c r="DN26" s="160">
        <v>0</v>
      </c>
      <c r="DO26" s="160">
        <v>0</v>
      </c>
      <c r="DP26" s="160">
        <v>0</v>
      </c>
      <c r="DQ26" s="160">
        <v>0</v>
      </c>
      <c r="DR26" s="165">
        <v>0</v>
      </c>
      <c r="DS26" s="164">
        <v>0</v>
      </c>
      <c r="DT26" s="159">
        <v>80</v>
      </c>
      <c r="DU26" s="160">
        <v>99</v>
      </c>
      <c r="DV26" s="165">
        <v>179</v>
      </c>
      <c r="DW26" s="162">
        <v>0</v>
      </c>
      <c r="DX26" s="160">
        <v>157</v>
      </c>
      <c r="DY26" s="160">
        <v>176</v>
      </c>
      <c r="DZ26" s="160">
        <v>105</v>
      </c>
      <c r="EA26" s="160">
        <v>88</v>
      </c>
      <c r="EB26" s="160">
        <v>62</v>
      </c>
      <c r="EC26" s="165">
        <v>588</v>
      </c>
      <c r="ED26" s="164">
        <v>767</v>
      </c>
      <c r="EE26" s="159">
        <v>11</v>
      </c>
      <c r="EF26" s="160">
        <v>9</v>
      </c>
      <c r="EG26" s="165">
        <v>20</v>
      </c>
      <c r="EH26" s="162">
        <v>0</v>
      </c>
      <c r="EI26" s="160">
        <v>46</v>
      </c>
      <c r="EJ26" s="160">
        <v>28</v>
      </c>
      <c r="EK26" s="160">
        <v>29</v>
      </c>
      <c r="EL26" s="160">
        <v>39</v>
      </c>
      <c r="EM26" s="160">
        <v>24</v>
      </c>
      <c r="EN26" s="165">
        <v>166</v>
      </c>
      <c r="EO26" s="164">
        <v>186</v>
      </c>
      <c r="EP26" s="159">
        <v>97</v>
      </c>
      <c r="EQ26" s="160">
        <v>120</v>
      </c>
      <c r="ER26" s="165">
        <v>217</v>
      </c>
      <c r="ES26" s="162">
        <v>0</v>
      </c>
      <c r="ET26" s="160">
        <v>300</v>
      </c>
      <c r="EU26" s="160">
        <v>213</v>
      </c>
      <c r="EV26" s="160">
        <v>127</v>
      </c>
      <c r="EW26" s="160">
        <v>106</v>
      </c>
      <c r="EX26" s="160">
        <v>67</v>
      </c>
      <c r="EY26" s="165">
        <v>813</v>
      </c>
      <c r="EZ26" s="164">
        <v>1030</v>
      </c>
    </row>
    <row r="27" spans="2:156" ht="21" customHeight="1" x14ac:dyDescent="0.2">
      <c r="B27" s="166" t="s">
        <v>25</v>
      </c>
      <c r="C27" s="159">
        <v>0</v>
      </c>
      <c r="D27" s="160">
        <v>0</v>
      </c>
      <c r="E27" s="161">
        <v>0</v>
      </c>
      <c r="F27" s="162">
        <v>0</v>
      </c>
      <c r="G27" s="160">
        <v>101</v>
      </c>
      <c r="H27" s="160">
        <v>97</v>
      </c>
      <c r="I27" s="160">
        <v>54</v>
      </c>
      <c r="J27" s="160">
        <v>42</v>
      </c>
      <c r="K27" s="160">
        <v>33</v>
      </c>
      <c r="L27" s="163">
        <v>327</v>
      </c>
      <c r="M27" s="164">
        <v>327</v>
      </c>
      <c r="N27" s="159">
        <v>0</v>
      </c>
      <c r="O27" s="160">
        <v>0</v>
      </c>
      <c r="P27" s="165">
        <v>0</v>
      </c>
      <c r="Q27" s="162">
        <v>0</v>
      </c>
      <c r="R27" s="160">
        <v>3</v>
      </c>
      <c r="S27" s="160">
        <v>9</v>
      </c>
      <c r="T27" s="160">
        <v>9</v>
      </c>
      <c r="U27" s="160">
        <v>12</v>
      </c>
      <c r="V27" s="160">
        <v>21</v>
      </c>
      <c r="W27" s="165">
        <v>54</v>
      </c>
      <c r="X27" s="164">
        <v>54</v>
      </c>
      <c r="Y27" s="159">
        <v>30</v>
      </c>
      <c r="Z27" s="160">
        <v>64</v>
      </c>
      <c r="AA27" s="165">
        <v>94</v>
      </c>
      <c r="AB27" s="162">
        <v>0</v>
      </c>
      <c r="AC27" s="160">
        <v>86</v>
      </c>
      <c r="AD27" s="160">
        <v>94</v>
      </c>
      <c r="AE27" s="160">
        <v>51</v>
      </c>
      <c r="AF27" s="160">
        <v>43</v>
      </c>
      <c r="AG27" s="160">
        <v>28</v>
      </c>
      <c r="AH27" s="165">
        <v>302</v>
      </c>
      <c r="AI27" s="164">
        <v>396</v>
      </c>
      <c r="AJ27" s="159">
        <v>2</v>
      </c>
      <c r="AK27" s="160">
        <v>4</v>
      </c>
      <c r="AL27" s="165">
        <v>6</v>
      </c>
      <c r="AM27" s="162">
        <v>0</v>
      </c>
      <c r="AN27" s="160">
        <v>0</v>
      </c>
      <c r="AO27" s="160">
        <v>12</v>
      </c>
      <c r="AP27" s="160">
        <v>4</v>
      </c>
      <c r="AQ27" s="160">
        <v>1</v>
      </c>
      <c r="AR27" s="160">
        <v>2</v>
      </c>
      <c r="AS27" s="165">
        <v>19</v>
      </c>
      <c r="AT27" s="164">
        <v>25</v>
      </c>
      <c r="AU27" s="159">
        <v>7</v>
      </c>
      <c r="AV27" s="160">
        <v>15</v>
      </c>
      <c r="AW27" s="165">
        <v>22</v>
      </c>
      <c r="AX27" s="162">
        <v>0</v>
      </c>
      <c r="AY27" s="160">
        <v>79</v>
      </c>
      <c r="AZ27" s="160">
        <v>86</v>
      </c>
      <c r="BA27" s="160">
        <v>65</v>
      </c>
      <c r="BB27" s="160">
        <v>69</v>
      </c>
      <c r="BC27" s="160">
        <v>59</v>
      </c>
      <c r="BD27" s="163">
        <v>358</v>
      </c>
      <c r="BE27" s="164">
        <v>380</v>
      </c>
      <c r="BF27" s="159">
        <v>0</v>
      </c>
      <c r="BG27" s="160">
        <v>0</v>
      </c>
      <c r="BH27" s="165">
        <v>0</v>
      </c>
      <c r="BI27" s="162">
        <v>0</v>
      </c>
      <c r="BJ27" s="160">
        <v>171</v>
      </c>
      <c r="BK27" s="160">
        <v>106</v>
      </c>
      <c r="BL27" s="160">
        <v>51</v>
      </c>
      <c r="BM27" s="160">
        <v>30</v>
      </c>
      <c r="BN27" s="160">
        <v>16</v>
      </c>
      <c r="BO27" s="165">
        <v>374</v>
      </c>
      <c r="BP27" s="164">
        <v>374</v>
      </c>
      <c r="BQ27" s="159">
        <v>0</v>
      </c>
      <c r="BR27" s="160">
        <v>6</v>
      </c>
      <c r="BS27" s="165">
        <v>6</v>
      </c>
      <c r="BT27" s="162">
        <v>0</v>
      </c>
      <c r="BU27" s="160">
        <v>25</v>
      </c>
      <c r="BV27" s="160">
        <v>54</v>
      </c>
      <c r="BW27" s="160">
        <v>29</v>
      </c>
      <c r="BX27" s="160">
        <v>10</v>
      </c>
      <c r="BY27" s="160">
        <v>3</v>
      </c>
      <c r="BZ27" s="165">
        <v>121</v>
      </c>
      <c r="CA27" s="164">
        <v>127</v>
      </c>
      <c r="CB27" s="159">
        <v>1</v>
      </c>
      <c r="CC27" s="160">
        <v>3</v>
      </c>
      <c r="CD27" s="165">
        <v>4</v>
      </c>
      <c r="CE27" s="162">
        <v>0</v>
      </c>
      <c r="CF27" s="160">
        <v>28</v>
      </c>
      <c r="CG27" s="160">
        <v>26</v>
      </c>
      <c r="CH27" s="160">
        <v>22</v>
      </c>
      <c r="CI27" s="160">
        <v>17</v>
      </c>
      <c r="CJ27" s="160">
        <v>4</v>
      </c>
      <c r="CK27" s="165">
        <v>97</v>
      </c>
      <c r="CL27" s="164">
        <v>101</v>
      </c>
      <c r="CM27" s="159">
        <v>0</v>
      </c>
      <c r="CN27" s="160">
        <v>0</v>
      </c>
      <c r="CO27" s="165">
        <v>0</v>
      </c>
      <c r="CP27" s="162">
        <v>0</v>
      </c>
      <c r="CQ27" s="160">
        <v>0</v>
      </c>
      <c r="CR27" s="160">
        <v>7</v>
      </c>
      <c r="CS27" s="160">
        <v>6</v>
      </c>
      <c r="CT27" s="160">
        <v>2</v>
      </c>
      <c r="CU27" s="160">
        <v>0</v>
      </c>
      <c r="CV27" s="165">
        <v>15</v>
      </c>
      <c r="CW27" s="164">
        <v>15</v>
      </c>
      <c r="CX27" s="159">
        <v>0</v>
      </c>
      <c r="CY27" s="160">
        <v>0</v>
      </c>
      <c r="CZ27" s="165">
        <v>0</v>
      </c>
      <c r="DA27" s="162">
        <v>0</v>
      </c>
      <c r="DB27" s="160">
        <v>0</v>
      </c>
      <c r="DC27" s="160">
        <v>0</v>
      </c>
      <c r="DD27" s="160">
        <v>0</v>
      </c>
      <c r="DE27" s="160">
        <v>0</v>
      </c>
      <c r="DF27" s="160">
        <v>0</v>
      </c>
      <c r="DG27" s="165">
        <v>0</v>
      </c>
      <c r="DH27" s="164">
        <v>0</v>
      </c>
      <c r="DI27" s="159">
        <v>0</v>
      </c>
      <c r="DJ27" s="160">
        <v>0</v>
      </c>
      <c r="DK27" s="165">
        <v>0</v>
      </c>
      <c r="DL27" s="162">
        <v>0</v>
      </c>
      <c r="DM27" s="160">
        <v>0</v>
      </c>
      <c r="DN27" s="160">
        <v>0</v>
      </c>
      <c r="DO27" s="160">
        <v>0</v>
      </c>
      <c r="DP27" s="160">
        <v>0</v>
      </c>
      <c r="DQ27" s="160">
        <v>0</v>
      </c>
      <c r="DR27" s="165">
        <v>0</v>
      </c>
      <c r="DS27" s="164">
        <v>0</v>
      </c>
      <c r="DT27" s="159">
        <v>97</v>
      </c>
      <c r="DU27" s="160">
        <v>175</v>
      </c>
      <c r="DV27" s="165">
        <v>272</v>
      </c>
      <c r="DW27" s="162">
        <v>0</v>
      </c>
      <c r="DX27" s="160">
        <v>141</v>
      </c>
      <c r="DY27" s="160">
        <v>268</v>
      </c>
      <c r="DZ27" s="160">
        <v>123</v>
      </c>
      <c r="EA27" s="160">
        <v>93</v>
      </c>
      <c r="EB27" s="160">
        <v>59</v>
      </c>
      <c r="EC27" s="165">
        <v>684</v>
      </c>
      <c r="ED27" s="164">
        <v>956</v>
      </c>
      <c r="EE27" s="159">
        <v>3</v>
      </c>
      <c r="EF27" s="160">
        <v>6</v>
      </c>
      <c r="EG27" s="165">
        <v>9</v>
      </c>
      <c r="EH27" s="162">
        <v>0</v>
      </c>
      <c r="EI27" s="160">
        <v>22</v>
      </c>
      <c r="EJ27" s="160">
        <v>10</v>
      </c>
      <c r="EK27" s="160">
        <v>14</v>
      </c>
      <c r="EL27" s="160">
        <v>15</v>
      </c>
      <c r="EM27" s="160">
        <v>11</v>
      </c>
      <c r="EN27" s="165">
        <v>72</v>
      </c>
      <c r="EO27" s="164">
        <v>81</v>
      </c>
      <c r="EP27" s="159">
        <v>121</v>
      </c>
      <c r="EQ27" s="160">
        <v>205</v>
      </c>
      <c r="ER27" s="165">
        <v>326</v>
      </c>
      <c r="ES27" s="162">
        <v>0</v>
      </c>
      <c r="ET27" s="160">
        <v>359</v>
      </c>
      <c r="EU27" s="160">
        <v>329</v>
      </c>
      <c r="EV27" s="160">
        <v>152</v>
      </c>
      <c r="EW27" s="160">
        <v>103</v>
      </c>
      <c r="EX27" s="160">
        <v>64</v>
      </c>
      <c r="EY27" s="165">
        <v>1007</v>
      </c>
      <c r="EZ27" s="164">
        <v>1333</v>
      </c>
    </row>
    <row r="28" spans="2:156" ht="21" customHeight="1" x14ac:dyDescent="0.2">
      <c r="B28" s="166" t="s">
        <v>26</v>
      </c>
      <c r="C28" s="159">
        <v>0</v>
      </c>
      <c r="D28" s="160">
        <v>0</v>
      </c>
      <c r="E28" s="161">
        <v>0</v>
      </c>
      <c r="F28" s="162">
        <v>0</v>
      </c>
      <c r="G28" s="160">
        <v>64</v>
      </c>
      <c r="H28" s="160">
        <v>115</v>
      </c>
      <c r="I28" s="160">
        <v>62</v>
      </c>
      <c r="J28" s="160">
        <v>36</v>
      </c>
      <c r="K28" s="160">
        <v>50</v>
      </c>
      <c r="L28" s="163">
        <v>327</v>
      </c>
      <c r="M28" s="164">
        <v>327</v>
      </c>
      <c r="N28" s="159">
        <v>0</v>
      </c>
      <c r="O28" s="160">
        <v>0</v>
      </c>
      <c r="P28" s="165">
        <v>0</v>
      </c>
      <c r="Q28" s="162">
        <v>0</v>
      </c>
      <c r="R28" s="160">
        <v>0</v>
      </c>
      <c r="S28" s="160">
        <v>0</v>
      </c>
      <c r="T28" s="160">
        <v>5</v>
      </c>
      <c r="U28" s="160">
        <v>9</v>
      </c>
      <c r="V28" s="160">
        <v>20</v>
      </c>
      <c r="W28" s="165">
        <v>34</v>
      </c>
      <c r="X28" s="164">
        <v>34</v>
      </c>
      <c r="Y28" s="159">
        <v>21</v>
      </c>
      <c r="Z28" s="160">
        <v>21</v>
      </c>
      <c r="AA28" s="165">
        <v>42</v>
      </c>
      <c r="AB28" s="162">
        <v>0</v>
      </c>
      <c r="AC28" s="160">
        <v>71</v>
      </c>
      <c r="AD28" s="160">
        <v>100</v>
      </c>
      <c r="AE28" s="160">
        <v>50</v>
      </c>
      <c r="AF28" s="160">
        <v>41</v>
      </c>
      <c r="AG28" s="160">
        <v>53</v>
      </c>
      <c r="AH28" s="165">
        <v>315</v>
      </c>
      <c r="AI28" s="164">
        <v>357</v>
      </c>
      <c r="AJ28" s="159">
        <v>3</v>
      </c>
      <c r="AK28" s="160">
        <v>2</v>
      </c>
      <c r="AL28" s="165">
        <v>5</v>
      </c>
      <c r="AM28" s="162">
        <v>0</v>
      </c>
      <c r="AN28" s="160">
        <v>2</v>
      </c>
      <c r="AO28" s="160">
        <v>3</v>
      </c>
      <c r="AP28" s="160">
        <v>6</v>
      </c>
      <c r="AQ28" s="160">
        <v>3</v>
      </c>
      <c r="AR28" s="160">
        <v>2</v>
      </c>
      <c r="AS28" s="165">
        <v>16</v>
      </c>
      <c r="AT28" s="164">
        <v>21</v>
      </c>
      <c r="AU28" s="159">
        <v>8</v>
      </c>
      <c r="AV28" s="160">
        <v>4</v>
      </c>
      <c r="AW28" s="165">
        <v>12</v>
      </c>
      <c r="AX28" s="162">
        <v>0</v>
      </c>
      <c r="AY28" s="160">
        <v>59</v>
      </c>
      <c r="AZ28" s="160">
        <v>85</v>
      </c>
      <c r="BA28" s="160">
        <v>79</v>
      </c>
      <c r="BB28" s="160">
        <v>63</v>
      </c>
      <c r="BC28" s="160">
        <v>68</v>
      </c>
      <c r="BD28" s="163">
        <v>354</v>
      </c>
      <c r="BE28" s="164">
        <v>366</v>
      </c>
      <c r="BF28" s="159">
        <v>0</v>
      </c>
      <c r="BG28" s="160">
        <v>0</v>
      </c>
      <c r="BH28" s="165">
        <v>0</v>
      </c>
      <c r="BI28" s="162">
        <v>0</v>
      </c>
      <c r="BJ28" s="160">
        <v>107</v>
      </c>
      <c r="BK28" s="160">
        <v>117</v>
      </c>
      <c r="BL28" s="160">
        <v>51</v>
      </c>
      <c r="BM28" s="160">
        <v>24</v>
      </c>
      <c r="BN28" s="160">
        <v>20</v>
      </c>
      <c r="BO28" s="165">
        <v>319</v>
      </c>
      <c r="BP28" s="164">
        <v>319</v>
      </c>
      <c r="BQ28" s="159">
        <v>5</v>
      </c>
      <c r="BR28" s="160">
        <v>7</v>
      </c>
      <c r="BS28" s="165">
        <v>12</v>
      </c>
      <c r="BT28" s="162">
        <v>0</v>
      </c>
      <c r="BU28" s="160">
        <v>19</v>
      </c>
      <c r="BV28" s="160">
        <v>28</v>
      </c>
      <c r="BW28" s="160">
        <v>14</v>
      </c>
      <c r="BX28" s="160">
        <v>14</v>
      </c>
      <c r="BY28" s="160">
        <v>4</v>
      </c>
      <c r="BZ28" s="165">
        <v>79</v>
      </c>
      <c r="CA28" s="164">
        <v>91</v>
      </c>
      <c r="CB28" s="159">
        <v>1</v>
      </c>
      <c r="CC28" s="160">
        <v>0</v>
      </c>
      <c r="CD28" s="165">
        <v>1</v>
      </c>
      <c r="CE28" s="162">
        <v>0</v>
      </c>
      <c r="CF28" s="160">
        <v>17</v>
      </c>
      <c r="CG28" s="160">
        <v>29</v>
      </c>
      <c r="CH28" s="160">
        <v>26</v>
      </c>
      <c r="CI28" s="160">
        <v>15</v>
      </c>
      <c r="CJ28" s="160">
        <v>13</v>
      </c>
      <c r="CK28" s="165">
        <v>100</v>
      </c>
      <c r="CL28" s="164">
        <v>101</v>
      </c>
      <c r="CM28" s="159">
        <v>0</v>
      </c>
      <c r="CN28" s="160">
        <v>0</v>
      </c>
      <c r="CO28" s="165">
        <v>0</v>
      </c>
      <c r="CP28" s="162">
        <v>0</v>
      </c>
      <c r="CQ28" s="160">
        <v>1</v>
      </c>
      <c r="CR28" s="160">
        <v>3</v>
      </c>
      <c r="CS28" s="160">
        <v>4</v>
      </c>
      <c r="CT28" s="160">
        <v>3</v>
      </c>
      <c r="CU28" s="160">
        <v>3</v>
      </c>
      <c r="CV28" s="165">
        <v>14</v>
      </c>
      <c r="CW28" s="164">
        <v>14</v>
      </c>
      <c r="CX28" s="159">
        <v>0</v>
      </c>
      <c r="CY28" s="160">
        <v>0</v>
      </c>
      <c r="CZ28" s="165">
        <v>0</v>
      </c>
      <c r="DA28" s="162">
        <v>0</v>
      </c>
      <c r="DB28" s="160">
        <v>0</v>
      </c>
      <c r="DC28" s="160">
        <v>0</v>
      </c>
      <c r="DD28" s="160">
        <v>0</v>
      </c>
      <c r="DE28" s="160">
        <v>0</v>
      </c>
      <c r="DF28" s="160">
        <v>0</v>
      </c>
      <c r="DG28" s="165">
        <v>0</v>
      </c>
      <c r="DH28" s="164">
        <v>0</v>
      </c>
      <c r="DI28" s="159">
        <v>0</v>
      </c>
      <c r="DJ28" s="160">
        <v>0</v>
      </c>
      <c r="DK28" s="165">
        <v>0</v>
      </c>
      <c r="DL28" s="162">
        <v>0</v>
      </c>
      <c r="DM28" s="160">
        <v>0</v>
      </c>
      <c r="DN28" s="160">
        <v>0</v>
      </c>
      <c r="DO28" s="160">
        <v>0</v>
      </c>
      <c r="DP28" s="160">
        <v>0</v>
      </c>
      <c r="DQ28" s="160">
        <v>0</v>
      </c>
      <c r="DR28" s="165">
        <v>0</v>
      </c>
      <c r="DS28" s="164">
        <v>0</v>
      </c>
      <c r="DT28" s="159">
        <v>71</v>
      </c>
      <c r="DU28" s="160">
        <v>116</v>
      </c>
      <c r="DV28" s="165">
        <v>187</v>
      </c>
      <c r="DW28" s="162">
        <v>0</v>
      </c>
      <c r="DX28" s="160">
        <v>131</v>
      </c>
      <c r="DY28" s="160">
        <v>234</v>
      </c>
      <c r="DZ28" s="160">
        <v>113</v>
      </c>
      <c r="EA28" s="160">
        <v>84</v>
      </c>
      <c r="EB28" s="160">
        <v>80</v>
      </c>
      <c r="EC28" s="165">
        <v>642</v>
      </c>
      <c r="ED28" s="164">
        <v>829</v>
      </c>
      <c r="EE28" s="159">
        <v>8</v>
      </c>
      <c r="EF28" s="160">
        <v>4</v>
      </c>
      <c r="EG28" s="165">
        <v>12</v>
      </c>
      <c r="EH28" s="162">
        <v>0</v>
      </c>
      <c r="EI28" s="160">
        <v>27</v>
      </c>
      <c r="EJ28" s="160">
        <v>21</v>
      </c>
      <c r="EK28" s="160">
        <v>28</v>
      </c>
      <c r="EL28" s="160">
        <v>24</v>
      </c>
      <c r="EM28" s="160">
        <v>14</v>
      </c>
      <c r="EN28" s="165">
        <v>114</v>
      </c>
      <c r="EO28" s="164">
        <v>126</v>
      </c>
      <c r="EP28" s="159">
        <v>87</v>
      </c>
      <c r="EQ28" s="160">
        <v>130</v>
      </c>
      <c r="ER28" s="165">
        <v>217</v>
      </c>
      <c r="ES28" s="162">
        <v>0</v>
      </c>
      <c r="ET28" s="160">
        <v>253</v>
      </c>
      <c r="EU28" s="160">
        <v>310</v>
      </c>
      <c r="EV28" s="160">
        <v>144</v>
      </c>
      <c r="EW28" s="160">
        <v>90</v>
      </c>
      <c r="EX28" s="160">
        <v>81</v>
      </c>
      <c r="EY28" s="165">
        <v>878</v>
      </c>
      <c r="EZ28" s="164">
        <v>1095</v>
      </c>
    </row>
    <row r="29" spans="2:156" ht="21" customHeight="1" x14ac:dyDescent="0.2">
      <c r="B29" s="166" t="s">
        <v>27</v>
      </c>
      <c r="C29" s="159">
        <v>0</v>
      </c>
      <c r="D29" s="160">
        <v>0</v>
      </c>
      <c r="E29" s="161">
        <v>0</v>
      </c>
      <c r="F29" s="162">
        <v>0</v>
      </c>
      <c r="G29" s="160">
        <v>61</v>
      </c>
      <c r="H29" s="160">
        <v>56</v>
      </c>
      <c r="I29" s="160">
        <v>32</v>
      </c>
      <c r="J29" s="160">
        <v>40</v>
      </c>
      <c r="K29" s="160">
        <v>28</v>
      </c>
      <c r="L29" s="163">
        <v>217</v>
      </c>
      <c r="M29" s="164">
        <v>217</v>
      </c>
      <c r="N29" s="159">
        <v>0</v>
      </c>
      <c r="O29" s="160">
        <v>0</v>
      </c>
      <c r="P29" s="165">
        <v>0</v>
      </c>
      <c r="Q29" s="162">
        <v>0</v>
      </c>
      <c r="R29" s="160">
        <v>1</v>
      </c>
      <c r="S29" s="160">
        <v>3</v>
      </c>
      <c r="T29" s="160">
        <v>4</v>
      </c>
      <c r="U29" s="160">
        <v>11</v>
      </c>
      <c r="V29" s="160">
        <v>15</v>
      </c>
      <c r="W29" s="165">
        <v>34</v>
      </c>
      <c r="X29" s="164">
        <v>34</v>
      </c>
      <c r="Y29" s="159">
        <v>25</v>
      </c>
      <c r="Z29" s="160">
        <v>45</v>
      </c>
      <c r="AA29" s="165">
        <v>70</v>
      </c>
      <c r="AB29" s="162">
        <v>0</v>
      </c>
      <c r="AC29" s="160">
        <v>39</v>
      </c>
      <c r="AD29" s="160">
        <v>52</v>
      </c>
      <c r="AE29" s="160">
        <v>39</v>
      </c>
      <c r="AF29" s="160">
        <v>35</v>
      </c>
      <c r="AG29" s="160">
        <v>25</v>
      </c>
      <c r="AH29" s="165">
        <v>190</v>
      </c>
      <c r="AI29" s="164">
        <v>260</v>
      </c>
      <c r="AJ29" s="159">
        <v>1</v>
      </c>
      <c r="AK29" s="160">
        <v>3</v>
      </c>
      <c r="AL29" s="165">
        <v>4</v>
      </c>
      <c r="AM29" s="162">
        <v>0</v>
      </c>
      <c r="AN29" s="160">
        <v>1</v>
      </c>
      <c r="AO29" s="160">
        <v>0</v>
      </c>
      <c r="AP29" s="160">
        <v>1</v>
      </c>
      <c r="AQ29" s="160">
        <v>0</v>
      </c>
      <c r="AR29" s="160">
        <v>2</v>
      </c>
      <c r="AS29" s="165">
        <v>4</v>
      </c>
      <c r="AT29" s="164">
        <v>8</v>
      </c>
      <c r="AU29" s="159">
        <v>16</v>
      </c>
      <c r="AV29" s="160">
        <v>22</v>
      </c>
      <c r="AW29" s="165">
        <v>38</v>
      </c>
      <c r="AX29" s="162">
        <v>0</v>
      </c>
      <c r="AY29" s="160">
        <v>82</v>
      </c>
      <c r="AZ29" s="160">
        <v>65</v>
      </c>
      <c r="BA29" s="160">
        <v>63</v>
      </c>
      <c r="BB29" s="160">
        <v>63</v>
      </c>
      <c r="BC29" s="160">
        <v>44</v>
      </c>
      <c r="BD29" s="163">
        <v>317</v>
      </c>
      <c r="BE29" s="164">
        <v>355</v>
      </c>
      <c r="BF29" s="159">
        <v>0</v>
      </c>
      <c r="BG29" s="160">
        <v>0</v>
      </c>
      <c r="BH29" s="165">
        <v>0</v>
      </c>
      <c r="BI29" s="162">
        <v>0</v>
      </c>
      <c r="BJ29" s="160">
        <v>102</v>
      </c>
      <c r="BK29" s="160">
        <v>60</v>
      </c>
      <c r="BL29" s="160">
        <v>38</v>
      </c>
      <c r="BM29" s="160">
        <v>37</v>
      </c>
      <c r="BN29" s="160">
        <v>9</v>
      </c>
      <c r="BO29" s="165">
        <v>246</v>
      </c>
      <c r="BP29" s="164">
        <v>246</v>
      </c>
      <c r="BQ29" s="159">
        <v>20</v>
      </c>
      <c r="BR29" s="160">
        <v>32</v>
      </c>
      <c r="BS29" s="165">
        <v>52</v>
      </c>
      <c r="BT29" s="162">
        <v>0</v>
      </c>
      <c r="BU29" s="160">
        <v>32</v>
      </c>
      <c r="BV29" s="160">
        <v>30</v>
      </c>
      <c r="BW29" s="160">
        <v>18</v>
      </c>
      <c r="BX29" s="160">
        <v>9</v>
      </c>
      <c r="BY29" s="160">
        <v>5</v>
      </c>
      <c r="BZ29" s="165">
        <v>94</v>
      </c>
      <c r="CA29" s="164">
        <v>146</v>
      </c>
      <c r="CB29" s="159">
        <v>0</v>
      </c>
      <c r="CC29" s="160">
        <v>1</v>
      </c>
      <c r="CD29" s="165">
        <v>1</v>
      </c>
      <c r="CE29" s="162">
        <v>0</v>
      </c>
      <c r="CF29" s="160">
        <v>11</v>
      </c>
      <c r="CG29" s="160">
        <v>16</v>
      </c>
      <c r="CH29" s="160">
        <v>15</v>
      </c>
      <c r="CI29" s="160">
        <v>13</v>
      </c>
      <c r="CJ29" s="160">
        <v>6</v>
      </c>
      <c r="CK29" s="165">
        <v>61</v>
      </c>
      <c r="CL29" s="164">
        <v>62</v>
      </c>
      <c r="CM29" s="159">
        <v>1</v>
      </c>
      <c r="CN29" s="160">
        <v>1</v>
      </c>
      <c r="CO29" s="165">
        <v>2</v>
      </c>
      <c r="CP29" s="162">
        <v>0</v>
      </c>
      <c r="CQ29" s="160">
        <v>1</v>
      </c>
      <c r="CR29" s="160">
        <v>2</v>
      </c>
      <c r="CS29" s="160">
        <v>2</v>
      </c>
      <c r="CT29" s="160">
        <v>0</v>
      </c>
      <c r="CU29" s="160">
        <v>0</v>
      </c>
      <c r="CV29" s="165">
        <v>5</v>
      </c>
      <c r="CW29" s="164">
        <v>7</v>
      </c>
      <c r="CX29" s="159">
        <v>0</v>
      </c>
      <c r="CY29" s="160">
        <v>0</v>
      </c>
      <c r="CZ29" s="165">
        <v>0</v>
      </c>
      <c r="DA29" s="162">
        <v>0</v>
      </c>
      <c r="DB29" s="160">
        <v>0</v>
      </c>
      <c r="DC29" s="160">
        <v>0</v>
      </c>
      <c r="DD29" s="160">
        <v>0</v>
      </c>
      <c r="DE29" s="160">
        <v>0</v>
      </c>
      <c r="DF29" s="160">
        <v>0</v>
      </c>
      <c r="DG29" s="165">
        <v>0</v>
      </c>
      <c r="DH29" s="164">
        <v>0</v>
      </c>
      <c r="DI29" s="159">
        <v>0</v>
      </c>
      <c r="DJ29" s="160">
        <v>0</v>
      </c>
      <c r="DK29" s="165">
        <v>0</v>
      </c>
      <c r="DL29" s="162">
        <v>0</v>
      </c>
      <c r="DM29" s="160">
        <v>0</v>
      </c>
      <c r="DN29" s="160">
        <v>0</v>
      </c>
      <c r="DO29" s="160">
        <v>0</v>
      </c>
      <c r="DP29" s="160">
        <v>0</v>
      </c>
      <c r="DQ29" s="160">
        <v>0</v>
      </c>
      <c r="DR29" s="165">
        <v>0</v>
      </c>
      <c r="DS29" s="164">
        <v>0</v>
      </c>
      <c r="DT29" s="159">
        <v>105</v>
      </c>
      <c r="DU29" s="160">
        <v>157</v>
      </c>
      <c r="DV29" s="165">
        <v>262</v>
      </c>
      <c r="DW29" s="162">
        <v>0</v>
      </c>
      <c r="DX29" s="160">
        <v>89</v>
      </c>
      <c r="DY29" s="160">
        <v>128</v>
      </c>
      <c r="DZ29" s="160">
        <v>89</v>
      </c>
      <c r="EA29" s="160">
        <v>77</v>
      </c>
      <c r="EB29" s="160">
        <v>43</v>
      </c>
      <c r="EC29" s="165">
        <v>426</v>
      </c>
      <c r="ED29" s="164">
        <v>688</v>
      </c>
      <c r="EE29" s="159">
        <v>14</v>
      </c>
      <c r="EF29" s="160">
        <v>14</v>
      </c>
      <c r="EG29" s="165">
        <v>28</v>
      </c>
      <c r="EH29" s="162">
        <v>0</v>
      </c>
      <c r="EI29" s="160">
        <v>52</v>
      </c>
      <c r="EJ29" s="160">
        <v>26</v>
      </c>
      <c r="EK29" s="160">
        <v>29</v>
      </c>
      <c r="EL29" s="160">
        <v>27</v>
      </c>
      <c r="EM29" s="160">
        <v>13</v>
      </c>
      <c r="EN29" s="165">
        <v>147</v>
      </c>
      <c r="EO29" s="164">
        <v>175</v>
      </c>
      <c r="EP29" s="159">
        <v>142</v>
      </c>
      <c r="EQ29" s="160">
        <v>186</v>
      </c>
      <c r="ER29" s="165">
        <v>328</v>
      </c>
      <c r="ES29" s="162">
        <v>0</v>
      </c>
      <c r="ET29" s="160">
        <v>222</v>
      </c>
      <c r="EU29" s="160">
        <v>156</v>
      </c>
      <c r="EV29" s="160">
        <v>91</v>
      </c>
      <c r="EW29" s="160">
        <v>81</v>
      </c>
      <c r="EX29" s="160">
        <v>46</v>
      </c>
      <c r="EY29" s="165">
        <v>596</v>
      </c>
      <c r="EZ29" s="164">
        <v>924</v>
      </c>
    </row>
    <row r="30" spans="2:156" ht="21" customHeight="1" x14ac:dyDescent="0.2">
      <c r="B30" s="166" t="s">
        <v>28</v>
      </c>
      <c r="C30" s="159">
        <v>0</v>
      </c>
      <c r="D30" s="160">
        <v>0</v>
      </c>
      <c r="E30" s="161">
        <v>0</v>
      </c>
      <c r="F30" s="162">
        <v>0</v>
      </c>
      <c r="G30" s="160">
        <v>14</v>
      </c>
      <c r="H30" s="160">
        <v>16</v>
      </c>
      <c r="I30" s="160">
        <v>5</v>
      </c>
      <c r="J30" s="160">
        <v>7</v>
      </c>
      <c r="K30" s="160">
        <v>8</v>
      </c>
      <c r="L30" s="163">
        <v>50</v>
      </c>
      <c r="M30" s="164">
        <v>50</v>
      </c>
      <c r="N30" s="159">
        <v>0</v>
      </c>
      <c r="O30" s="160">
        <v>0</v>
      </c>
      <c r="P30" s="165">
        <v>0</v>
      </c>
      <c r="Q30" s="162">
        <v>0</v>
      </c>
      <c r="R30" s="160">
        <v>0</v>
      </c>
      <c r="S30" s="160">
        <v>1</v>
      </c>
      <c r="T30" s="160">
        <v>0</v>
      </c>
      <c r="U30" s="160">
        <v>2</v>
      </c>
      <c r="V30" s="160">
        <v>2</v>
      </c>
      <c r="W30" s="165">
        <v>5</v>
      </c>
      <c r="X30" s="164">
        <v>5</v>
      </c>
      <c r="Y30" s="159">
        <v>2</v>
      </c>
      <c r="Z30" s="160">
        <v>6</v>
      </c>
      <c r="AA30" s="165">
        <v>8</v>
      </c>
      <c r="AB30" s="162">
        <v>0</v>
      </c>
      <c r="AC30" s="160">
        <v>14</v>
      </c>
      <c r="AD30" s="160">
        <v>14</v>
      </c>
      <c r="AE30" s="160">
        <v>9</v>
      </c>
      <c r="AF30" s="160">
        <v>17</v>
      </c>
      <c r="AG30" s="160">
        <v>8</v>
      </c>
      <c r="AH30" s="165">
        <v>62</v>
      </c>
      <c r="AI30" s="164">
        <v>70</v>
      </c>
      <c r="AJ30" s="159">
        <v>0</v>
      </c>
      <c r="AK30" s="160">
        <v>0</v>
      </c>
      <c r="AL30" s="165">
        <v>0</v>
      </c>
      <c r="AM30" s="162">
        <v>0</v>
      </c>
      <c r="AN30" s="160">
        <v>1</v>
      </c>
      <c r="AO30" s="160">
        <v>0</v>
      </c>
      <c r="AP30" s="160">
        <v>2</v>
      </c>
      <c r="AQ30" s="160">
        <v>1</v>
      </c>
      <c r="AR30" s="160">
        <v>2</v>
      </c>
      <c r="AS30" s="165">
        <v>6</v>
      </c>
      <c r="AT30" s="164">
        <v>6</v>
      </c>
      <c r="AU30" s="159">
        <v>0</v>
      </c>
      <c r="AV30" s="160">
        <v>2</v>
      </c>
      <c r="AW30" s="165">
        <v>2</v>
      </c>
      <c r="AX30" s="162">
        <v>0</v>
      </c>
      <c r="AY30" s="160">
        <v>13</v>
      </c>
      <c r="AZ30" s="160">
        <v>19</v>
      </c>
      <c r="BA30" s="160">
        <v>15</v>
      </c>
      <c r="BB30" s="160">
        <v>17</v>
      </c>
      <c r="BC30" s="160">
        <v>18</v>
      </c>
      <c r="BD30" s="163">
        <v>82</v>
      </c>
      <c r="BE30" s="164">
        <v>84</v>
      </c>
      <c r="BF30" s="159">
        <v>0</v>
      </c>
      <c r="BG30" s="160">
        <v>0</v>
      </c>
      <c r="BH30" s="165">
        <v>0</v>
      </c>
      <c r="BI30" s="162">
        <v>0</v>
      </c>
      <c r="BJ30" s="160">
        <v>33</v>
      </c>
      <c r="BK30" s="160">
        <v>36</v>
      </c>
      <c r="BL30" s="160">
        <v>21</v>
      </c>
      <c r="BM30" s="160">
        <v>9</v>
      </c>
      <c r="BN30" s="160">
        <v>7</v>
      </c>
      <c r="BO30" s="165">
        <v>106</v>
      </c>
      <c r="BP30" s="164">
        <v>106</v>
      </c>
      <c r="BQ30" s="159">
        <v>1</v>
      </c>
      <c r="BR30" s="160">
        <v>5</v>
      </c>
      <c r="BS30" s="165">
        <v>6</v>
      </c>
      <c r="BT30" s="162">
        <v>0</v>
      </c>
      <c r="BU30" s="160">
        <v>11</v>
      </c>
      <c r="BV30" s="160">
        <v>13</v>
      </c>
      <c r="BW30" s="160">
        <v>6</v>
      </c>
      <c r="BX30" s="160">
        <v>9</v>
      </c>
      <c r="BY30" s="160">
        <v>5</v>
      </c>
      <c r="BZ30" s="165">
        <v>44</v>
      </c>
      <c r="CA30" s="164">
        <v>50</v>
      </c>
      <c r="CB30" s="159">
        <v>0</v>
      </c>
      <c r="CC30" s="160">
        <v>1</v>
      </c>
      <c r="CD30" s="165">
        <v>1</v>
      </c>
      <c r="CE30" s="162">
        <v>0</v>
      </c>
      <c r="CF30" s="160">
        <v>3</v>
      </c>
      <c r="CG30" s="160">
        <v>6</v>
      </c>
      <c r="CH30" s="160">
        <v>7</v>
      </c>
      <c r="CI30" s="160">
        <v>3</v>
      </c>
      <c r="CJ30" s="160">
        <v>1</v>
      </c>
      <c r="CK30" s="165">
        <v>20</v>
      </c>
      <c r="CL30" s="164">
        <v>21</v>
      </c>
      <c r="CM30" s="159">
        <v>0</v>
      </c>
      <c r="CN30" s="160">
        <v>0</v>
      </c>
      <c r="CO30" s="165">
        <v>0</v>
      </c>
      <c r="CP30" s="162">
        <v>0</v>
      </c>
      <c r="CQ30" s="160">
        <v>1</v>
      </c>
      <c r="CR30" s="160">
        <v>0</v>
      </c>
      <c r="CS30" s="160">
        <v>3</v>
      </c>
      <c r="CT30" s="160">
        <v>1</v>
      </c>
      <c r="CU30" s="160">
        <v>1</v>
      </c>
      <c r="CV30" s="165">
        <v>6</v>
      </c>
      <c r="CW30" s="164">
        <v>6</v>
      </c>
      <c r="CX30" s="159">
        <v>0</v>
      </c>
      <c r="CY30" s="160">
        <v>0</v>
      </c>
      <c r="CZ30" s="165">
        <v>0</v>
      </c>
      <c r="DA30" s="162">
        <v>0</v>
      </c>
      <c r="DB30" s="160">
        <v>0</v>
      </c>
      <c r="DC30" s="160">
        <v>0</v>
      </c>
      <c r="DD30" s="160">
        <v>0</v>
      </c>
      <c r="DE30" s="160">
        <v>0</v>
      </c>
      <c r="DF30" s="160">
        <v>0</v>
      </c>
      <c r="DG30" s="165">
        <v>0</v>
      </c>
      <c r="DH30" s="164">
        <v>0</v>
      </c>
      <c r="DI30" s="159">
        <v>0</v>
      </c>
      <c r="DJ30" s="160">
        <v>0</v>
      </c>
      <c r="DK30" s="165">
        <v>0</v>
      </c>
      <c r="DL30" s="162">
        <v>0</v>
      </c>
      <c r="DM30" s="160">
        <v>0</v>
      </c>
      <c r="DN30" s="160">
        <v>0</v>
      </c>
      <c r="DO30" s="160">
        <v>0</v>
      </c>
      <c r="DP30" s="160">
        <v>0</v>
      </c>
      <c r="DQ30" s="160">
        <v>0</v>
      </c>
      <c r="DR30" s="165">
        <v>0</v>
      </c>
      <c r="DS30" s="164">
        <v>0</v>
      </c>
      <c r="DT30" s="159">
        <v>6</v>
      </c>
      <c r="DU30" s="160">
        <v>25</v>
      </c>
      <c r="DV30" s="165">
        <v>31</v>
      </c>
      <c r="DW30" s="162">
        <v>0</v>
      </c>
      <c r="DX30" s="160">
        <v>51</v>
      </c>
      <c r="DY30" s="160">
        <v>66</v>
      </c>
      <c r="DZ30" s="160">
        <v>34</v>
      </c>
      <c r="EA30" s="160">
        <v>25</v>
      </c>
      <c r="EB30" s="160">
        <v>14</v>
      </c>
      <c r="EC30" s="165">
        <v>190</v>
      </c>
      <c r="ED30" s="164">
        <v>221</v>
      </c>
      <c r="EE30" s="159">
        <v>0</v>
      </c>
      <c r="EF30" s="160">
        <v>0</v>
      </c>
      <c r="EG30" s="165">
        <v>0</v>
      </c>
      <c r="EH30" s="162">
        <v>0</v>
      </c>
      <c r="EI30" s="160">
        <v>5</v>
      </c>
      <c r="EJ30" s="160">
        <v>7</v>
      </c>
      <c r="EK30" s="160">
        <v>3</v>
      </c>
      <c r="EL30" s="160">
        <v>2</v>
      </c>
      <c r="EM30" s="160">
        <v>4</v>
      </c>
      <c r="EN30" s="165">
        <v>21</v>
      </c>
      <c r="EO30" s="164">
        <v>21</v>
      </c>
      <c r="EP30" s="159">
        <v>9</v>
      </c>
      <c r="EQ30" s="160">
        <v>30</v>
      </c>
      <c r="ER30" s="165">
        <v>39</v>
      </c>
      <c r="ES30" s="162">
        <v>0</v>
      </c>
      <c r="ET30" s="160">
        <v>95</v>
      </c>
      <c r="EU30" s="160">
        <v>91</v>
      </c>
      <c r="EV30" s="160">
        <v>43</v>
      </c>
      <c r="EW30" s="160">
        <v>29</v>
      </c>
      <c r="EX30" s="160">
        <v>15</v>
      </c>
      <c r="EY30" s="165">
        <v>273</v>
      </c>
      <c r="EZ30" s="164">
        <v>312</v>
      </c>
    </row>
    <row r="31" spans="2:156" ht="21" customHeight="1" x14ac:dyDescent="0.2">
      <c r="B31" s="166" t="s">
        <v>29</v>
      </c>
      <c r="C31" s="159">
        <v>0</v>
      </c>
      <c r="D31" s="160">
        <v>0</v>
      </c>
      <c r="E31" s="161">
        <v>0</v>
      </c>
      <c r="F31" s="162">
        <v>0</v>
      </c>
      <c r="G31" s="160">
        <v>25</v>
      </c>
      <c r="H31" s="160">
        <v>30</v>
      </c>
      <c r="I31" s="160">
        <v>22</v>
      </c>
      <c r="J31" s="160">
        <v>19</v>
      </c>
      <c r="K31" s="160">
        <v>14</v>
      </c>
      <c r="L31" s="163">
        <v>110</v>
      </c>
      <c r="M31" s="164">
        <v>110</v>
      </c>
      <c r="N31" s="159">
        <v>0</v>
      </c>
      <c r="O31" s="160">
        <v>0</v>
      </c>
      <c r="P31" s="165">
        <v>0</v>
      </c>
      <c r="Q31" s="162">
        <v>0</v>
      </c>
      <c r="R31" s="160">
        <v>0</v>
      </c>
      <c r="S31" s="160">
        <v>1</v>
      </c>
      <c r="T31" s="160">
        <v>2</v>
      </c>
      <c r="U31" s="160">
        <v>2</v>
      </c>
      <c r="V31" s="160">
        <v>8</v>
      </c>
      <c r="W31" s="165">
        <v>13</v>
      </c>
      <c r="X31" s="164">
        <v>13</v>
      </c>
      <c r="Y31" s="159">
        <v>2</v>
      </c>
      <c r="Z31" s="160">
        <v>5</v>
      </c>
      <c r="AA31" s="165">
        <v>7</v>
      </c>
      <c r="AB31" s="162">
        <v>0</v>
      </c>
      <c r="AC31" s="160">
        <v>24</v>
      </c>
      <c r="AD31" s="160">
        <v>28</v>
      </c>
      <c r="AE31" s="160">
        <v>18</v>
      </c>
      <c r="AF31" s="160">
        <v>13</v>
      </c>
      <c r="AG31" s="160">
        <v>14</v>
      </c>
      <c r="AH31" s="165">
        <v>97</v>
      </c>
      <c r="AI31" s="164">
        <v>104</v>
      </c>
      <c r="AJ31" s="159">
        <v>0</v>
      </c>
      <c r="AK31" s="160">
        <v>1</v>
      </c>
      <c r="AL31" s="165">
        <v>1</v>
      </c>
      <c r="AM31" s="162">
        <v>0</v>
      </c>
      <c r="AN31" s="160">
        <v>1</v>
      </c>
      <c r="AO31" s="160">
        <v>4</v>
      </c>
      <c r="AP31" s="160">
        <v>2</v>
      </c>
      <c r="AQ31" s="160">
        <v>2</v>
      </c>
      <c r="AR31" s="160">
        <v>0</v>
      </c>
      <c r="AS31" s="165">
        <v>9</v>
      </c>
      <c r="AT31" s="164">
        <v>10</v>
      </c>
      <c r="AU31" s="159">
        <v>7</v>
      </c>
      <c r="AV31" s="160">
        <v>1</v>
      </c>
      <c r="AW31" s="165">
        <v>8</v>
      </c>
      <c r="AX31" s="162">
        <v>0</v>
      </c>
      <c r="AY31" s="160">
        <v>27</v>
      </c>
      <c r="AZ31" s="160">
        <v>22</v>
      </c>
      <c r="BA31" s="160">
        <v>27</v>
      </c>
      <c r="BB31" s="160">
        <v>30</v>
      </c>
      <c r="BC31" s="160">
        <v>20</v>
      </c>
      <c r="BD31" s="163">
        <v>126</v>
      </c>
      <c r="BE31" s="164">
        <v>134</v>
      </c>
      <c r="BF31" s="159">
        <v>0</v>
      </c>
      <c r="BG31" s="160">
        <v>0</v>
      </c>
      <c r="BH31" s="165">
        <v>0</v>
      </c>
      <c r="BI31" s="162">
        <v>0</v>
      </c>
      <c r="BJ31" s="160">
        <v>36</v>
      </c>
      <c r="BK31" s="160">
        <v>42</v>
      </c>
      <c r="BL31" s="160">
        <v>22</v>
      </c>
      <c r="BM31" s="160">
        <v>15</v>
      </c>
      <c r="BN31" s="160">
        <v>7</v>
      </c>
      <c r="BO31" s="165">
        <v>122</v>
      </c>
      <c r="BP31" s="164">
        <v>122</v>
      </c>
      <c r="BQ31" s="159">
        <v>2</v>
      </c>
      <c r="BR31" s="160">
        <v>8</v>
      </c>
      <c r="BS31" s="165">
        <v>10</v>
      </c>
      <c r="BT31" s="162">
        <v>0</v>
      </c>
      <c r="BU31" s="160">
        <v>11</v>
      </c>
      <c r="BV31" s="160">
        <v>17</v>
      </c>
      <c r="BW31" s="160">
        <v>14</v>
      </c>
      <c r="BX31" s="160">
        <v>6</v>
      </c>
      <c r="BY31" s="160">
        <v>1</v>
      </c>
      <c r="BZ31" s="165">
        <v>49</v>
      </c>
      <c r="CA31" s="164">
        <v>59</v>
      </c>
      <c r="CB31" s="159">
        <v>0</v>
      </c>
      <c r="CC31" s="160">
        <v>1</v>
      </c>
      <c r="CD31" s="165">
        <v>1</v>
      </c>
      <c r="CE31" s="162">
        <v>0</v>
      </c>
      <c r="CF31" s="160">
        <v>5</v>
      </c>
      <c r="CG31" s="160">
        <v>7</v>
      </c>
      <c r="CH31" s="160">
        <v>14</v>
      </c>
      <c r="CI31" s="160">
        <v>6</v>
      </c>
      <c r="CJ31" s="160">
        <v>7</v>
      </c>
      <c r="CK31" s="165">
        <v>39</v>
      </c>
      <c r="CL31" s="164">
        <v>40</v>
      </c>
      <c r="CM31" s="159">
        <v>0</v>
      </c>
      <c r="CN31" s="160">
        <v>0</v>
      </c>
      <c r="CO31" s="165">
        <v>0</v>
      </c>
      <c r="CP31" s="162">
        <v>0</v>
      </c>
      <c r="CQ31" s="160">
        <v>0</v>
      </c>
      <c r="CR31" s="160">
        <v>1</v>
      </c>
      <c r="CS31" s="160">
        <v>2</v>
      </c>
      <c r="CT31" s="160">
        <v>0</v>
      </c>
      <c r="CU31" s="160">
        <v>0</v>
      </c>
      <c r="CV31" s="165">
        <v>3</v>
      </c>
      <c r="CW31" s="164">
        <v>3</v>
      </c>
      <c r="CX31" s="159">
        <v>0</v>
      </c>
      <c r="CY31" s="160">
        <v>0</v>
      </c>
      <c r="CZ31" s="165">
        <v>0</v>
      </c>
      <c r="DA31" s="162">
        <v>0</v>
      </c>
      <c r="DB31" s="160">
        <v>0</v>
      </c>
      <c r="DC31" s="160">
        <v>0</v>
      </c>
      <c r="DD31" s="160">
        <v>0</v>
      </c>
      <c r="DE31" s="160">
        <v>0</v>
      </c>
      <c r="DF31" s="160">
        <v>0</v>
      </c>
      <c r="DG31" s="165">
        <v>0</v>
      </c>
      <c r="DH31" s="164">
        <v>0</v>
      </c>
      <c r="DI31" s="159">
        <v>0</v>
      </c>
      <c r="DJ31" s="160">
        <v>0</v>
      </c>
      <c r="DK31" s="165">
        <v>0</v>
      </c>
      <c r="DL31" s="162">
        <v>0</v>
      </c>
      <c r="DM31" s="160">
        <v>0</v>
      </c>
      <c r="DN31" s="160">
        <v>0</v>
      </c>
      <c r="DO31" s="160">
        <v>0</v>
      </c>
      <c r="DP31" s="160">
        <v>0</v>
      </c>
      <c r="DQ31" s="160">
        <v>0</v>
      </c>
      <c r="DR31" s="165">
        <v>0</v>
      </c>
      <c r="DS31" s="164">
        <v>0</v>
      </c>
      <c r="DT31" s="159">
        <v>32</v>
      </c>
      <c r="DU31" s="160">
        <v>39</v>
      </c>
      <c r="DV31" s="165">
        <v>71</v>
      </c>
      <c r="DW31" s="162">
        <v>0</v>
      </c>
      <c r="DX31" s="160">
        <v>44</v>
      </c>
      <c r="DY31" s="160">
        <v>77</v>
      </c>
      <c r="DZ31" s="160">
        <v>48</v>
      </c>
      <c r="EA31" s="160">
        <v>45</v>
      </c>
      <c r="EB31" s="160">
        <v>24</v>
      </c>
      <c r="EC31" s="165">
        <v>238</v>
      </c>
      <c r="ED31" s="164">
        <v>309</v>
      </c>
      <c r="EE31" s="159">
        <v>2</v>
      </c>
      <c r="EF31" s="160">
        <v>0</v>
      </c>
      <c r="EG31" s="165">
        <v>2</v>
      </c>
      <c r="EH31" s="162">
        <v>0</v>
      </c>
      <c r="EI31" s="160">
        <v>8</v>
      </c>
      <c r="EJ31" s="160">
        <v>5</v>
      </c>
      <c r="EK31" s="160">
        <v>3</v>
      </c>
      <c r="EL31" s="160">
        <v>9</v>
      </c>
      <c r="EM31" s="160">
        <v>4</v>
      </c>
      <c r="EN31" s="165">
        <v>29</v>
      </c>
      <c r="EO31" s="164">
        <v>31</v>
      </c>
      <c r="EP31" s="159">
        <v>36</v>
      </c>
      <c r="EQ31" s="160">
        <v>45</v>
      </c>
      <c r="ER31" s="165">
        <v>81</v>
      </c>
      <c r="ES31" s="162">
        <v>0</v>
      </c>
      <c r="ET31" s="160">
        <v>91</v>
      </c>
      <c r="EU31" s="160">
        <v>106</v>
      </c>
      <c r="EV31" s="160">
        <v>60</v>
      </c>
      <c r="EW31" s="160">
        <v>40</v>
      </c>
      <c r="EX31" s="160">
        <v>25</v>
      </c>
      <c r="EY31" s="165">
        <v>322</v>
      </c>
      <c r="EZ31" s="164">
        <v>403</v>
      </c>
    </row>
    <row r="32" spans="2:156" ht="21" customHeight="1" x14ac:dyDescent="0.2">
      <c r="B32" s="166" t="s">
        <v>30</v>
      </c>
      <c r="C32" s="159">
        <v>0</v>
      </c>
      <c r="D32" s="160">
        <v>0</v>
      </c>
      <c r="E32" s="161">
        <v>0</v>
      </c>
      <c r="F32" s="162">
        <v>0</v>
      </c>
      <c r="G32" s="160">
        <v>27</v>
      </c>
      <c r="H32" s="160">
        <v>20</v>
      </c>
      <c r="I32" s="160">
        <v>16</v>
      </c>
      <c r="J32" s="160">
        <v>11</v>
      </c>
      <c r="K32" s="160">
        <v>8</v>
      </c>
      <c r="L32" s="163">
        <v>82</v>
      </c>
      <c r="M32" s="164">
        <v>82</v>
      </c>
      <c r="N32" s="159">
        <v>0</v>
      </c>
      <c r="O32" s="160">
        <v>0</v>
      </c>
      <c r="P32" s="165">
        <v>0</v>
      </c>
      <c r="Q32" s="162">
        <v>0</v>
      </c>
      <c r="R32" s="160">
        <v>0</v>
      </c>
      <c r="S32" s="160">
        <v>1</v>
      </c>
      <c r="T32" s="160">
        <v>5</v>
      </c>
      <c r="U32" s="160">
        <v>4</v>
      </c>
      <c r="V32" s="160">
        <v>2</v>
      </c>
      <c r="W32" s="165">
        <v>12</v>
      </c>
      <c r="X32" s="164">
        <v>12</v>
      </c>
      <c r="Y32" s="159">
        <v>5</v>
      </c>
      <c r="Z32" s="160">
        <v>11</v>
      </c>
      <c r="AA32" s="165">
        <v>16</v>
      </c>
      <c r="AB32" s="162">
        <v>0</v>
      </c>
      <c r="AC32" s="160">
        <v>24</v>
      </c>
      <c r="AD32" s="160">
        <v>18</v>
      </c>
      <c r="AE32" s="160">
        <v>19</v>
      </c>
      <c r="AF32" s="160">
        <v>9</v>
      </c>
      <c r="AG32" s="160">
        <v>4</v>
      </c>
      <c r="AH32" s="165">
        <v>74</v>
      </c>
      <c r="AI32" s="164">
        <v>90</v>
      </c>
      <c r="AJ32" s="159">
        <v>1</v>
      </c>
      <c r="AK32" s="160">
        <v>0</v>
      </c>
      <c r="AL32" s="165">
        <v>1</v>
      </c>
      <c r="AM32" s="162">
        <v>0</v>
      </c>
      <c r="AN32" s="160">
        <v>4</v>
      </c>
      <c r="AO32" s="160">
        <v>2</v>
      </c>
      <c r="AP32" s="160">
        <v>3</v>
      </c>
      <c r="AQ32" s="160">
        <v>0</v>
      </c>
      <c r="AR32" s="160">
        <v>0</v>
      </c>
      <c r="AS32" s="165">
        <v>9</v>
      </c>
      <c r="AT32" s="164">
        <v>10</v>
      </c>
      <c r="AU32" s="159">
        <v>3</v>
      </c>
      <c r="AV32" s="160">
        <v>3</v>
      </c>
      <c r="AW32" s="165">
        <v>6</v>
      </c>
      <c r="AX32" s="162">
        <v>0</v>
      </c>
      <c r="AY32" s="160">
        <v>35</v>
      </c>
      <c r="AZ32" s="160">
        <v>25</v>
      </c>
      <c r="BA32" s="160">
        <v>24</v>
      </c>
      <c r="BB32" s="160">
        <v>21</v>
      </c>
      <c r="BC32" s="160">
        <v>3</v>
      </c>
      <c r="BD32" s="163">
        <v>108</v>
      </c>
      <c r="BE32" s="164">
        <v>114</v>
      </c>
      <c r="BF32" s="159">
        <v>0</v>
      </c>
      <c r="BG32" s="160">
        <v>0</v>
      </c>
      <c r="BH32" s="165">
        <v>0</v>
      </c>
      <c r="BI32" s="162">
        <v>0</v>
      </c>
      <c r="BJ32" s="160">
        <v>31</v>
      </c>
      <c r="BK32" s="160">
        <v>26</v>
      </c>
      <c r="BL32" s="160">
        <v>20</v>
      </c>
      <c r="BM32" s="160">
        <v>11</v>
      </c>
      <c r="BN32" s="160">
        <v>2</v>
      </c>
      <c r="BO32" s="165">
        <v>90</v>
      </c>
      <c r="BP32" s="164">
        <v>90</v>
      </c>
      <c r="BQ32" s="159">
        <v>5</v>
      </c>
      <c r="BR32" s="160">
        <v>5</v>
      </c>
      <c r="BS32" s="165">
        <v>10</v>
      </c>
      <c r="BT32" s="162">
        <v>0</v>
      </c>
      <c r="BU32" s="160">
        <v>10</v>
      </c>
      <c r="BV32" s="160">
        <v>9</v>
      </c>
      <c r="BW32" s="160">
        <v>8</v>
      </c>
      <c r="BX32" s="160">
        <v>3</v>
      </c>
      <c r="BY32" s="160">
        <v>1</v>
      </c>
      <c r="BZ32" s="165">
        <v>31</v>
      </c>
      <c r="CA32" s="164">
        <v>41</v>
      </c>
      <c r="CB32" s="159">
        <v>0</v>
      </c>
      <c r="CC32" s="160">
        <v>1</v>
      </c>
      <c r="CD32" s="165">
        <v>1</v>
      </c>
      <c r="CE32" s="162">
        <v>0</v>
      </c>
      <c r="CF32" s="160">
        <v>9</v>
      </c>
      <c r="CG32" s="160">
        <v>4</v>
      </c>
      <c r="CH32" s="160">
        <v>15</v>
      </c>
      <c r="CI32" s="160">
        <v>4</v>
      </c>
      <c r="CJ32" s="160">
        <v>2</v>
      </c>
      <c r="CK32" s="165">
        <v>34</v>
      </c>
      <c r="CL32" s="164">
        <v>35</v>
      </c>
      <c r="CM32" s="159">
        <v>0</v>
      </c>
      <c r="CN32" s="160">
        <v>0</v>
      </c>
      <c r="CO32" s="165">
        <v>0</v>
      </c>
      <c r="CP32" s="162">
        <v>0</v>
      </c>
      <c r="CQ32" s="160">
        <v>1</v>
      </c>
      <c r="CR32" s="160">
        <v>1</v>
      </c>
      <c r="CS32" s="160">
        <v>1</v>
      </c>
      <c r="CT32" s="160">
        <v>2</v>
      </c>
      <c r="CU32" s="160">
        <v>1</v>
      </c>
      <c r="CV32" s="165">
        <v>6</v>
      </c>
      <c r="CW32" s="164">
        <v>6</v>
      </c>
      <c r="CX32" s="159">
        <v>0</v>
      </c>
      <c r="CY32" s="160">
        <v>0</v>
      </c>
      <c r="CZ32" s="165">
        <v>0</v>
      </c>
      <c r="DA32" s="162">
        <v>0</v>
      </c>
      <c r="DB32" s="160">
        <v>0</v>
      </c>
      <c r="DC32" s="160">
        <v>0</v>
      </c>
      <c r="DD32" s="160">
        <v>0</v>
      </c>
      <c r="DE32" s="160">
        <v>0</v>
      </c>
      <c r="DF32" s="160">
        <v>0</v>
      </c>
      <c r="DG32" s="165">
        <v>0</v>
      </c>
      <c r="DH32" s="164">
        <v>0</v>
      </c>
      <c r="DI32" s="159">
        <v>0</v>
      </c>
      <c r="DJ32" s="160">
        <v>0</v>
      </c>
      <c r="DK32" s="165">
        <v>0</v>
      </c>
      <c r="DL32" s="162">
        <v>0</v>
      </c>
      <c r="DM32" s="160">
        <v>0</v>
      </c>
      <c r="DN32" s="160">
        <v>0</v>
      </c>
      <c r="DO32" s="160">
        <v>0</v>
      </c>
      <c r="DP32" s="160">
        <v>0</v>
      </c>
      <c r="DQ32" s="160">
        <v>0</v>
      </c>
      <c r="DR32" s="165">
        <v>0</v>
      </c>
      <c r="DS32" s="164">
        <v>0</v>
      </c>
      <c r="DT32" s="159">
        <v>35</v>
      </c>
      <c r="DU32" s="160">
        <v>29</v>
      </c>
      <c r="DV32" s="165">
        <v>64</v>
      </c>
      <c r="DW32" s="162">
        <v>0</v>
      </c>
      <c r="DX32" s="160">
        <v>57</v>
      </c>
      <c r="DY32" s="160">
        <v>53</v>
      </c>
      <c r="DZ32" s="160">
        <v>55</v>
      </c>
      <c r="EA32" s="160">
        <v>21</v>
      </c>
      <c r="EB32" s="160">
        <v>12</v>
      </c>
      <c r="EC32" s="165">
        <v>198</v>
      </c>
      <c r="ED32" s="164">
        <v>262</v>
      </c>
      <c r="EE32" s="159">
        <v>2</v>
      </c>
      <c r="EF32" s="160">
        <v>1</v>
      </c>
      <c r="EG32" s="165">
        <v>3</v>
      </c>
      <c r="EH32" s="162">
        <v>0</v>
      </c>
      <c r="EI32" s="160">
        <v>12</v>
      </c>
      <c r="EJ32" s="160">
        <v>9</v>
      </c>
      <c r="EK32" s="160">
        <v>3</v>
      </c>
      <c r="EL32" s="160">
        <v>5</v>
      </c>
      <c r="EM32" s="160">
        <v>1</v>
      </c>
      <c r="EN32" s="165">
        <v>30</v>
      </c>
      <c r="EO32" s="164">
        <v>33</v>
      </c>
      <c r="EP32" s="159">
        <v>40</v>
      </c>
      <c r="EQ32" s="160">
        <v>32</v>
      </c>
      <c r="ER32" s="165">
        <v>72</v>
      </c>
      <c r="ES32" s="162">
        <v>0</v>
      </c>
      <c r="ET32" s="160">
        <v>98</v>
      </c>
      <c r="EU32" s="160">
        <v>69</v>
      </c>
      <c r="EV32" s="160">
        <v>58</v>
      </c>
      <c r="EW32" s="160">
        <v>24</v>
      </c>
      <c r="EX32" s="160">
        <v>13</v>
      </c>
      <c r="EY32" s="165">
        <v>262</v>
      </c>
      <c r="EZ32" s="164">
        <v>334</v>
      </c>
    </row>
    <row r="33" spans="2:156" ht="21" customHeight="1" x14ac:dyDescent="0.2">
      <c r="B33" s="166" t="s">
        <v>31</v>
      </c>
      <c r="C33" s="159">
        <v>0</v>
      </c>
      <c r="D33" s="160">
        <v>0</v>
      </c>
      <c r="E33" s="161">
        <v>0</v>
      </c>
      <c r="F33" s="162">
        <v>0</v>
      </c>
      <c r="G33" s="160">
        <v>17</v>
      </c>
      <c r="H33" s="160">
        <v>16</v>
      </c>
      <c r="I33" s="160">
        <v>12</v>
      </c>
      <c r="J33" s="160">
        <v>9</v>
      </c>
      <c r="K33" s="160">
        <v>3</v>
      </c>
      <c r="L33" s="163">
        <v>57</v>
      </c>
      <c r="M33" s="164">
        <v>57</v>
      </c>
      <c r="N33" s="159">
        <v>0</v>
      </c>
      <c r="O33" s="160">
        <v>0</v>
      </c>
      <c r="P33" s="165">
        <v>0</v>
      </c>
      <c r="Q33" s="162">
        <v>0</v>
      </c>
      <c r="R33" s="160">
        <v>2</v>
      </c>
      <c r="S33" s="160">
        <v>3</v>
      </c>
      <c r="T33" s="160">
        <v>2</v>
      </c>
      <c r="U33" s="160">
        <v>4</v>
      </c>
      <c r="V33" s="160">
        <v>4</v>
      </c>
      <c r="W33" s="165">
        <v>15</v>
      </c>
      <c r="X33" s="164">
        <v>15</v>
      </c>
      <c r="Y33" s="159">
        <v>2</v>
      </c>
      <c r="Z33" s="160">
        <v>4</v>
      </c>
      <c r="AA33" s="165">
        <v>6</v>
      </c>
      <c r="AB33" s="162">
        <v>0</v>
      </c>
      <c r="AC33" s="160">
        <v>15</v>
      </c>
      <c r="AD33" s="160">
        <v>23</v>
      </c>
      <c r="AE33" s="160">
        <v>23</v>
      </c>
      <c r="AF33" s="160">
        <v>13</v>
      </c>
      <c r="AG33" s="160">
        <v>6</v>
      </c>
      <c r="AH33" s="165">
        <v>80</v>
      </c>
      <c r="AI33" s="164">
        <v>86</v>
      </c>
      <c r="AJ33" s="159">
        <v>0</v>
      </c>
      <c r="AK33" s="160">
        <v>2</v>
      </c>
      <c r="AL33" s="165">
        <v>2</v>
      </c>
      <c r="AM33" s="162">
        <v>0</v>
      </c>
      <c r="AN33" s="160">
        <v>3</v>
      </c>
      <c r="AO33" s="160">
        <v>2</v>
      </c>
      <c r="AP33" s="160">
        <v>2</v>
      </c>
      <c r="AQ33" s="160">
        <v>3</v>
      </c>
      <c r="AR33" s="160">
        <v>0</v>
      </c>
      <c r="AS33" s="165">
        <v>10</v>
      </c>
      <c r="AT33" s="164">
        <v>12</v>
      </c>
      <c r="AU33" s="159">
        <v>2</v>
      </c>
      <c r="AV33" s="160">
        <v>1</v>
      </c>
      <c r="AW33" s="165">
        <v>3</v>
      </c>
      <c r="AX33" s="162">
        <v>0</v>
      </c>
      <c r="AY33" s="160">
        <v>13</v>
      </c>
      <c r="AZ33" s="160">
        <v>19</v>
      </c>
      <c r="BA33" s="160">
        <v>19</v>
      </c>
      <c r="BB33" s="160">
        <v>23</v>
      </c>
      <c r="BC33" s="160">
        <v>8</v>
      </c>
      <c r="BD33" s="163">
        <v>82</v>
      </c>
      <c r="BE33" s="164">
        <v>85</v>
      </c>
      <c r="BF33" s="159">
        <v>0</v>
      </c>
      <c r="BG33" s="160">
        <v>0</v>
      </c>
      <c r="BH33" s="165">
        <v>0</v>
      </c>
      <c r="BI33" s="162">
        <v>0</v>
      </c>
      <c r="BJ33" s="160">
        <v>42</v>
      </c>
      <c r="BK33" s="160">
        <v>39</v>
      </c>
      <c r="BL33" s="160">
        <v>19</v>
      </c>
      <c r="BM33" s="160">
        <v>9</v>
      </c>
      <c r="BN33" s="160">
        <v>5</v>
      </c>
      <c r="BO33" s="165">
        <v>114</v>
      </c>
      <c r="BP33" s="164">
        <v>114</v>
      </c>
      <c r="BQ33" s="159">
        <v>4</v>
      </c>
      <c r="BR33" s="160">
        <v>3</v>
      </c>
      <c r="BS33" s="165">
        <v>7</v>
      </c>
      <c r="BT33" s="162">
        <v>0</v>
      </c>
      <c r="BU33" s="160">
        <v>9</v>
      </c>
      <c r="BV33" s="160">
        <v>6</v>
      </c>
      <c r="BW33" s="160">
        <v>8</v>
      </c>
      <c r="BX33" s="160">
        <v>5</v>
      </c>
      <c r="BY33" s="160">
        <v>2</v>
      </c>
      <c r="BZ33" s="165">
        <v>30</v>
      </c>
      <c r="CA33" s="164">
        <v>37</v>
      </c>
      <c r="CB33" s="159">
        <v>0</v>
      </c>
      <c r="CC33" s="160">
        <v>1</v>
      </c>
      <c r="CD33" s="165">
        <v>1</v>
      </c>
      <c r="CE33" s="162">
        <v>0</v>
      </c>
      <c r="CF33" s="160">
        <v>8</v>
      </c>
      <c r="CG33" s="160">
        <v>7</v>
      </c>
      <c r="CH33" s="160">
        <v>10</v>
      </c>
      <c r="CI33" s="160">
        <v>9</v>
      </c>
      <c r="CJ33" s="160">
        <v>0</v>
      </c>
      <c r="CK33" s="165">
        <v>34</v>
      </c>
      <c r="CL33" s="164">
        <v>35</v>
      </c>
      <c r="CM33" s="159">
        <v>0</v>
      </c>
      <c r="CN33" s="160">
        <v>0</v>
      </c>
      <c r="CO33" s="165">
        <v>0</v>
      </c>
      <c r="CP33" s="162">
        <v>0</v>
      </c>
      <c r="CQ33" s="160">
        <v>1</v>
      </c>
      <c r="CR33" s="160">
        <v>2</v>
      </c>
      <c r="CS33" s="160">
        <v>2</v>
      </c>
      <c r="CT33" s="160">
        <v>1</v>
      </c>
      <c r="CU33" s="160">
        <v>2</v>
      </c>
      <c r="CV33" s="165">
        <v>8</v>
      </c>
      <c r="CW33" s="164">
        <v>8</v>
      </c>
      <c r="CX33" s="159">
        <v>0</v>
      </c>
      <c r="CY33" s="160">
        <v>0</v>
      </c>
      <c r="CZ33" s="165">
        <v>0</v>
      </c>
      <c r="DA33" s="162">
        <v>0</v>
      </c>
      <c r="DB33" s="160">
        <v>0</v>
      </c>
      <c r="DC33" s="160">
        <v>0</v>
      </c>
      <c r="DD33" s="160">
        <v>0</v>
      </c>
      <c r="DE33" s="160">
        <v>0</v>
      </c>
      <c r="DF33" s="160">
        <v>0</v>
      </c>
      <c r="DG33" s="165">
        <v>0</v>
      </c>
      <c r="DH33" s="164">
        <v>0</v>
      </c>
      <c r="DI33" s="159">
        <v>0</v>
      </c>
      <c r="DJ33" s="160">
        <v>0</v>
      </c>
      <c r="DK33" s="165">
        <v>0</v>
      </c>
      <c r="DL33" s="162">
        <v>0</v>
      </c>
      <c r="DM33" s="160">
        <v>0</v>
      </c>
      <c r="DN33" s="160">
        <v>0</v>
      </c>
      <c r="DO33" s="160">
        <v>0</v>
      </c>
      <c r="DP33" s="160">
        <v>0</v>
      </c>
      <c r="DQ33" s="160">
        <v>0</v>
      </c>
      <c r="DR33" s="165">
        <v>0</v>
      </c>
      <c r="DS33" s="164">
        <v>0</v>
      </c>
      <c r="DT33" s="159">
        <v>23</v>
      </c>
      <c r="DU33" s="160">
        <v>66</v>
      </c>
      <c r="DV33" s="165">
        <v>89</v>
      </c>
      <c r="DW33" s="162">
        <v>0</v>
      </c>
      <c r="DX33" s="160">
        <v>53</v>
      </c>
      <c r="DY33" s="160">
        <v>70</v>
      </c>
      <c r="DZ33" s="160">
        <v>43</v>
      </c>
      <c r="EA33" s="160">
        <v>29</v>
      </c>
      <c r="EB33" s="160">
        <v>11</v>
      </c>
      <c r="EC33" s="165">
        <v>206</v>
      </c>
      <c r="ED33" s="164">
        <v>295</v>
      </c>
      <c r="EE33" s="159">
        <v>2</v>
      </c>
      <c r="EF33" s="160">
        <v>0</v>
      </c>
      <c r="EG33" s="165">
        <v>2</v>
      </c>
      <c r="EH33" s="162">
        <v>0</v>
      </c>
      <c r="EI33" s="160">
        <v>7</v>
      </c>
      <c r="EJ33" s="160">
        <v>8</v>
      </c>
      <c r="EK33" s="160">
        <v>7</v>
      </c>
      <c r="EL33" s="160">
        <v>7</v>
      </c>
      <c r="EM33" s="160">
        <v>2</v>
      </c>
      <c r="EN33" s="165">
        <v>31</v>
      </c>
      <c r="EO33" s="164">
        <v>33</v>
      </c>
      <c r="EP33" s="159">
        <v>28</v>
      </c>
      <c r="EQ33" s="160">
        <v>68</v>
      </c>
      <c r="ER33" s="165">
        <v>96</v>
      </c>
      <c r="ES33" s="162">
        <v>0</v>
      </c>
      <c r="ET33" s="160">
        <v>97</v>
      </c>
      <c r="EU33" s="160">
        <v>86</v>
      </c>
      <c r="EV33" s="160">
        <v>55</v>
      </c>
      <c r="EW33" s="160">
        <v>33</v>
      </c>
      <c r="EX33" s="160">
        <v>11</v>
      </c>
      <c r="EY33" s="165">
        <v>282</v>
      </c>
      <c r="EZ33" s="164">
        <v>378</v>
      </c>
    </row>
    <row r="34" spans="2:156" ht="21" customHeight="1" x14ac:dyDescent="0.2">
      <c r="B34" s="166" t="s">
        <v>32</v>
      </c>
      <c r="C34" s="159">
        <v>0</v>
      </c>
      <c r="D34" s="160">
        <v>0</v>
      </c>
      <c r="E34" s="161">
        <v>0</v>
      </c>
      <c r="F34" s="162">
        <v>0</v>
      </c>
      <c r="G34" s="160">
        <v>31</v>
      </c>
      <c r="H34" s="160">
        <v>22</v>
      </c>
      <c r="I34" s="160">
        <v>10</v>
      </c>
      <c r="J34" s="160">
        <v>9</v>
      </c>
      <c r="K34" s="160">
        <v>12</v>
      </c>
      <c r="L34" s="163">
        <v>84</v>
      </c>
      <c r="M34" s="164">
        <v>84</v>
      </c>
      <c r="N34" s="159">
        <v>0</v>
      </c>
      <c r="O34" s="160">
        <v>0</v>
      </c>
      <c r="P34" s="165">
        <v>0</v>
      </c>
      <c r="Q34" s="162">
        <v>0</v>
      </c>
      <c r="R34" s="160">
        <v>0</v>
      </c>
      <c r="S34" s="160">
        <v>0</v>
      </c>
      <c r="T34" s="160">
        <v>2</v>
      </c>
      <c r="U34" s="160">
        <v>7</v>
      </c>
      <c r="V34" s="160">
        <v>7</v>
      </c>
      <c r="W34" s="165">
        <v>16</v>
      </c>
      <c r="X34" s="164">
        <v>16</v>
      </c>
      <c r="Y34" s="159">
        <v>12</v>
      </c>
      <c r="Z34" s="160">
        <v>9</v>
      </c>
      <c r="AA34" s="165">
        <v>21</v>
      </c>
      <c r="AB34" s="162">
        <v>0</v>
      </c>
      <c r="AC34" s="160">
        <v>28</v>
      </c>
      <c r="AD34" s="160">
        <v>35</v>
      </c>
      <c r="AE34" s="160">
        <v>12</v>
      </c>
      <c r="AF34" s="160">
        <v>12</v>
      </c>
      <c r="AG34" s="160">
        <v>11</v>
      </c>
      <c r="AH34" s="165">
        <v>98</v>
      </c>
      <c r="AI34" s="164">
        <v>119</v>
      </c>
      <c r="AJ34" s="159">
        <v>0</v>
      </c>
      <c r="AK34" s="160">
        <v>1</v>
      </c>
      <c r="AL34" s="165">
        <v>1</v>
      </c>
      <c r="AM34" s="162">
        <v>0</v>
      </c>
      <c r="AN34" s="160">
        <v>5</v>
      </c>
      <c r="AO34" s="160">
        <v>0</v>
      </c>
      <c r="AP34" s="160">
        <v>0</v>
      </c>
      <c r="AQ34" s="160">
        <v>3</v>
      </c>
      <c r="AR34" s="160">
        <v>2</v>
      </c>
      <c r="AS34" s="165">
        <v>10</v>
      </c>
      <c r="AT34" s="164">
        <v>11</v>
      </c>
      <c r="AU34" s="159">
        <v>2</v>
      </c>
      <c r="AV34" s="160">
        <v>7</v>
      </c>
      <c r="AW34" s="165">
        <v>9</v>
      </c>
      <c r="AX34" s="162">
        <v>0</v>
      </c>
      <c r="AY34" s="160">
        <v>26</v>
      </c>
      <c r="AZ34" s="160">
        <v>30</v>
      </c>
      <c r="BA34" s="160">
        <v>27</v>
      </c>
      <c r="BB34" s="160">
        <v>34</v>
      </c>
      <c r="BC34" s="160">
        <v>19</v>
      </c>
      <c r="BD34" s="163">
        <v>136</v>
      </c>
      <c r="BE34" s="164">
        <v>145</v>
      </c>
      <c r="BF34" s="159">
        <v>0</v>
      </c>
      <c r="BG34" s="160">
        <v>0</v>
      </c>
      <c r="BH34" s="165">
        <v>0</v>
      </c>
      <c r="BI34" s="162">
        <v>0</v>
      </c>
      <c r="BJ34" s="160">
        <v>60</v>
      </c>
      <c r="BK34" s="160">
        <v>44</v>
      </c>
      <c r="BL34" s="160">
        <v>24</v>
      </c>
      <c r="BM34" s="160">
        <v>16</v>
      </c>
      <c r="BN34" s="160">
        <v>7</v>
      </c>
      <c r="BO34" s="165">
        <v>151</v>
      </c>
      <c r="BP34" s="164">
        <v>151</v>
      </c>
      <c r="BQ34" s="159">
        <v>6</v>
      </c>
      <c r="BR34" s="160">
        <v>4</v>
      </c>
      <c r="BS34" s="165">
        <v>10</v>
      </c>
      <c r="BT34" s="162">
        <v>0</v>
      </c>
      <c r="BU34" s="160">
        <v>9</v>
      </c>
      <c r="BV34" s="160">
        <v>15</v>
      </c>
      <c r="BW34" s="160">
        <v>3</v>
      </c>
      <c r="BX34" s="160">
        <v>4</v>
      </c>
      <c r="BY34" s="160">
        <v>2</v>
      </c>
      <c r="BZ34" s="165">
        <v>33</v>
      </c>
      <c r="CA34" s="164">
        <v>43</v>
      </c>
      <c r="CB34" s="159">
        <v>0</v>
      </c>
      <c r="CC34" s="160">
        <v>1</v>
      </c>
      <c r="CD34" s="165">
        <v>1</v>
      </c>
      <c r="CE34" s="162">
        <v>0</v>
      </c>
      <c r="CF34" s="160">
        <v>4</v>
      </c>
      <c r="CG34" s="160">
        <v>8</v>
      </c>
      <c r="CH34" s="160">
        <v>9</v>
      </c>
      <c r="CI34" s="160">
        <v>4</v>
      </c>
      <c r="CJ34" s="160">
        <v>3</v>
      </c>
      <c r="CK34" s="165">
        <v>28</v>
      </c>
      <c r="CL34" s="164">
        <v>29</v>
      </c>
      <c r="CM34" s="159">
        <v>0</v>
      </c>
      <c r="CN34" s="160">
        <v>0</v>
      </c>
      <c r="CO34" s="165">
        <v>0</v>
      </c>
      <c r="CP34" s="162">
        <v>0</v>
      </c>
      <c r="CQ34" s="160">
        <v>0</v>
      </c>
      <c r="CR34" s="160">
        <v>2</v>
      </c>
      <c r="CS34" s="160">
        <v>0</v>
      </c>
      <c r="CT34" s="160">
        <v>0</v>
      </c>
      <c r="CU34" s="160">
        <v>2</v>
      </c>
      <c r="CV34" s="165">
        <v>4</v>
      </c>
      <c r="CW34" s="164">
        <v>4</v>
      </c>
      <c r="CX34" s="159">
        <v>0</v>
      </c>
      <c r="CY34" s="160">
        <v>0</v>
      </c>
      <c r="CZ34" s="165">
        <v>0</v>
      </c>
      <c r="DA34" s="162">
        <v>0</v>
      </c>
      <c r="DB34" s="160">
        <v>0</v>
      </c>
      <c r="DC34" s="160">
        <v>0</v>
      </c>
      <c r="DD34" s="160">
        <v>0</v>
      </c>
      <c r="DE34" s="160">
        <v>0</v>
      </c>
      <c r="DF34" s="160">
        <v>0</v>
      </c>
      <c r="DG34" s="165">
        <v>0</v>
      </c>
      <c r="DH34" s="164">
        <v>0</v>
      </c>
      <c r="DI34" s="159">
        <v>0</v>
      </c>
      <c r="DJ34" s="160">
        <v>0</v>
      </c>
      <c r="DK34" s="165">
        <v>0</v>
      </c>
      <c r="DL34" s="162">
        <v>0</v>
      </c>
      <c r="DM34" s="160">
        <v>0</v>
      </c>
      <c r="DN34" s="160">
        <v>0</v>
      </c>
      <c r="DO34" s="160">
        <v>0</v>
      </c>
      <c r="DP34" s="160">
        <v>0</v>
      </c>
      <c r="DQ34" s="160">
        <v>0</v>
      </c>
      <c r="DR34" s="165">
        <v>0</v>
      </c>
      <c r="DS34" s="164">
        <v>0</v>
      </c>
      <c r="DT34" s="159">
        <v>32</v>
      </c>
      <c r="DU34" s="160">
        <v>58</v>
      </c>
      <c r="DV34" s="165">
        <v>90</v>
      </c>
      <c r="DW34" s="162">
        <v>0</v>
      </c>
      <c r="DX34" s="160">
        <v>86</v>
      </c>
      <c r="DY34" s="160">
        <v>80</v>
      </c>
      <c r="DZ34" s="160">
        <v>41</v>
      </c>
      <c r="EA34" s="160">
        <v>36</v>
      </c>
      <c r="EB34" s="160">
        <v>24</v>
      </c>
      <c r="EC34" s="165">
        <v>267</v>
      </c>
      <c r="ED34" s="164">
        <v>357</v>
      </c>
      <c r="EE34" s="159">
        <v>3</v>
      </c>
      <c r="EF34" s="160">
        <v>4</v>
      </c>
      <c r="EG34" s="165">
        <v>7</v>
      </c>
      <c r="EH34" s="162">
        <v>0</v>
      </c>
      <c r="EI34" s="160">
        <v>6</v>
      </c>
      <c r="EJ34" s="160">
        <v>6</v>
      </c>
      <c r="EK34" s="160">
        <v>4</v>
      </c>
      <c r="EL34" s="160">
        <v>13</v>
      </c>
      <c r="EM34" s="160">
        <v>6</v>
      </c>
      <c r="EN34" s="165">
        <v>35</v>
      </c>
      <c r="EO34" s="164">
        <v>42</v>
      </c>
      <c r="EP34" s="159">
        <v>41</v>
      </c>
      <c r="EQ34" s="160">
        <v>64</v>
      </c>
      <c r="ER34" s="165">
        <v>105</v>
      </c>
      <c r="ES34" s="162">
        <v>0</v>
      </c>
      <c r="ET34" s="160">
        <v>155</v>
      </c>
      <c r="EU34" s="160">
        <v>110</v>
      </c>
      <c r="EV34" s="160">
        <v>49</v>
      </c>
      <c r="EW34" s="160">
        <v>34</v>
      </c>
      <c r="EX34" s="160">
        <v>25</v>
      </c>
      <c r="EY34" s="165">
        <v>373</v>
      </c>
      <c r="EZ34" s="164">
        <v>478</v>
      </c>
    </row>
    <row r="35" spans="2:156" ht="21" customHeight="1" x14ac:dyDescent="0.2">
      <c r="B35" s="166" t="s">
        <v>33</v>
      </c>
      <c r="C35" s="159">
        <v>0</v>
      </c>
      <c r="D35" s="160">
        <v>0</v>
      </c>
      <c r="E35" s="161">
        <v>0</v>
      </c>
      <c r="F35" s="162">
        <v>0</v>
      </c>
      <c r="G35" s="160">
        <v>36</v>
      </c>
      <c r="H35" s="160">
        <v>16</v>
      </c>
      <c r="I35" s="160">
        <v>13</v>
      </c>
      <c r="J35" s="160">
        <v>5</v>
      </c>
      <c r="K35" s="160">
        <v>6</v>
      </c>
      <c r="L35" s="163">
        <v>76</v>
      </c>
      <c r="M35" s="164">
        <v>76</v>
      </c>
      <c r="N35" s="159">
        <v>0</v>
      </c>
      <c r="O35" s="160">
        <v>0</v>
      </c>
      <c r="P35" s="165">
        <v>0</v>
      </c>
      <c r="Q35" s="162">
        <v>0</v>
      </c>
      <c r="R35" s="160">
        <v>1</v>
      </c>
      <c r="S35" s="160">
        <v>1</v>
      </c>
      <c r="T35" s="160">
        <v>1</v>
      </c>
      <c r="U35" s="160">
        <v>2</v>
      </c>
      <c r="V35" s="160">
        <v>4</v>
      </c>
      <c r="W35" s="165">
        <v>9</v>
      </c>
      <c r="X35" s="164">
        <v>9</v>
      </c>
      <c r="Y35" s="159">
        <v>2</v>
      </c>
      <c r="Z35" s="160">
        <v>6</v>
      </c>
      <c r="AA35" s="165">
        <v>8</v>
      </c>
      <c r="AB35" s="162">
        <v>0</v>
      </c>
      <c r="AC35" s="160">
        <v>24</v>
      </c>
      <c r="AD35" s="160">
        <v>14</v>
      </c>
      <c r="AE35" s="160">
        <v>8</v>
      </c>
      <c r="AF35" s="160">
        <v>6</v>
      </c>
      <c r="AG35" s="160">
        <v>4</v>
      </c>
      <c r="AH35" s="165">
        <v>56</v>
      </c>
      <c r="AI35" s="164">
        <v>64</v>
      </c>
      <c r="AJ35" s="159">
        <v>9</v>
      </c>
      <c r="AK35" s="160">
        <v>19</v>
      </c>
      <c r="AL35" s="165">
        <v>28</v>
      </c>
      <c r="AM35" s="162">
        <v>0</v>
      </c>
      <c r="AN35" s="160">
        <v>40</v>
      </c>
      <c r="AO35" s="160">
        <v>18</v>
      </c>
      <c r="AP35" s="160">
        <v>8</v>
      </c>
      <c r="AQ35" s="160">
        <v>6</v>
      </c>
      <c r="AR35" s="160">
        <v>2</v>
      </c>
      <c r="AS35" s="165">
        <v>74</v>
      </c>
      <c r="AT35" s="164">
        <v>102</v>
      </c>
      <c r="AU35" s="159">
        <v>9</v>
      </c>
      <c r="AV35" s="160">
        <v>6</v>
      </c>
      <c r="AW35" s="165">
        <v>15</v>
      </c>
      <c r="AX35" s="162">
        <v>0</v>
      </c>
      <c r="AY35" s="160">
        <v>34</v>
      </c>
      <c r="AZ35" s="160">
        <v>35</v>
      </c>
      <c r="BA35" s="160">
        <v>37</v>
      </c>
      <c r="BB35" s="160">
        <v>15</v>
      </c>
      <c r="BC35" s="160">
        <v>18</v>
      </c>
      <c r="BD35" s="163">
        <v>139</v>
      </c>
      <c r="BE35" s="164">
        <v>154</v>
      </c>
      <c r="BF35" s="159">
        <v>0</v>
      </c>
      <c r="BG35" s="160">
        <v>0</v>
      </c>
      <c r="BH35" s="165">
        <v>0</v>
      </c>
      <c r="BI35" s="162">
        <v>0</v>
      </c>
      <c r="BJ35" s="160">
        <v>8</v>
      </c>
      <c r="BK35" s="160">
        <v>10</v>
      </c>
      <c r="BL35" s="160">
        <v>7</v>
      </c>
      <c r="BM35" s="160">
        <v>3</v>
      </c>
      <c r="BN35" s="160">
        <v>3</v>
      </c>
      <c r="BO35" s="165">
        <v>31</v>
      </c>
      <c r="BP35" s="164">
        <v>31</v>
      </c>
      <c r="BQ35" s="159">
        <v>6</v>
      </c>
      <c r="BR35" s="160">
        <v>9</v>
      </c>
      <c r="BS35" s="165">
        <v>15</v>
      </c>
      <c r="BT35" s="162">
        <v>0</v>
      </c>
      <c r="BU35" s="160">
        <v>38</v>
      </c>
      <c r="BV35" s="160">
        <v>12</v>
      </c>
      <c r="BW35" s="160">
        <v>6</v>
      </c>
      <c r="BX35" s="160">
        <v>4</v>
      </c>
      <c r="BY35" s="160">
        <v>2</v>
      </c>
      <c r="BZ35" s="165">
        <v>62</v>
      </c>
      <c r="CA35" s="164">
        <v>77</v>
      </c>
      <c r="CB35" s="159">
        <v>0</v>
      </c>
      <c r="CC35" s="160">
        <v>0</v>
      </c>
      <c r="CD35" s="165">
        <v>0</v>
      </c>
      <c r="CE35" s="162">
        <v>0</v>
      </c>
      <c r="CF35" s="160">
        <v>8</v>
      </c>
      <c r="CG35" s="160">
        <v>8</v>
      </c>
      <c r="CH35" s="160">
        <v>7</v>
      </c>
      <c r="CI35" s="160">
        <v>4</v>
      </c>
      <c r="CJ35" s="160">
        <v>2</v>
      </c>
      <c r="CK35" s="165">
        <v>29</v>
      </c>
      <c r="CL35" s="164">
        <v>29</v>
      </c>
      <c r="CM35" s="159">
        <v>0</v>
      </c>
      <c r="CN35" s="160">
        <v>0</v>
      </c>
      <c r="CO35" s="165">
        <v>0</v>
      </c>
      <c r="CP35" s="162">
        <v>0</v>
      </c>
      <c r="CQ35" s="160">
        <v>2</v>
      </c>
      <c r="CR35" s="160">
        <v>1</v>
      </c>
      <c r="CS35" s="160">
        <v>0</v>
      </c>
      <c r="CT35" s="160">
        <v>0</v>
      </c>
      <c r="CU35" s="160">
        <v>1</v>
      </c>
      <c r="CV35" s="165">
        <v>4</v>
      </c>
      <c r="CW35" s="164">
        <v>4</v>
      </c>
      <c r="CX35" s="159">
        <v>0</v>
      </c>
      <c r="CY35" s="160">
        <v>0</v>
      </c>
      <c r="CZ35" s="165">
        <v>0</v>
      </c>
      <c r="DA35" s="162">
        <v>0</v>
      </c>
      <c r="DB35" s="160">
        <v>0</v>
      </c>
      <c r="DC35" s="160">
        <v>0</v>
      </c>
      <c r="DD35" s="160">
        <v>0</v>
      </c>
      <c r="DE35" s="160">
        <v>0</v>
      </c>
      <c r="DF35" s="160">
        <v>0</v>
      </c>
      <c r="DG35" s="165">
        <v>0</v>
      </c>
      <c r="DH35" s="164">
        <v>0</v>
      </c>
      <c r="DI35" s="159">
        <v>0</v>
      </c>
      <c r="DJ35" s="160">
        <v>0</v>
      </c>
      <c r="DK35" s="165">
        <v>0</v>
      </c>
      <c r="DL35" s="162">
        <v>0</v>
      </c>
      <c r="DM35" s="160">
        <v>0</v>
      </c>
      <c r="DN35" s="160">
        <v>0</v>
      </c>
      <c r="DO35" s="160">
        <v>0</v>
      </c>
      <c r="DP35" s="160">
        <v>0</v>
      </c>
      <c r="DQ35" s="160">
        <v>0</v>
      </c>
      <c r="DR35" s="165">
        <v>0</v>
      </c>
      <c r="DS35" s="164">
        <v>0</v>
      </c>
      <c r="DT35" s="159">
        <v>20</v>
      </c>
      <c r="DU35" s="160">
        <v>28</v>
      </c>
      <c r="DV35" s="165">
        <v>48</v>
      </c>
      <c r="DW35" s="162">
        <v>0</v>
      </c>
      <c r="DX35" s="160">
        <v>77</v>
      </c>
      <c r="DY35" s="160">
        <v>51</v>
      </c>
      <c r="DZ35" s="160">
        <v>27</v>
      </c>
      <c r="EA35" s="160">
        <v>17</v>
      </c>
      <c r="EB35" s="160">
        <v>13</v>
      </c>
      <c r="EC35" s="165">
        <v>185</v>
      </c>
      <c r="ED35" s="164">
        <v>233</v>
      </c>
      <c r="EE35" s="159">
        <v>3</v>
      </c>
      <c r="EF35" s="160">
        <v>1</v>
      </c>
      <c r="EG35" s="165">
        <v>4</v>
      </c>
      <c r="EH35" s="162">
        <v>0</v>
      </c>
      <c r="EI35" s="160">
        <v>17</v>
      </c>
      <c r="EJ35" s="160">
        <v>17</v>
      </c>
      <c r="EK35" s="160">
        <v>20</v>
      </c>
      <c r="EL35" s="160">
        <v>4</v>
      </c>
      <c r="EM35" s="160">
        <v>8</v>
      </c>
      <c r="EN35" s="165">
        <v>66</v>
      </c>
      <c r="EO35" s="164">
        <v>70</v>
      </c>
      <c r="EP35" s="159">
        <v>32</v>
      </c>
      <c r="EQ35" s="160">
        <v>46</v>
      </c>
      <c r="ER35" s="165">
        <v>78</v>
      </c>
      <c r="ES35" s="162">
        <v>0</v>
      </c>
      <c r="ET35" s="160">
        <v>143</v>
      </c>
      <c r="EU35" s="160">
        <v>69</v>
      </c>
      <c r="EV35" s="160">
        <v>35</v>
      </c>
      <c r="EW35" s="160">
        <v>24</v>
      </c>
      <c r="EX35" s="160">
        <v>14</v>
      </c>
      <c r="EY35" s="165">
        <v>285</v>
      </c>
      <c r="EZ35" s="164">
        <v>363</v>
      </c>
    </row>
    <row r="36" spans="2:156" ht="21" customHeight="1" x14ac:dyDescent="0.2">
      <c r="B36" s="166" t="s">
        <v>34</v>
      </c>
      <c r="C36" s="159">
        <v>0</v>
      </c>
      <c r="D36" s="160">
        <v>0</v>
      </c>
      <c r="E36" s="161">
        <v>0</v>
      </c>
      <c r="F36" s="162">
        <v>0</v>
      </c>
      <c r="G36" s="160">
        <v>13</v>
      </c>
      <c r="H36" s="160">
        <v>12</v>
      </c>
      <c r="I36" s="160">
        <v>9</v>
      </c>
      <c r="J36" s="160">
        <v>6</v>
      </c>
      <c r="K36" s="160">
        <v>5</v>
      </c>
      <c r="L36" s="163">
        <v>45</v>
      </c>
      <c r="M36" s="164">
        <v>45</v>
      </c>
      <c r="N36" s="159">
        <v>0</v>
      </c>
      <c r="O36" s="160">
        <v>0</v>
      </c>
      <c r="P36" s="165">
        <v>0</v>
      </c>
      <c r="Q36" s="162">
        <v>0</v>
      </c>
      <c r="R36" s="160">
        <v>0</v>
      </c>
      <c r="S36" s="160">
        <v>0</v>
      </c>
      <c r="T36" s="160">
        <v>0</v>
      </c>
      <c r="U36" s="160">
        <v>1</v>
      </c>
      <c r="V36" s="160">
        <v>6</v>
      </c>
      <c r="W36" s="165">
        <v>7</v>
      </c>
      <c r="X36" s="164">
        <v>7</v>
      </c>
      <c r="Y36" s="159">
        <v>6</v>
      </c>
      <c r="Z36" s="160">
        <v>7</v>
      </c>
      <c r="AA36" s="165">
        <v>13</v>
      </c>
      <c r="AB36" s="162">
        <v>0</v>
      </c>
      <c r="AC36" s="160">
        <v>17</v>
      </c>
      <c r="AD36" s="160">
        <v>13</v>
      </c>
      <c r="AE36" s="160">
        <v>7</v>
      </c>
      <c r="AF36" s="160">
        <v>3</v>
      </c>
      <c r="AG36" s="160">
        <v>11</v>
      </c>
      <c r="AH36" s="165">
        <v>51</v>
      </c>
      <c r="AI36" s="164">
        <v>64</v>
      </c>
      <c r="AJ36" s="159">
        <v>0</v>
      </c>
      <c r="AK36" s="160">
        <v>0</v>
      </c>
      <c r="AL36" s="165">
        <v>0</v>
      </c>
      <c r="AM36" s="162">
        <v>0</v>
      </c>
      <c r="AN36" s="160">
        <v>3</v>
      </c>
      <c r="AO36" s="160">
        <v>3</v>
      </c>
      <c r="AP36" s="160">
        <v>2</v>
      </c>
      <c r="AQ36" s="160">
        <v>4</v>
      </c>
      <c r="AR36" s="160">
        <v>3</v>
      </c>
      <c r="AS36" s="165">
        <v>15</v>
      </c>
      <c r="AT36" s="164">
        <v>15</v>
      </c>
      <c r="AU36" s="159">
        <v>10</v>
      </c>
      <c r="AV36" s="160">
        <v>5</v>
      </c>
      <c r="AW36" s="165">
        <v>15</v>
      </c>
      <c r="AX36" s="162">
        <v>0</v>
      </c>
      <c r="AY36" s="160">
        <v>28</v>
      </c>
      <c r="AZ36" s="160">
        <v>33</v>
      </c>
      <c r="BA36" s="160">
        <v>21</v>
      </c>
      <c r="BB36" s="160">
        <v>22</v>
      </c>
      <c r="BC36" s="160">
        <v>20</v>
      </c>
      <c r="BD36" s="163">
        <v>124</v>
      </c>
      <c r="BE36" s="164">
        <v>139</v>
      </c>
      <c r="BF36" s="159">
        <v>0</v>
      </c>
      <c r="BG36" s="160">
        <v>0</v>
      </c>
      <c r="BH36" s="165">
        <v>0</v>
      </c>
      <c r="BI36" s="162">
        <v>0</v>
      </c>
      <c r="BJ36" s="160">
        <v>29</v>
      </c>
      <c r="BK36" s="160">
        <v>14</v>
      </c>
      <c r="BL36" s="160">
        <v>17</v>
      </c>
      <c r="BM36" s="160">
        <v>10</v>
      </c>
      <c r="BN36" s="160">
        <v>3</v>
      </c>
      <c r="BO36" s="165">
        <v>73</v>
      </c>
      <c r="BP36" s="164">
        <v>73</v>
      </c>
      <c r="BQ36" s="159">
        <v>0</v>
      </c>
      <c r="BR36" s="160">
        <v>2</v>
      </c>
      <c r="BS36" s="165">
        <v>2</v>
      </c>
      <c r="BT36" s="162">
        <v>0</v>
      </c>
      <c r="BU36" s="160">
        <v>11</v>
      </c>
      <c r="BV36" s="160">
        <v>2</v>
      </c>
      <c r="BW36" s="160">
        <v>0</v>
      </c>
      <c r="BX36" s="160">
        <v>1</v>
      </c>
      <c r="BY36" s="160">
        <v>0</v>
      </c>
      <c r="BZ36" s="165">
        <v>14</v>
      </c>
      <c r="CA36" s="164">
        <v>16</v>
      </c>
      <c r="CB36" s="159">
        <v>0</v>
      </c>
      <c r="CC36" s="160">
        <v>0</v>
      </c>
      <c r="CD36" s="165">
        <v>0</v>
      </c>
      <c r="CE36" s="162">
        <v>0</v>
      </c>
      <c r="CF36" s="160">
        <v>5</v>
      </c>
      <c r="CG36" s="160">
        <v>2</v>
      </c>
      <c r="CH36" s="160">
        <v>4</v>
      </c>
      <c r="CI36" s="160">
        <v>3</v>
      </c>
      <c r="CJ36" s="160">
        <v>1</v>
      </c>
      <c r="CK36" s="165">
        <v>15</v>
      </c>
      <c r="CL36" s="164">
        <v>15</v>
      </c>
      <c r="CM36" s="159">
        <v>0</v>
      </c>
      <c r="CN36" s="160">
        <v>0</v>
      </c>
      <c r="CO36" s="165">
        <v>0</v>
      </c>
      <c r="CP36" s="162">
        <v>0</v>
      </c>
      <c r="CQ36" s="160">
        <v>1</v>
      </c>
      <c r="CR36" s="160">
        <v>0</v>
      </c>
      <c r="CS36" s="160">
        <v>0</v>
      </c>
      <c r="CT36" s="160">
        <v>0</v>
      </c>
      <c r="CU36" s="160">
        <v>0</v>
      </c>
      <c r="CV36" s="165">
        <v>1</v>
      </c>
      <c r="CW36" s="164">
        <v>1</v>
      </c>
      <c r="CX36" s="159">
        <v>0</v>
      </c>
      <c r="CY36" s="160">
        <v>0</v>
      </c>
      <c r="CZ36" s="165">
        <v>0</v>
      </c>
      <c r="DA36" s="162">
        <v>0</v>
      </c>
      <c r="DB36" s="160">
        <v>0</v>
      </c>
      <c r="DC36" s="160">
        <v>0</v>
      </c>
      <c r="DD36" s="160">
        <v>0</v>
      </c>
      <c r="DE36" s="160">
        <v>0</v>
      </c>
      <c r="DF36" s="160">
        <v>0</v>
      </c>
      <c r="DG36" s="165">
        <v>0</v>
      </c>
      <c r="DH36" s="164">
        <v>0</v>
      </c>
      <c r="DI36" s="159">
        <v>0</v>
      </c>
      <c r="DJ36" s="160">
        <v>0</v>
      </c>
      <c r="DK36" s="165">
        <v>0</v>
      </c>
      <c r="DL36" s="162">
        <v>0</v>
      </c>
      <c r="DM36" s="160">
        <v>0</v>
      </c>
      <c r="DN36" s="160">
        <v>0</v>
      </c>
      <c r="DO36" s="160">
        <v>0</v>
      </c>
      <c r="DP36" s="160">
        <v>0</v>
      </c>
      <c r="DQ36" s="160">
        <v>0</v>
      </c>
      <c r="DR36" s="165">
        <v>0</v>
      </c>
      <c r="DS36" s="164">
        <v>0</v>
      </c>
      <c r="DT36" s="159">
        <v>13</v>
      </c>
      <c r="DU36" s="160">
        <v>24</v>
      </c>
      <c r="DV36" s="165">
        <v>37</v>
      </c>
      <c r="DW36" s="162">
        <v>0</v>
      </c>
      <c r="DX36" s="160">
        <v>54</v>
      </c>
      <c r="DY36" s="160">
        <v>43</v>
      </c>
      <c r="DZ36" s="160">
        <v>29</v>
      </c>
      <c r="EA36" s="160">
        <v>20</v>
      </c>
      <c r="EB36" s="160">
        <v>18</v>
      </c>
      <c r="EC36" s="165">
        <v>164</v>
      </c>
      <c r="ED36" s="164">
        <v>201</v>
      </c>
      <c r="EE36" s="159">
        <v>6</v>
      </c>
      <c r="EF36" s="160">
        <v>3</v>
      </c>
      <c r="EG36" s="165">
        <v>9</v>
      </c>
      <c r="EH36" s="162">
        <v>0</v>
      </c>
      <c r="EI36" s="160">
        <v>12</v>
      </c>
      <c r="EJ36" s="160">
        <v>9</v>
      </c>
      <c r="EK36" s="160">
        <v>2</v>
      </c>
      <c r="EL36" s="160">
        <v>9</v>
      </c>
      <c r="EM36" s="160">
        <v>3</v>
      </c>
      <c r="EN36" s="165">
        <v>35</v>
      </c>
      <c r="EO36" s="164">
        <v>44</v>
      </c>
      <c r="EP36" s="159">
        <v>16</v>
      </c>
      <c r="EQ36" s="160">
        <v>26</v>
      </c>
      <c r="ER36" s="165">
        <v>42</v>
      </c>
      <c r="ES36" s="162">
        <v>0</v>
      </c>
      <c r="ET36" s="160">
        <v>85</v>
      </c>
      <c r="EU36" s="160">
        <v>44</v>
      </c>
      <c r="EV36" s="160">
        <v>25</v>
      </c>
      <c r="EW36" s="160">
        <v>21</v>
      </c>
      <c r="EX36" s="160">
        <v>15</v>
      </c>
      <c r="EY36" s="165">
        <v>190</v>
      </c>
      <c r="EZ36" s="164">
        <v>232</v>
      </c>
    </row>
    <row r="37" spans="2:156" ht="21" customHeight="1" x14ac:dyDescent="0.2">
      <c r="B37" s="166" t="s">
        <v>35</v>
      </c>
      <c r="C37" s="159">
        <v>0</v>
      </c>
      <c r="D37" s="160">
        <v>0</v>
      </c>
      <c r="E37" s="161">
        <v>0</v>
      </c>
      <c r="F37" s="162">
        <v>0</v>
      </c>
      <c r="G37" s="160">
        <v>120</v>
      </c>
      <c r="H37" s="160">
        <v>65</v>
      </c>
      <c r="I37" s="160">
        <v>33</v>
      </c>
      <c r="J37" s="160">
        <v>31</v>
      </c>
      <c r="K37" s="160">
        <v>28</v>
      </c>
      <c r="L37" s="163">
        <v>277</v>
      </c>
      <c r="M37" s="164">
        <v>277</v>
      </c>
      <c r="N37" s="159">
        <v>0</v>
      </c>
      <c r="O37" s="160">
        <v>0</v>
      </c>
      <c r="P37" s="165">
        <v>0</v>
      </c>
      <c r="Q37" s="162">
        <v>0</v>
      </c>
      <c r="R37" s="160">
        <v>0</v>
      </c>
      <c r="S37" s="160">
        <v>2</v>
      </c>
      <c r="T37" s="160">
        <v>3</v>
      </c>
      <c r="U37" s="160">
        <v>14</v>
      </c>
      <c r="V37" s="160">
        <v>12</v>
      </c>
      <c r="W37" s="165">
        <v>31</v>
      </c>
      <c r="X37" s="164">
        <v>31</v>
      </c>
      <c r="Y37" s="159">
        <v>6</v>
      </c>
      <c r="Z37" s="160">
        <v>20</v>
      </c>
      <c r="AA37" s="165">
        <v>26</v>
      </c>
      <c r="AB37" s="162">
        <v>0</v>
      </c>
      <c r="AC37" s="160">
        <v>60</v>
      </c>
      <c r="AD37" s="160">
        <v>44</v>
      </c>
      <c r="AE37" s="160">
        <v>29</v>
      </c>
      <c r="AF37" s="160">
        <v>25</v>
      </c>
      <c r="AG37" s="160">
        <v>22</v>
      </c>
      <c r="AH37" s="165">
        <v>180</v>
      </c>
      <c r="AI37" s="164">
        <v>206</v>
      </c>
      <c r="AJ37" s="159">
        <v>8</v>
      </c>
      <c r="AK37" s="160">
        <v>14</v>
      </c>
      <c r="AL37" s="165">
        <v>22</v>
      </c>
      <c r="AM37" s="162">
        <v>0</v>
      </c>
      <c r="AN37" s="160">
        <v>19</v>
      </c>
      <c r="AO37" s="160">
        <v>12</v>
      </c>
      <c r="AP37" s="160">
        <v>12</v>
      </c>
      <c r="AQ37" s="160">
        <v>12</v>
      </c>
      <c r="AR37" s="160">
        <v>7</v>
      </c>
      <c r="AS37" s="165">
        <v>62</v>
      </c>
      <c r="AT37" s="164">
        <v>84</v>
      </c>
      <c r="AU37" s="159">
        <v>17</v>
      </c>
      <c r="AV37" s="160">
        <v>21</v>
      </c>
      <c r="AW37" s="165">
        <v>38</v>
      </c>
      <c r="AX37" s="162">
        <v>0</v>
      </c>
      <c r="AY37" s="160">
        <v>101</v>
      </c>
      <c r="AZ37" s="160">
        <v>73</v>
      </c>
      <c r="BA37" s="160">
        <v>72</v>
      </c>
      <c r="BB37" s="160">
        <v>89</v>
      </c>
      <c r="BC37" s="160">
        <v>52</v>
      </c>
      <c r="BD37" s="163">
        <v>387</v>
      </c>
      <c r="BE37" s="164">
        <v>425</v>
      </c>
      <c r="BF37" s="159">
        <v>0</v>
      </c>
      <c r="BG37" s="160">
        <v>0</v>
      </c>
      <c r="BH37" s="165">
        <v>0</v>
      </c>
      <c r="BI37" s="162">
        <v>0</v>
      </c>
      <c r="BJ37" s="160">
        <v>154</v>
      </c>
      <c r="BK37" s="160">
        <v>70</v>
      </c>
      <c r="BL37" s="160">
        <v>49</v>
      </c>
      <c r="BM37" s="160">
        <v>30</v>
      </c>
      <c r="BN37" s="160">
        <v>20</v>
      </c>
      <c r="BO37" s="165">
        <v>323</v>
      </c>
      <c r="BP37" s="164">
        <v>323</v>
      </c>
      <c r="BQ37" s="159">
        <v>11</v>
      </c>
      <c r="BR37" s="160">
        <v>21</v>
      </c>
      <c r="BS37" s="165">
        <v>32</v>
      </c>
      <c r="BT37" s="162">
        <v>0</v>
      </c>
      <c r="BU37" s="160">
        <v>66</v>
      </c>
      <c r="BV37" s="160">
        <v>34</v>
      </c>
      <c r="BW37" s="160">
        <v>18</v>
      </c>
      <c r="BX37" s="160">
        <v>7</v>
      </c>
      <c r="BY37" s="160">
        <v>3</v>
      </c>
      <c r="BZ37" s="165">
        <v>128</v>
      </c>
      <c r="CA37" s="164">
        <v>160</v>
      </c>
      <c r="CB37" s="159">
        <v>1</v>
      </c>
      <c r="CC37" s="160">
        <v>1</v>
      </c>
      <c r="CD37" s="165">
        <v>2</v>
      </c>
      <c r="CE37" s="162">
        <v>0</v>
      </c>
      <c r="CF37" s="160">
        <v>9</v>
      </c>
      <c r="CG37" s="160">
        <v>6</v>
      </c>
      <c r="CH37" s="160">
        <v>11</v>
      </c>
      <c r="CI37" s="160">
        <v>9</v>
      </c>
      <c r="CJ37" s="160">
        <v>8</v>
      </c>
      <c r="CK37" s="165">
        <v>43</v>
      </c>
      <c r="CL37" s="164">
        <v>45</v>
      </c>
      <c r="CM37" s="159">
        <v>0</v>
      </c>
      <c r="CN37" s="160">
        <v>0</v>
      </c>
      <c r="CO37" s="165">
        <v>0</v>
      </c>
      <c r="CP37" s="162">
        <v>0</v>
      </c>
      <c r="CQ37" s="160">
        <v>3</v>
      </c>
      <c r="CR37" s="160">
        <v>3</v>
      </c>
      <c r="CS37" s="160">
        <v>3</v>
      </c>
      <c r="CT37" s="160">
        <v>1</v>
      </c>
      <c r="CU37" s="160">
        <v>1</v>
      </c>
      <c r="CV37" s="165">
        <v>11</v>
      </c>
      <c r="CW37" s="164">
        <v>11</v>
      </c>
      <c r="CX37" s="159">
        <v>0</v>
      </c>
      <c r="CY37" s="160">
        <v>0</v>
      </c>
      <c r="CZ37" s="165">
        <v>0</v>
      </c>
      <c r="DA37" s="162">
        <v>0</v>
      </c>
      <c r="DB37" s="160">
        <v>0</v>
      </c>
      <c r="DC37" s="160">
        <v>0</v>
      </c>
      <c r="DD37" s="160">
        <v>0</v>
      </c>
      <c r="DE37" s="160">
        <v>0</v>
      </c>
      <c r="DF37" s="160">
        <v>0</v>
      </c>
      <c r="DG37" s="165">
        <v>0</v>
      </c>
      <c r="DH37" s="164">
        <v>0</v>
      </c>
      <c r="DI37" s="159">
        <v>0</v>
      </c>
      <c r="DJ37" s="160">
        <v>0</v>
      </c>
      <c r="DK37" s="165">
        <v>0</v>
      </c>
      <c r="DL37" s="162">
        <v>0</v>
      </c>
      <c r="DM37" s="160">
        <v>0</v>
      </c>
      <c r="DN37" s="160">
        <v>0</v>
      </c>
      <c r="DO37" s="160">
        <v>0</v>
      </c>
      <c r="DP37" s="160">
        <v>0</v>
      </c>
      <c r="DQ37" s="160">
        <v>0</v>
      </c>
      <c r="DR37" s="165">
        <v>0</v>
      </c>
      <c r="DS37" s="164">
        <v>0</v>
      </c>
      <c r="DT37" s="159">
        <v>61</v>
      </c>
      <c r="DU37" s="160">
        <v>102</v>
      </c>
      <c r="DV37" s="165">
        <v>163</v>
      </c>
      <c r="DW37" s="162">
        <v>0</v>
      </c>
      <c r="DX37" s="160">
        <v>185</v>
      </c>
      <c r="DY37" s="160">
        <v>152</v>
      </c>
      <c r="DZ37" s="160">
        <v>88</v>
      </c>
      <c r="EA37" s="160">
        <v>63</v>
      </c>
      <c r="EB37" s="160">
        <v>45</v>
      </c>
      <c r="EC37" s="165">
        <v>533</v>
      </c>
      <c r="ED37" s="164">
        <v>696</v>
      </c>
      <c r="EE37" s="159">
        <v>15</v>
      </c>
      <c r="EF37" s="160">
        <v>12</v>
      </c>
      <c r="EG37" s="165">
        <v>27</v>
      </c>
      <c r="EH37" s="162">
        <v>0</v>
      </c>
      <c r="EI37" s="160">
        <v>40</v>
      </c>
      <c r="EJ37" s="160">
        <v>13</v>
      </c>
      <c r="EK37" s="160">
        <v>18</v>
      </c>
      <c r="EL37" s="160">
        <v>36</v>
      </c>
      <c r="EM37" s="160">
        <v>10</v>
      </c>
      <c r="EN37" s="165">
        <v>117</v>
      </c>
      <c r="EO37" s="164">
        <v>144</v>
      </c>
      <c r="EP37" s="159">
        <v>73</v>
      </c>
      <c r="EQ37" s="160">
        <v>135</v>
      </c>
      <c r="ER37" s="165">
        <v>208</v>
      </c>
      <c r="ES37" s="162">
        <v>0</v>
      </c>
      <c r="ET37" s="160">
        <v>313</v>
      </c>
      <c r="EU37" s="160">
        <v>175</v>
      </c>
      <c r="EV37" s="160">
        <v>99</v>
      </c>
      <c r="EW37" s="160">
        <v>71</v>
      </c>
      <c r="EX37" s="160">
        <v>44</v>
      </c>
      <c r="EY37" s="165">
        <v>702</v>
      </c>
      <c r="EZ37" s="164">
        <v>910</v>
      </c>
    </row>
    <row r="38" spans="2:156" ht="21" customHeight="1" x14ac:dyDescent="0.2">
      <c r="B38" s="166" t="s">
        <v>36</v>
      </c>
      <c r="C38" s="159">
        <v>0</v>
      </c>
      <c r="D38" s="160">
        <v>0</v>
      </c>
      <c r="E38" s="161">
        <v>0</v>
      </c>
      <c r="F38" s="162">
        <v>0</v>
      </c>
      <c r="G38" s="160">
        <v>56</v>
      </c>
      <c r="H38" s="160">
        <v>73</v>
      </c>
      <c r="I38" s="160">
        <v>48</v>
      </c>
      <c r="J38" s="160">
        <v>25</v>
      </c>
      <c r="K38" s="160">
        <v>37</v>
      </c>
      <c r="L38" s="163">
        <v>239</v>
      </c>
      <c r="M38" s="164">
        <v>239</v>
      </c>
      <c r="N38" s="159">
        <v>0</v>
      </c>
      <c r="O38" s="160">
        <v>1</v>
      </c>
      <c r="P38" s="165">
        <v>1</v>
      </c>
      <c r="Q38" s="162">
        <v>0</v>
      </c>
      <c r="R38" s="160">
        <v>3</v>
      </c>
      <c r="S38" s="160">
        <v>4</v>
      </c>
      <c r="T38" s="160">
        <v>10</v>
      </c>
      <c r="U38" s="160">
        <v>7</v>
      </c>
      <c r="V38" s="160">
        <v>14</v>
      </c>
      <c r="W38" s="165">
        <v>38</v>
      </c>
      <c r="X38" s="164">
        <v>39</v>
      </c>
      <c r="Y38" s="159">
        <v>7</v>
      </c>
      <c r="Z38" s="160">
        <v>23</v>
      </c>
      <c r="AA38" s="165">
        <v>30</v>
      </c>
      <c r="AB38" s="162">
        <v>0</v>
      </c>
      <c r="AC38" s="160">
        <v>60</v>
      </c>
      <c r="AD38" s="160">
        <v>53</v>
      </c>
      <c r="AE38" s="160">
        <v>46</v>
      </c>
      <c r="AF38" s="160">
        <v>25</v>
      </c>
      <c r="AG38" s="160">
        <v>37</v>
      </c>
      <c r="AH38" s="165">
        <v>221</v>
      </c>
      <c r="AI38" s="164">
        <v>251</v>
      </c>
      <c r="AJ38" s="159">
        <v>2</v>
      </c>
      <c r="AK38" s="160">
        <v>13</v>
      </c>
      <c r="AL38" s="165">
        <v>15</v>
      </c>
      <c r="AM38" s="162">
        <v>0</v>
      </c>
      <c r="AN38" s="160">
        <v>20</v>
      </c>
      <c r="AO38" s="160">
        <v>17</v>
      </c>
      <c r="AP38" s="160">
        <v>5</v>
      </c>
      <c r="AQ38" s="160">
        <v>6</v>
      </c>
      <c r="AR38" s="160">
        <v>7</v>
      </c>
      <c r="AS38" s="165">
        <v>55</v>
      </c>
      <c r="AT38" s="164">
        <v>70</v>
      </c>
      <c r="AU38" s="159">
        <v>5</v>
      </c>
      <c r="AV38" s="160">
        <v>10</v>
      </c>
      <c r="AW38" s="165">
        <v>15</v>
      </c>
      <c r="AX38" s="162">
        <v>0</v>
      </c>
      <c r="AY38" s="160">
        <v>53</v>
      </c>
      <c r="AZ38" s="160">
        <v>99</v>
      </c>
      <c r="BA38" s="160">
        <v>80</v>
      </c>
      <c r="BB38" s="160">
        <v>54</v>
      </c>
      <c r="BC38" s="160">
        <v>58</v>
      </c>
      <c r="BD38" s="163">
        <v>344</v>
      </c>
      <c r="BE38" s="164">
        <v>359</v>
      </c>
      <c r="BF38" s="159">
        <v>0</v>
      </c>
      <c r="BG38" s="160">
        <v>0</v>
      </c>
      <c r="BH38" s="165">
        <v>0</v>
      </c>
      <c r="BI38" s="162">
        <v>0</v>
      </c>
      <c r="BJ38" s="160">
        <v>86</v>
      </c>
      <c r="BK38" s="160">
        <v>84</v>
      </c>
      <c r="BL38" s="160">
        <v>51</v>
      </c>
      <c r="BM38" s="160">
        <v>31</v>
      </c>
      <c r="BN38" s="160">
        <v>20</v>
      </c>
      <c r="BO38" s="165">
        <v>272</v>
      </c>
      <c r="BP38" s="164">
        <v>272</v>
      </c>
      <c r="BQ38" s="159">
        <v>7</v>
      </c>
      <c r="BR38" s="160">
        <v>9</v>
      </c>
      <c r="BS38" s="165">
        <v>16</v>
      </c>
      <c r="BT38" s="162">
        <v>0</v>
      </c>
      <c r="BU38" s="160">
        <v>35</v>
      </c>
      <c r="BV38" s="160">
        <v>38</v>
      </c>
      <c r="BW38" s="160">
        <v>25</v>
      </c>
      <c r="BX38" s="160">
        <v>9</v>
      </c>
      <c r="BY38" s="160">
        <v>4</v>
      </c>
      <c r="BZ38" s="165">
        <v>111</v>
      </c>
      <c r="CA38" s="164">
        <v>127</v>
      </c>
      <c r="CB38" s="159">
        <v>0</v>
      </c>
      <c r="CC38" s="160">
        <v>2</v>
      </c>
      <c r="CD38" s="165">
        <v>2</v>
      </c>
      <c r="CE38" s="162">
        <v>0</v>
      </c>
      <c r="CF38" s="160">
        <v>8</v>
      </c>
      <c r="CG38" s="160">
        <v>23</v>
      </c>
      <c r="CH38" s="160">
        <v>18</v>
      </c>
      <c r="CI38" s="160">
        <v>16</v>
      </c>
      <c r="CJ38" s="160">
        <v>12</v>
      </c>
      <c r="CK38" s="165">
        <v>77</v>
      </c>
      <c r="CL38" s="164">
        <v>79</v>
      </c>
      <c r="CM38" s="159">
        <v>0</v>
      </c>
      <c r="CN38" s="160">
        <v>0</v>
      </c>
      <c r="CO38" s="165">
        <v>0</v>
      </c>
      <c r="CP38" s="162">
        <v>0</v>
      </c>
      <c r="CQ38" s="160">
        <v>1</v>
      </c>
      <c r="CR38" s="160">
        <v>1</v>
      </c>
      <c r="CS38" s="160">
        <v>1</v>
      </c>
      <c r="CT38" s="160">
        <v>2</v>
      </c>
      <c r="CU38" s="160">
        <v>0</v>
      </c>
      <c r="CV38" s="165">
        <v>5</v>
      </c>
      <c r="CW38" s="164">
        <v>5</v>
      </c>
      <c r="CX38" s="159">
        <v>0</v>
      </c>
      <c r="CY38" s="160">
        <v>0</v>
      </c>
      <c r="CZ38" s="165">
        <v>0</v>
      </c>
      <c r="DA38" s="162">
        <v>0</v>
      </c>
      <c r="DB38" s="160">
        <v>0</v>
      </c>
      <c r="DC38" s="160">
        <v>0</v>
      </c>
      <c r="DD38" s="160">
        <v>0</v>
      </c>
      <c r="DE38" s="160">
        <v>0</v>
      </c>
      <c r="DF38" s="160">
        <v>0</v>
      </c>
      <c r="DG38" s="165">
        <v>0</v>
      </c>
      <c r="DH38" s="164">
        <v>0</v>
      </c>
      <c r="DI38" s="159">
        <v>0</v>
      </c>
      <c r="DJ38" s="160">
        <v>0</v>
      </c>
      <c r="DK38" s="165">
        <v>0</v>
      </c>
      <c r="DL38" s="162">
        <v>0</v>
      </c>
      <c r="DM38" s="160">
        <v>0</v>
      </c>
      <c r="DN38" s="160">
        <v>0</v>
      </c>
      <c r="DO38" s="160">
        <v>0</v>
      </c>
      <c r="DP38" s="160">
        <v>0</v>
      </c>
      <c r="DQ38" s="160">
        <v>0</v>
      </c>
      <c r="DR38" s="165">
        <v>0</v>
      </c>
      <c r="DS38" s="164">
        <v>0</v>
      </c>
      <c r="DT38" s="159">
        <v>38</v>
      </c>
      <c r="DU38" s="160">
        <v>121</v>
      </c>
      <c r="DV38" s="165">
        <v>159</v>
      </c>
      <c r="DW38" s="162">
        <v>0</v>
      </c>
      <c r="DX38" s="160">
        <v>164</v>
      </c>
      <c r="DY38" s="160">
        <v>192</v>
      </c>
      <c r="DZ38" s="160">
        <v>131</v>
      </c>
      <c r="EA38" s="160">
        <v>72</v>
      </c>
      <c r="EB38" s="160">
        <v>62</v>
      </c>
      <c r="EC38" s="165">
        <v>621</v>
      </c>
      <c r="ED38" s="164">
        <v>780</v>
      </c>
      <c r="EE38" s="159">
        <v>3</v>
      </c>
      <c r="EF38" s="160">
        <v>2</v>
      </c>
      <c r="EG38" s="165">
        <v>5</v>
      </c>
      <c r="EH38" s="162">
        <v>0</v>
      </c>
      <c r="EI38" s="160">
        <v>19</v>
      </c>
      <c r="EJ38" s="160">
        <v>15</v>
      </c>
      <c r="EK38" s="160">
        <v>14</v>
      </c>
      <c r="EL38" s="160">
        <v>10</v>
      </c>
      <c r="EM38" s="160">
        <v>4</v>
      </c>
      <c r="EN38" s="165">
        <v>62</v>
      </c>
      <c r="EO38" s="164">
        <v>67</v>
      </c>
      <c r="EP38" s="159">
        <v>48</v>
      </c>
      <c r="EQ38" s="160">
        <v>143</v>
      </c>
      <c r="ER38" s="165">
        <v>191</v>
      </c>
      <c r="ES38" s="162">
        <v>0</v>
      </c>
      <c r="ET38" s="160">
        <v>269</v>
      </c>
      <c r="EU38" s="160">
        <v>255</v>
      </c>
      <c r="EV38" s="160">
        <v>159</v>
      </c>
      <c r="EW38" s="160">
        <v>84</v>
      </c>
      <c r="EX38" s="160">
        <v>76</v>
      </c>
      <c r="EY38" s="165">
        <v>843</v>
      </c>
      <c r="EZ38" s="164">
        <v>1034</v>
      </c>
    </row>
    <row r="39" spans="2:156" ht="21" customHeight="1" thickBot="1" x14ac:dyDescent="0.25">
      <c r="B39" s="167" t="s">
        <v>37</v>
      </c>
      <c r="C39" s="168">
        <v>0</v>
      </c>
      <c r="D39" s="169">
        <v>0</v>
      </c>
      <c r="E39" s="170">
        <v>0</v>
      </c>
      <c r="F39" s="171">
        <v>0</v>
      </c>
      <c r="G39" s="169">
        <v>5</v>
      </c>
      <c r="H39" s="169">
        <v>5</v>
      </c>
      <c r="I39" s="169">
        <v>6</v>
      </c>
      <c r="J39" s="169">
        <v>1</v>
      </c>
      <c r="K39" s="169">
        <v>2</v>
      </c>
      <c r="L39" s="172">
        <v>19</v>
      </c>
      <c r="M39" s="173">
        <v>19</v>
      </c>
      <c r="N39" s="168">
        <v>0</v>
      </c>
      <c r="O39" s="169">
        <v>0</v>
      </c>
      <c r="P39" s="174">
        <v>0</v>
      </c>
      <c r="Q39" s="171">
        <v>0</v>
      </c>
      <c r="R39" s="169">
        <v>0</v>
      </c>
      <c r="S39" s="169">
        <v>0</v>
      </c>
      <c r="T39" s="169">
        <v>0</v>
      </c>
      <c r="U39" s="169">
        <v>0</v>
      </c>
      <c r="V39" s="169">
        <v>1</v>
      </c>
      <c r="W39" s="174">
        <v>1</v>
      </c>
      <c r="X39" s="173">
        <v>1</v>
      </c>
      <c r="Y39" s="168">
        <v>2</v>
      </c>
      <c r="Z39" s="169">
        <v>1</v>
      </c>
      <c r="AA39" s="174">
        <v>3</v>
      </c>
      <c r="AB39" s="171">
        <v>0</v>
      </c>
      <c r="AC39" s="169">
        <v>5</v>
      </c>
      <c r="AD39" s="169">
        <v>7</v>
      </c>
      <c r="AE39" s="169">
        <v>4</v>
      </c>
      <c r="AF39" s="169">
        <v>4</v>
      </c>
      <c r="AG39" s="169">
        <v>2</v>
      </c>
      <c r="AH39" s="174">
        <v>22</v>
      </c>
      <c r="AI39" s="173">
        <v>25</v>
      </c>
      <c r="AJ39" s="168">
        <v>0</v>
      </c>
      <c r="AK39" s="169">
        <v>0</v>
      </c>
      <c r="AL39" s="174">
        <v>0</v>
      </c>
      <c r="AM39" s="171">
        <v>0</v>
      </c>
      <c r="AN39" s="169">
        <v>1</v>
      </c>
      <c r="AO39" s="169">
        <v>1</v>
      </c>
      <c r="AP39" s="169">
        <v>0</v>
      </c>
      <c r="AQ39" s="169">
        <v>0</v>
      </c>
      <c r="AR39" s="169">
        <v>1</v>
      </c>
      <c r="AS39" s="174">
        <v>3</v>
      </c>
      <c r="AT39" s="173">
        <v>3</v>
      </c>
      <c r="AU39" s="168">
        <v>1</v>
      </c>
      <c r="AV39" s="169">
        <v>0</v>
      </c>
      <c r="AW39" s="174">
        <v>1</v>
      </c>
      <c r="AX39" s="171">
        <v>0</v>
      </c>
      <c r="AY39" s="169">
        <v>4</v>
      </c>
      <c r="AZ39" s="169">
        <v>3</v>
      </c>
      <c r="BA39" s="169">
        <v>4</v>
      </c>
      <c r="BB39" s="169">
        <v>10</v>
      </c>
      <c r="BC39" s="169">
        <v>5</v>
      </c>
      <c r="BD39" s="172">
        <v>26</v>
      </c>
      <c r="BE39" s="173">
        <v>27</v>
      </c>
      <c r="BF39" s="168">
        <v>0</v>
      </c>
      <c r="BG39" s="169">
        <v>0</v>
      </c>
      <c r="BH39" s="174">
        <v>0</v>
      </c>
      <c r="BI39" s="171">
        <v>0</v>
      </c>
      <c r="BJ39" s="169">
        <v>5</v>
      </c>
      <c r="BK39" s="169">
        <v>6</v>
      </c>
      <c r="BL39" s="169">
        <v>3</v>
      </c>
      <c r="BM39" s="169">
        <v>3</v>
      </c>
      <c r="BN39" s="169">
        <v>2</v>
      </c>
      <c r="BO39" s="174">
        <v>19</v>
      </c>
      <c r="BP39" s="173">
        <v>19</v>
      </c>
      <c r="BQ39" s="168">
        <v>1</v>
      </c>
      <c r="BR39" s="169">
        <v>1</v>
      </c>
      <c r="BS39" s="174">
        <v>2</v>
      </c>
      <c r="BT39" s="171">
        <v>0</v>
      </c>
      <c r="BU39" s="169">
        <v>6</v>
      </c>
      <c r="BV39" s="169">
        <v>7</v>
      </c>
      <c r="BW39" s="169">
        <v>1</v>
      </c>
      <c r="BX39" s="169">
        <v>3</v>
      </c>
      <c r="BY39" s="169">
        <v>2</v>
      </c>
      <c r="BZ39" s="174">
        <v>19</v>
      </c>
      <c r="CA39" s="173">
        <v>21</v>
      </c>
      <c r="CB39" s="168">
        <v>0</v>
      </c>
      <c r="CC39" s="169">
        <v>0</v>
      </c>
      <c r="CD39" s="174">
        <v>0</v>
      </c>
      <c r="CE39" s="171">
        <v>0</v>
      </c>
      <c r="CF39" s="169">
        <v>0</v>
      </c>
      <c r="CG39" s="169">
        <v>2</v>
      </c>
      <c r="CH39" s="169">
        <v>5</v>
      </c>
      <c r="CI39" s="169">
        <v>1</v>
      </c>
      <c r="CJ39" s="169">
        <v>1</v>
      </c>
      <c r="CK39" s="174">
        <v>9</v>
      </c>
      <c r="CL39" s="173">
        <v>9</v>
      </c>
      <c r="CM39" s="168">
        <v>0</v>
      </c>
      <c r="CN39" s="169">
        <v>0</v>
      </c>
      <c r="CO39" s="174">
        <v>0</v>
      </c>
      <c r="CP39" s="171">
        <v>0</v>
      </c>
      <c r="CQ39" s="169">
        <v>0</v>
      </c>
      <c r="CR39" s="169">
        <v>0</v>
      </c>
      <c r="CS39" s="169">
        <v>0</v>
      </c>
      <c r="CT39" s="169">
        <v>0</v>
      </c>
      <c r="CU39" s="169">
        <v>0</v>
      </c>
      <c r="CV39" s="174">
        <v>0</v>
      </c>
      <c r="CW39" s="173">
        <v>0</v>
      </c>
      <c r="CX39" s="168">
        <v>0</v>
      </c>
      <c r="CY39" s="169">
        <v>0</v>
      </c>
      <c r="CZ39" s="174">
        <v>0</v>
      </c>
      <c r="DA39" s="171">
        <v>0</v>
      </c>
      <c r="DB39" s="169">
        <v>0</v>
      </c>
      <c r="DC39" s="169">
        <v>0</v>
      </c>
      <c r="DD39" s="169">
        <v>0</v>
      </c>
      <c r="DE39" s="169">
        <v>0</v>
      </c>
      <c r="DF39" s="169">
        <v>0</v>
      </c>
      <c r="DG39" s="174">
        <v>0</v>
      </c>
      <c r="DH39" s="173">
        <v>0</v>
      </c>
      <c r="DI39" s="168">
        <v>0</v>
      </c>
      <c r="DJ39" s="169">
        <v>0</v>
      </c>
      <c r="DK39" s="174">
        <v>0</v>
      </c>
      <c r="DL39" s="171">
        <v>0</v>
      </c>
      <c r="DM39" s="169">
        <v>0</v>
      </c>
      <c r="DN39" s="169">
        <v>0</v>
      </c>
      <c r="DO39" s="169">
        <v>0</v>
      </c>
      <c r="DP39" s="169">
        <v>0</v>
      </c>
      <c r="DQ39" s="169">
        <v>0</v>
      </c>
      <c r="DR39" s="174">
        <v>0</v>
      </c>
      <c r="DS39" s="173">
        <v>0</v>
      </c>
      <c r="DT39" s="168">
        <v>8</v>
      </c>
      <c r="DU39" s="169">
        <v>4</v>
      </c>
      <c r="DV39" s="174">
        <v>12</v>
      </c>
      <c r="DW39" s="171">
        <v>0</v>
      </c>
      <c r="DX39" s="169">
        <v>15</v>
      </c>
      <c r="DY39" s="169">
        <v>25</v>
      </c>
      <c r="DZ39" s="169">
        <v>12</v>
      </c>
      <c r="EA39" s="169">
        <v>7</v>
      </c>
      <c r="EB39" s="169">
        <v>4</v>
      </c>
      <c r="EC39" s="174">
        <v>63</v>
      </c>
      <c r="ED39" s="173">
        <v>75</v>
      </c>
      <c r="EE39" s="168">
        <v>0</v>
      </c>
      <c r="EF39" s="169">
        <v>0</v>
      </c>
      <c r="EG39" s="174">
        <v>0</v>
      </c>
      <c r="EH39" s="171">
        <v>0</v>
      </c>
      <c r="EI39" s="169">
        <v>0</v>
      </c>
      <c r="EJ39" s="169">
        <v>0</v>
      </c>
      <c r="EK39" s="169">
        <v>0</v>
      </c>
      <c r="EL39" s="169">
        <v>0</v>
      </c>
      <c r="EM39" s="169">
        <v>0</v>
      </c>
      <c r="EN39" s="174">
        <v>0</v>
      </c>
      <c r="EO39" s="173">
        <v>0</v>
      </c>
      <c r="EP39" s="168">
        <v>11</v>
      </c>
      <c r="EQ39" s="169">
        <v>5</v>
      </c>
      <c r="ER39" s="174">
        <v>16</v>
      </c>
      <c r="ES39" s="171">
        <v>0</v>
      </c>
      <c r="ET39" s="169">
        <v>22</v>
      </c>
      <c r="EU39" s="169">
        <v>29</v>
      </c>
      <c r="EV39" s="169">
        <v>16</v>
      </c>
      <c r="EW39" s="169">
        <v>8</v>
      </c>
      <c r="EX39" s="169">
        <v>4</v>
      </c>
      <c r="EY39" s="174">
        <v>79</v>
      </c>
      <c r="EZ39" s="173">
        <v>95</v>
      </c>
    </row>
  </sheetData>
  <mergeCells count="59">
    <mergeCell ref="EP3:EZ3"/>
    <mergeCell ref="EE3:EO3"/>
    <mergeCell ref="ES4:EY4"/>
    <mergeCell ref="EZ4:EZ5"/>
    <mergeCell ref="ED4:ED5"/>
    <mergeCell ref="EE4:EG4"/>
    <mergeCell ref="EH4:EN4"/>
    <mergeCell ref="EO4:EO5"/>
    <mergeCell ref="EP4:ER4"/>
    <mergeCell ref="DT3:ED3"/>
    <mergeCell ref="DT4:DV4"/>
    <mergeCell ref="DW4:EC4"/>
    <mergeCell ref="DI3:DS3"/>
    <mergeCell ref="DI4:DK4"/>
    <mergeCell ref="DL4:DR4"/>
    <mergeCell ref="DS4:DS5"/>
    <mergeCell ref="BI4:BO4"/>
    <mergeCell ref="CX3:DH3"/>
    <mergeCell ref="CM3:CW3"/>
    <mergeCell ref="CX4:CZ4"/>
    <mergeCell ref="DA4:DG4"/>
    <mergeCell ref="DH4:DH5"/>
    <mergeCell ref="I1:J1"/>
    <mergeCell ref="L1:M1"/>
    <mergeCell ref="BF3:BP3"/>
    <mergeCell ref="BQ3:CA3"/>
    <mergeCell ref="CB3:CL3"/>
    <mergeCell ref="B3:B5"/>
    <mergeCell ref="N3:X3"/>
    <mergeCell ref="Y3:AI3"/>
    <mergeCell ref="AJ3:AT3"/>
    <mergeCell ref="AU3:BE3"/>
    <mergeCell ref="C3:M3"/>
    <mergeCell ref="C4:E4"/>
    <mergeCell ref="F4:L4"/>
    <mergeCell ref="M4:M5"/>
    <mergeCell ref="BE4:BE5"/>
    <mergeCell ref="N4:P4"/>
    <mergeCell ref="Q4:W4"/>
    <mergeCell ref="AJ4:AL4"/>
    <mergeCell ref="AM4:AS4"/>
    <mergeCell ref="AT4:AT5"/>
    <mergeCell ref="AU4:AW4"/>
    <mergeCell ref="X4:X5"/>
    <mergeCell ref="Y4:AA4"/>
    <mergeCell ref="AB4:AH4"/>
    <mergeCell ref="AI4:AI5"/>
    <mergeCell ref="CW4:CW5"/>
    <mergeCell ref="BQ4:BS4"/>
    <mergeCell ref="BT4:BZ4"/>
    <mergeCell ref="BP4:BP5"/>
    <mergeCell ref="CB4:CD4"/>
    <mergeCell ref="CE4:CK4"/>
    <mergeCell ref="CL4:CL5"/>
    <mergeCell ref="CM4:CO4"/>
    <mergeCell ref="CP4:CV4"/>
    <mergeCell ref="CA4:CA5"/>
    <mergeCell ref="AX4:BD4"/>
    <mergeCell ref="BF4:BH4"/>
  </mergeCells>
  <phoneticPr fontId="4"/>
  <pageMargins left="0.59055118110236227" right="0.39370078740157483" top="0.74803149606299213" bottom="0.74803149606299213" header="0.31496062992125984" footer="0.31496062992125984"/>
  <pageSetup paperSize="9" scale="33" orientation="landscape" r:id="rId1"/>
  <headerFooter>
    <oddFooter>&amp;L&amp;20&amp;A&amp;C&amp;P/&amp;N</oddFooter>
  </headerFooter>
  <colBreaks count="3" manualBreakCount="3">
    <brk id="46" max="1048575" man="1"/>
    <brk id="90" max="1048575" man="1"/>
    <brk id="134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B1:EZ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143" customWidth="1"/>
    <col min="2" max="2" width="9.77734375" style="143" customWidth="1"/>
    <col min="3" max="4" width="9" style="143"/>
    <col min="5" max="5" width="10.33203125" style="143" customWidth="1"/>
    <col min="6" max="6" width="7.6640625" style="143" customWidth="1"/>
    <col min="7" max="7" width="10.21875" style="143" customWidth="1"/>
    <col min="8" max="8" width="10.44140625" style="143" customWidth="1"/>
    <col min="9" max="16" width="9" style="143"/>
    <col min="17" max="17" width="7.21875" style="143" customWidth="1"/>
    <col min="18" max="27" width="9" style="143"/>
    <col min="28" max="28" width="7.6640625" style="143" customWidth="1"/>
    <col min="29" max="38" width="9" style="143"/>
    <col min="39" max="39" width="7.6640625" style="143" customWidth="1"/>
    <col min="40" max="49" width="9" style="143"/>
    <col min="50" max="50" width="7.21875" style="143" customWidth="1"/>
    <col min="51" max="60" width="9" style="143"/>
    <col min="61" max="61" width="7.21875" style="143" customWidth="1"/>
    <col min="62" max="71" width="9" style="143"/>
    <col min="72" max="72" width="7.33203125" style="143" customWidth="1"/>
    <col min="73" max="82" width="9" style="143"/>
    <col min="83" max="83" width="7.44140625" style="143" customWidth="1"/>
    <col min="84" max="93" width="9" style="143"/>
    <col min="94" max="94" width="7.6640625" style="143" customWidth="1"/>
    <col min="95" max="104" width="9" style="143"/>
    <col min="105" max="105" width="7.44140625" style="143" customWidth="1"/>
    <col min="106" max="115" width="9" style="143"/>
    <col min="116" max="116" width="7.44140625" style="143" customWidth="1"/>
    <col min="117" max="126" width="9" style="143"/>
    <col min="127" max="127" width="7.44140625" style="143" customWidth="1"/>
    <col min="128" max="137" width="9" style="143"/>
    <col min="138" max="138" width="7.33203125" style="143" customWidth="1"/>
    <col min="139" max="148" width="9" style="143"/>
    <col min="149" max="149" width="7.77734375" style="143" customWidth="1"/>
    <col min="150" max="16384" width="9" style="143"/>
  </cols>
  <sheetData>
    <row r="1" spans="2:156" ht="24" customHeight="1" x14ac:dyDescent="0.2">
      <c r="B1" s="142" t="s">
        <v>120</v>
      </c>
      <c r="I1" s="442">
        <f>第１表!F2</f>
        <v>7</v>
      </c>
      <c r="J1" s="442"/>
      <c r="K1" s="18">
        <f>第１表!G2</f>
        <v>2</v>
      </c>
      <c r="L1" s="461">
        <f>IF(K1&lt;3,K1+12-2,K1-2)</f>
        <v>12</v>
      </c>
      <c r="M1" s="461"/>
    </row>
    <row r="2" spans="2:156" ht="24" customHeight="1" thickBot="1" x14ac:dyDescent="0.25">
      <c r="B2" s="142" t="s">
        <v>127</v>
      </c>
      <c r="G2" s="17"/>
      <c r="H2" s="18"/>
      <c r="J2" s="68"/>
      <c r="K2" s="68"/>
    </row>
    <row r="3" spans="2:156" ht="21" customHeight="1" thickBot="1" x14ac:dyDescent="0.25">
      <c r="B3" s="455"/>
      <c r="C3" s="458" t="s">
        <v>70</v>
      </c>
      <c r="D3" s="459"/>
      <c r="E3" s="459"/>
      <c r="F3" s="459"/>
      <c r="G3" s="459"/>
      <c r="H3" s="459"/>
      <c r="I3" s="459"/>
      <c r="J3" s="459"/>
      <c r="K3" s="459"/>
      <c r="L3" s="459"/>
      <c r="M3" s="460"/>
      <c r="N3" s="458" t="s">
        <v>71</v>
      </c>
      <c r="O3" s="459"/>
      <c r="P3" s="459"/>
      <c r="Q3" s="459"/>
      <c r="R3" s="459"/>
      <c r="S3" s="459"/>
      <c r="T3" s="459"/>
      <c r="U3" s="459"/>
      <c r="V3" s="459"/>
      <c r="W3" s="459"/>
      <c r="X3" s="460"/>
      <c r="Y3" s="458" t="s">
        <v>72</v>
      </c>
      <c r="Z3" s="459"/>
      <c r="AA3" s="459"/>
      <c r="AB3" s="459"/>
      <c r="AC3" s="459"/>
      <c r="AD3" s="459"/>
      <c r="AE3" s="459"/>
      <c r="AF3" s="459"/>
      <c r="AG3" s="459"/>
      <c r="AH3" s="459"/>
      <c r="AI3" s="460"/>
      <c r="AJ3" s="458" t="s">
        <v>73</v>
      </c>
      <c r="AK3" s="459"/>
      <c r="AL3" s="459"/>
      <c r="AM3" s="459"/>
      <c r="AN3" s="459"/>
      <c r="AO3" s="459"/>
      <c r="AP3" s="459"/>
      <c r="AQ3" s="459"/>
      <c r="AR3" s="459"/>
      <c r="AS3" s="459"/>
      <c r="AT3" s="460"/>
      <c r="AU3" s="458" t="s">
        <v>74</v>
      </c>
      <c r="AV3" s="459"/>
      <c r="AW3" s="459"/>
      <c r="AX3" s="459"/>
      <c r="AY3" s="459"/>
      <c r="AZ3" s="459"/>
      <c r="BA3" s="459"/>
      <c r="BB3" s="459"/>
      <c r="BC3" s="459"/>
      <c r="BD3" s="459"/>
      <c r="BE3" s="460"/>
      <c r="BF3" s="458" t="s">
        <v>75</v>
      </c>
      <c r="BG3" s="459"/>
      <c r="BH3" s="459"/>
      <c r="BI3" s="459"/>
      <c r="BJ3" s="459"/>
      <c r="BK3" s="459"/>
      <c r="BL3" s="459"/>
      <c r="BM3" s="459"/>
      <c r="BN3" s="459"/>
      <c r="BO3" s="459"/>
      <c r="BP3" s="460"/>
      <c r="BQ3" s="458" t="s">
        <v>76</v>
      </c>
      <c r="BR3" s="459"/>
      <c r="BS3" s="459"/>
      <c r="BT3" s="459"/>
      <c r="BU3" s="459"/>
      <c r="BV3" s="459"/>
      <c r="BW3" s="459"/>
      <c r="BX3" s="459"/>
      <c r="BY3" s="459"/>
      <c r="BZ3" s="459"/>
      <c r="CA3" s="460"/>
      <c r="CB3" s="458" t="s">
        <v>77</v>
      </c>
      <c r="CC3" s="459"/>
      <c r="CD3" s="459"/>
      <c r="CE3" s="459"/>
      <c r="CF3" s="459"/>
      <c r="CG3" s="459"/>
      <c r="CH3" s="459"/>
      <c r="CI3" s="459"/>
      <c r="CJ3" s="459"/>
      <c r="CK3" s="459"/>
      <c r="CL3" s="460"/>
      <c r="CM3" s="458" t="s">
        <v>78</v>
      </c>
      <c r="CN3" s="459"/>
      <c r="CO3" s="459"/>
      <c r="CP3" s="459"/>
      <c r="CQ3" s="459"/>
      <c r="CR3" s="459"/>
      <c r="CS3" s="459"/>
      <c r="CT3" s="459"/>
      <c r="CU3" s="459"/>
      <c r="CV3" s="459"/>
      <c r="CW3" s="460"/>
      <c r="CX3" s="458" t="s">
        <v>79</v>
      </c>
      <c r="CY3" s="459"/>
      <c r="CZ3" s="459"/>
      <c r="DA3" s="459"/>
      <c r="DB3" s="459"/>
      <c r="DC3" s="459"/>
      <c r="DD3" s="459"/>
      <c r="DE3" s="459"/>
      <c r="DF3" s="459"/>
      <c r="DG3" s="459"/>
      <c r="DH3" s="460"/>
      <c r="DI3" s="458" t="s">
        <v>148</v>
      </c>
      <c r="DJ3" s="459"/>
      <c r="DK3" s="459"/>
      <c r="DL3" s="459"/>
      <c r="DM3" s="459"/>
      <c r="DN3" s="459"/>
      <c r="DO3" s="459"/>
      <c r="DP3" s="459"/>
      <c r="DQ3" s="459"/>
      <c r="DR3" s="459"/>
      <c r="DS3" s="460"/>
      <c r="DT3" s="458" t="s">
        <v>80</v>
      </c>
      <c r="DU3" s="459"/>
      <c r="DV3" s="459"/>
      <c r="DW3" s="459"/>
      <c r="DX3" s="459"/>
      <c r="DY3" s="459"/>
      <c r="DZ3" s="459"/>
      <c r="EA3" s="459"/>
      <c r="EB3" s="459"/>
      <c r="EC3" s="459"/>
      <c r="ED3" s="460"/>
      <c r="EE3" s="458" t="s">
        <v>68</v>
      </c>
      <c r="EF3" s="459"/>
      <c r="EG3" s="459"/>
      <c r="EH3" s="459"/>
      <c r="EI3" s="459"/>
      <c r="EJ3" s="459"/>
      <c r="EK3" s="459"/>
      <c r="EL3" s="459"/>
      <c r="EM3" s="459"/>
      <c r="EN3" s="459"/>
      <c r="EO3" s="460"/>
      <c r="EP3" s="462" t="s">
        <v>69</v>
      </c>
      <c r="EQ3" s="463"/>
      <c r="ER3" s="463"/>
      <c r="ES3" s="463"/>
      <c r="ET3" s="463"/>
      <c r="EU3" s="463"/>
      <c r="EV3" s="463"/>
      <c r="EW3" s="463"/>
      <c r="EX3" s="463"/>
      <c r="EY3" s="463"/>
      <c r="EZ3" s="464"/>
    </row>
    <row r="4" spans="2:156" ht="21" customHeight="1" x14ac:dyDescent="0.2">
      <c r="B4" s="456"/>
      <c r="C4" s="450" t="s">
        <v>61</v>
      </c>
      <c r="D4" s="451"/>
      <c r="E4" s="452"/>
      <c r="F4" s="453" t="s">
        <v>62</v>
      </c>
      <c r="G4" s="451"/>
      <c r="H4" s="451"/>
      <c r="I4" s="451"/>
      <c r="J4" s="451"/>
      <c r="K4" s="451"/>
      <c r="L4" s="454"/>
      <c r="M4" s="448" t="s">
        <v>52</v>
      </c>
      <c r="N4" s="450" t="s">
        <v>61</v>
      </c>
      <c r="O4" s="451"/>
      <c r="P4" s="452"/>
      <c r="Q4" s="453" t="s">
        <v>62</v>
      </c>
      <c r="R4" s="451"/>
      <c r="S4" s="451"/>
      <c r="T4" s="451"/>
      <c r="U4" s="451"/>
      <c r="V4" s="451"/>
      <c r="W4" s="452"/>
      <c r="X4" s="448" t="s">
        <v>52</v>
      </c>
      <c r="Y4" s="450" t="s">
        <v>61</v>
      </c>
      <c r="Z4" s="451"/>
      <c r="AA4" s="452"/>
      <c r="AB4" s="453" t="s">
        <v>62</v>
      </c>
      <c r="AC4" s="451"/>
      <c r="AD4" s="451"/>
      <c r="AE4" s="451"/>
      <c r="AF4" s="451"/>
      <c r="AG4" s="451"/>
      <c r="AH4" s="452"/>
      <c r="AI4" s="448" t="s">
        <v>52</v>
      </c>
      <c r="AJ4" s="450" t="s">
        <v>61</v>
      </c>
      <c r="AK4" s="451"/>
      <c r="AL4" s="452"/>
      <c r="AM4" s="453" t="s">
        <v>62</v>
      </c>
      <c r="AN4" s="451"/>
      <c r="AO4" s="451"/>
      <c r="AP4" s="451"/>
      <c r="AQ4" s="451"/>
      <c r="AR4" s="451"/>
      <c r="AS4" s="452"/>
      <c r="AT4" s="448" t="s">
        <v>52</v>
      </c>
      <c r="AU4" s="450" t="s">
        <v>61</v>
      </c>
      <c r="AV4" s="451"/>
      <c r="AW4" s="452"/>
      <c r="AX4" s="453" t="s">
        <v>62</v>
      </c>
      <c r="AY4" s="451"/>
      <c r="AZ4" s="451"/>
      <c r="BA4" s="451"/>
      <c r="BB4" s="451"/>
      <c r="BC4" s="451"/>
      <c r="BD4" s="454"/>
      <c r="BE4" s="448" t="s">
        <v>52</v>
      </c>
      <c r="BF4" s="450" t="s">
        <v>61</v>
      </c>
      <c r="BG4" s="451"/>
      <c r="BH4" s="452"/>
      <c r="BI4" s="453" t="s">
        <v>62</v>
      </c>
      <c r="BJ4" s="451"/>
      <c r="BK4" s="451"/>
      <c r="BL4" s="451"/>
      <c r="BM4" s="451"/>
      <c r="BN4" s="451"/>
      <c r="BO4" s="452"/>
      <c r="BP4" s="448" t="s">
        <v>52</v>
      </c>
      <c r="BQ4" s="450" t="s">
        <v>61</v>
      </c>
      <c r="BR4" s="451"/>
      <c r="BS4" s="452"/>
      <c r="BT4" s="453" t="s">
        <v>62</v>
      </c>
      <c r="BU4" s="451"/>
      <c r="BV4" s="451"/>
      <c r="BW4" s="451"/>
      <c r="BX4" s="451"/>
      <c r="BY4" s="451"/>
      <c r="BZ4" s="452"/>
      <c r="CA4" s="448" t="s">
        <v>52</v>
      </c>
      <c r="CB4" s="450" t="s">
        <v>61</v>
      </c>
      <c r="CC4" s="451"/>
      <c r="CD4" s="452"/>
      <c r="CE4" s="453" t="s">
        <v>62</v>
      </c>
      <c r="CF4" s="451"/>
      <c r="CG4" s="451"/>
      <c r="CH4" s="451"/>
      <c r="CI4" s="451"/>
      <c r="CJ4" s="451"/>
      <c r="CK4" s="452"/>
      <c r="CL4" s="448" t="s">
        <v>52</v>
      </c>
      <c r="CM4" s="450" t="s">
        <v>61</v>
      </c>
      <c r="CN4" s="451"/>
      <c r="CO4" s="452"/>
      <c r="CP4" s="453" t="s">
        <v>62</v>
      </c>
      <c r="CQ4" s="451"/>
      <c r="CR4" s="451"/>
      <c r="CS4" s="451"/>
      <c r="CT4" s="451"/>
      <c r="CU4" s="451"/>
      <c r="CV4" s="452"/>
      <c r="CW4" s="448" t="s">
        <v>52</v>
      </c>
      <c r="CX4" s="450" t="s">
        <v>61</v>
      </c>
      <c r="CY4" s="451"/>
      <c r="CZ4" s="452"/>
      <c r="DA4" s="453" t="s">
        <v>62</v>
      </c>
      <c r="DB4" s="451"/>
      <c r="DC4" s="451"/>
      <c r="DD4" s="451"/>
      <c r="DE4" s="451"/>
      <c r="DF4" s="451"/>
      <c r="DG4" s="452"/>
      <c r="DH4" s="448" t="s">
        <v>52</v>
      </c>
      <c r="DI4" s="450" t="s">
        <v>61</v>
      </c>
      <c r="DJ4" s="451"/>
      <c r="DK4" s="452"/>
      <c r="DL4" s="453" t="s">
        <v>62</v>
      </c>
      <c r="DM4" s="451"/>
      <c r="DN4" s="451"/>
      <c r="DO4" s="451"/>
      <c r="DP4" s="451"/>
      <c r="DQ4" s="451"/>
      <c r="DR4" s="452"/>
      <c r="DS4" s="448" t="s">
        <v>52</v>
      </c>
      <c r="DT4" s="450" t="s">
        <v>61</v>
      </c>
      <c r="DU4" s="451"/>
      <c r="DV4" s="452"/>
      <c r="DW4" s="453" t="s">
        <v>62</v>
      </c>
      <c r="DX4" s="451"/>
      <c r="DY4" s="451"/>
      <c r="DZ4" s="451"/>
      <c r="EA4" s="451"/>
      <c r="EB4" s="451"/>
      <c r="EC4" s="452"/>
      <c r="ED4" s="448" t="s">
        <v>52</v>
      </c>
      <c r="EE4" s="450" t="s">
        <v>61</v>
      </c>
      <c r="EF4" s="451"/>
      <c r="EG4" s="452"/>
      <c r="EH4" s="453" t="s">
        <v>62</v>
      </c>
      <c r="EI4" s="451"/>
      <c r="EJ4" s="451"/>
      <c r="EK4" s="451"/>
      <c r="EL4" s="451"/>
      <c r="EM4" s="451"/>
      <c r="EN4" s="452"/>
      <c r="EO4" s="448" t="s">
        <v>52</v>
      </c>
      <c r="EP4" s="450" t="s">
        <v>61</v>
      </c>
      <c r="EQ4" s="451"/>
      <c r="ER4" s="452"/>
      <c r="ES4" s="453" t="s">
        <v>62</v>
      </c>
      <c r="ET4" s="451"/>
      <c r="EU4" s="451"/>
      <c r="EV4" s="451"/>
      <c r="EW4" s="451"/>
      <c r="EX4" s="451"/>
      <c r="EY4" s="452"/>
      <c r="EZ4" s="448" t="s">
        <v>52</v>
      </c>
    </row>
    <row r="5" spans="2:156" ht="30" customHeight="1" thickBot="1" x14ac:dyDescent="0.25">
      <c r="B5" s="457"/>
      <c r="C5" s="144" t="s">
        <v>43</v>
      </c>
      <c r="D5" s="145" t="s">
        <v>44</v>
      </c>
      <c r="E5" s="146" t="s">
        <v>45</v>
      </c>
      <c r="F5" s="147" t="s">
        <v>83</v>
      </c>
      <c r="G5" s="145" t="s">
        <v>47</v>
      </c>
      <c r="H5" s="145" t="s">
        <v>48</v>
      </c>
      <c r="I5" s="145" t="s">
        <v>49</v>
      </c>
      <c r="J5" s="145" t="s">
        <v>50</v>
      </c>
      <c r="K5" s="145" t="s">
        <v>51</v>
      </c>
      <c r="L5" s="148" t="s">
        <v>45</v>
      </c>
      <c r="M5" s="449"/>
      <c r="N5" s="144" t="s">
        <v>43</v>
      </c>
      <c r="O5" s="145" t="s">
        <v>44</v>
      </c>
      <c r="P5" s="149" t="s">
        <v>45</v>
      </c>
      <c r="Q5" s="147" t="s">
        <v>83</v>
      </c>
      <c r="R5" s="145" t="s">
        <v>47</v>
      </c>
      <c r="S5" s="145" t="s">
        <v>48</v>
      </c>
      <c r="T5" s="145" t="s">
        <v>49</v>
      </c>
      <c r="U5" s="145" t="s">
        <v>50</v>
      </c>
      <c r="V5" s="145" t="s">
        <v>51</v>
      </c>
      <c r="W5" s="149" t="s">
        <v>45</v>
      </c>
      <c r="X5" s="449"/>
      <c r="Y5" s="144" t="s">
        <v>43</v>
      </c>
      <c r="Z5" s="145" t="s">
        <v>44</v>
      </c>
      <c r="AA5" s="149" t="s">
        <v>45</v>
      </c>
      <c r="AB5" s="147" t="s">
        <v>83</v>
      </c>
      <c r="AC5" s="145" t="s">
        <v>47</v>
      </c>
      <c r="AD5" s="145" t="s">
        <v>48</v>
      </c>
      <c r="AE5" s="145" t="s">
        <v>49</v>
      </c>
      <c r="AF5" s="145" t="s">
        <v>50</v>
      </c>
      <c r="AG5" s="145" t="s">
        <v>51</v>
      </c>
      <c r="AH5" s="149" t="s">
        <v>45</v>
      </c>
      <c r="AI5" s="449"/>
      <c r="AJ5" s="144" t="s">
        <v>43</v>
      </c>
      <c r="AK5" s="145" t="s">
        <v>44</v>
      </c>
      <c r="AL5" s="149" t="s">
        <v>45</v>
      </c>
      <c r="AM5" s="147" t="s">
        <v>83</v>
      </c>
      <c r="AN5" s="145" t="s">
        <v>47</v>
      </c>
      <c r="AO5" s="145" t="s">
        <v>48</v>
      </c>
      <c r="AP5" s="145" t="s">
        <v>49</v>
      </c>
      <c r="AQ5" s="145" t="s">
        <v>50</v>
      </c>
      <c r="AR5" s="145" t="s">
        <v>51</v>
      </c>
      <c r="AS5" s="149" t="s">
        <v>45</v>
      </c>
      <c r="AT5" s="449"/>
      <c r="AU5" s="144" t="s">
        <v>43</v>
      </c>
      <c r="AV5" s="145" t="s">
        <v>44</v>
      </c>
      <c r="AW5" s="149" t="s">
        <v>45</v>
      </c>
      <c r="AX5" s="147" t="s">
        <v>83</v>
      </c>
      <c r="AY5" s="145" t="s">
        <v>47</v>
      </c>
      <c r="AZ5" s="145" t="s">
        <v>48</v>
      </c>
      <c r="BA5" s="145" t="s">
        <v>49</v>
      </c>
      <c r="BB5" s="145" t="s">
        <v>50</v>
      </c>
      <c r="BC5" s="145" t="s">
        <v>51</v>
      </c>
      <c r="BD5" s="148" t="s">
        <v>45</v>
      </c>
      <c r="BE5" s="449"/>
      <c r="BF5" s="144" t="s">
        <v>43</v>
      </c>
      <c r="BG5" s="145" t="s">
        <v>44</v>
      </c>
      <c r="BH5" s="149" t="s">
        <v>45</v>
      </c>
      <c r="BI5" s="147" t="s">
        <v>83</v>
      </c>
      <c r="BJ5" s="145" t="s">
        <v>47</v>
      </c>
      <c r="BK5" s="145" t="s">
        <v>48</v>
      </c>
      <c r="BL5" s="145" t="s">
        <v>49</v>
      </c>
      <c r="BM5" s="145" t="s">
        <v>50</v>
      </c>
      <c r="BN5" s="145" t="s">
        <v>51</v>
      </c>
      <c r="BO5" s="149" t="s">
        <v>45</v>
      </c>
      <c r="BP5" s="449"/>
      <c r="BQ5" s="144" t="s">
        <v>43</v>
      </c>
      <c r="BR5" s="145" t="s">
        <v>44</v>
      </c>
      <c r="BS5" s="149" t="s">
        <v>45</v>
      </c>
      <c r="BT5" s="147" t="s">
        <v>83</v>
      </c>
      <c r="BU5" s="145" t="s">
        <v>47</v>
      </c>
      <c r="BV5" s="145" t="s">
        <v>48</v>
      </c>
      <c r="BW5" s="145" t="s">
        <v>49</v>
      </c>
      <c r="BX5" s="145" t="s">
        <v>50</v>
      </c>
      <c r="BY5" s="145" t="s">
        <v>51</v>
      </c>
      <c r="BZ5" s="149" t="s">
        <v>45</v>
      </c>
      <c r="CA5" s="449"/>
      <c r="CB5" s="144" t="s">
        <v>43</v>
      </c>
      <c r="CC5" s="145" t="s">
        <v>44</v>
      </c>
      <c r="CD5" s="149" t="s">
        <v>45</v>
      </c>
      <c r="CE5" s="147" t="s">
        <v>83</v>
      </c>
      <c r="CF5" s="145" t="s">
        <v>47</v>
      </c>
      <c r="CG5" s="145" t="s">
        <v>48</v>
      </c>
      <c r="CH5" s="145" t="s">
        <v>49</v>
      </c>
      <c r="CI5" s="145" t="s">
        <v>50</v>
      </c>
      <c r="CJ5" s="145" t="s">
        <v>51</v>
      </c>
      <c r="CK5" s="149" t="s">
        <v>45</v>
      </c>
      <c r="CL5" s="449"/>
      <c r="CM5" s="144" t="s">
        <v>43</v>
      </c>
      <c r="CN5" s="145" t="s">
        <v>44</v>
      </c>
      <c r="CO5" s="149" t="s">
        <v>45</v>
      </c>
      <c r="CP5" s="147" t="s">
        <v>83</v>
      </c>
      <c r="CQ5" s="145" t="s">
        <v>47</v>
      </c>
      <c r="CR5" s="145" t="s">
        <v>48</v>
      </c>
      <c r="CS5" s="145" t="s">
        <v>49</v>
      </c>
      <c r="CT5" s="145" t="s">
        <v>50</v>
      </c>
      <c r="CU5" s="145" t="s">
        <v>51</v>
      </c>
      <c r="CV5" s="149" t="s">
        <v>45</v>
      </c>
      <c r="CW5" s="449"/>
      <c r="CX5" s="144" t="s">
        <v>43</v>
      </c>
      <c r="CY5" s="145" t="s">
        <v>44</v>
      </c>
      <c r="CZ5" s="149" t="s">
        <v>45</v>
      </c>
      <c r="DA5" s="147" t="s">
        <v>83</v>
      </c>
      <c r="DB5" s="145" t="s">
        <v>47</v>
      </c>
      <c r="DC5" s="145" t="s">
        <v>48</v>
      </c>
      <c r="DD5" s="145" t="s">
        <v>49</v>
      </c>
      <c r="DE5" s="145" t="s">
        <v>50</v>
      </c>
      <c r="DF5" s="145" t="s">
        <v>51</v>
      </c>
      <c r="DG5" s="149" t="s">
        <v>45</v>
      </c>
      <c r="DH5" s="449"/>
      <c r="DI5" s="144" t="s">
        <v>43</v>
      </c>
      <c r="DJ5" s="145" t="s">
        <v>44</v>
      </c>
      <c r="DK5" s="149" t="s">
        <v>45</v>
      </c>
      <c r="DL5" s="147" t="s">
        <v>83</v>
      </c>
      <c r="DM5" s="145" t="s">
        <v>47</v>
      </c>
      <c r="DN5" s="145" t="s">
        <v>48</v>
      </c>
      <c r="DO5" s="145" t="s">
        <v>49</v>
      </c>
      <c r="DP5" s="145" t="s">
        <v>50</v>
      </c>
      <c r="DQ5" s="145" t="s">
        <v>51</v>
      </c>
      <c r="DR5" s="149" t="s">
        <v>45</v>
      </c>
      <c r="DS5" s="449"/>
      <c r="DT5" s="144" t="s">
        <v>43</v>
      </c>
      <c r="DU5" s="145" t="s">
        <v>44</v>
      </c>
      <c r="DV5" s="149" t="s">
        <v>45</v>
      </c>
      <c r="DW5" s="147" t="s">
        <v>83</v>
      </c>
      <c r="DX5" s="145" t="s">
        <v>47</v>
      </c>
      <c r="DY5" s="145" t="s">
        <v>48</v>
      </c>
      <c r="DZ5" s="145" t="s">
        <v>49</v>
      </c>
      <c r="EA5" s="145" t="s">
        <v>50</v>
      </c>
      <c r="EB5" s="145" t="s">
        <v>51</v>
      </c>
      <c r="EC5" s="149" t="s">
        <v>45</v>
      </c>
      <c r="ED5" s="449"/>
      <c r="EE5" s="144" t="s">
        <v>43</v>
      </c>
      <c r="EF5" s="145" t="s">
        <v>44</v>
      </c>
      <c r="EG5" s="149" t="s">
        <v>45</v>
      </c>
      <c r="EH5" s="147" t="s">
        <v>83</v>
      </c>
      <c r="EI5" s="145" t="s">
        <v>47</v>
      </c>
      <c r="EJ5" s="145" t="s">
        <v>48</v>
      </c>
      <c r="EK5" s="145" t="s">
        <v>49</v>
      </c>
      <c r="EL5" s="145" t="s">
        <v>50</v>
      </c>
      <c r="EM5" s="145" t="s">
        <v>51</v>
      </c>
      <c r="EN5" s="149" t="s">
        <v>45</v>
      </c>
      <c r="EO5" s="449"/>
      <c r="EP5" s="144" t="s">
        <v>43</v>
      </c>
      <c r="EQ5" s="145" t="s">
        <v>44</v>
      </c>
      <c r="ER5" s="149" t="s">
        <v>45</v>
      </c>
      <c r="ES5" s="147" t="s">
        <v>83</v>
      </c>
      <c r="ET5" s="145" t="s">
        <v>47</v>
      </c>
      <c r="EU5" s="145" t="s">
        <v>48</v>
      </c>
      <c r="EV5" s="145" t="s">
        <v>49</v>
      </c>
      <c r="EW5" s="145" t="s">
        <v>50</v>
      </c>
      <c r="EX5" s="145" t="s">
        <v>51</v>
      </c>
      <c r="EY5" s="149" t="s">
        <v>45</v>
      </c>
      <c r="EZ5" s="449"/>
    </row>
    <row r="6" spans="2:156" ht="21" customHeight="1" x14ac:dyDescent="0.2">
      <c r="B6" s="150" t="s">
        <v>4</v>
      </c>
      <c r="C6" s="151">
        <v>0</v>
      </c>
      <c r="D6" s="152">
        <v>0</v>
      </c>
      <c r="E6" s="153">
        <v>0</v>
      </c>
      <c r="F6" s="154">
        <v>0</v>
      </c>
      <c r="G6" s="152">
        <v>1234</v>
      </c>
      <c r="H6" s="152">
        <v>1422</v>
      </c>
      <c r="I6" s="152">
        <v>738</v>
      </c>
      <c r="J6" s="152">
        <v>549</v>
      </c>
      <c r="K6" s="152">
        <v>384</v>
      </c>
      <c r="L6" s="155">
        <v>4327</v>
      </c>
      <c r="M6" s="156">
        <v>4327</v>
      </c>
      <c r="N6" s="151">
        <v>0</v>
      </c>
      <c r="O6" s="152">
        <v>1</v>
      </c>
      <c r="P6" s="157">
        <v>1</v>
      </c>
      <c r="Q6" s="154">
        <v>0</v>
      </c>
      <c r="R6" s="152">
        <v>9</v>
      </c>
      <c r="S6" s="152">
        <v>38</v>
      </c>
      <c r="T6" s="152">
        <v>56</v>
      </c>
      <c r="U6" s="152">
        <v>110</v>
      </c>
      <c r="V6" s="152">
        <v>170</v>
      </c>
      <c r="W6" s="157">
        <v>383</v>
      </c>
      <c r="X6" s="156">
        <v>384</v>
      </c>
      <c r="Y6" s="151">
        <v>220</v>
      </c>
      <c r="Z6" s="152">
        <v>461</v>
      </c>
      <c r="AA6" s="157">
        <v>681</v>
      </c>
      <c r="AB6" s="154">
        <v>0</v>
      </c>
      <c r="AC6" s="152">
        <v>1006</v>
      </c>
      <c r="AD6" s="152">
        <v>1490</v>
      </c>
      <c r="AE6" s="152">
        <v>821</v>
      </c>
      <c r="AF6" s="152">
        <v>586</v>
      </c>
      <c r="AG6" s="152">
        <v>355</v>
      </c>
      <c r="AH6" s="157">
        <v>4258</v>
      </c>
      <c r="AI6" s="156">
        <v>4939</v>
      </c>
      <c r="AJ6" s="151">
        <v>26</v>
      </c>
      <c r="AK6" s="152">
        <v>51</v>
      </c>
      <c r="AL6" s="157">
        <v>77</v>
      </c>
      <c r="AM6" s="154">
        <v>0</v>
      </c>
      <c r="AN6" s="152">
        <v>93</v>
      </c>
      <c r="AO6" s="152">
        <v>131</v>
      </c>
      <c r="AP6" s="152">
        <v>87</v>
      </c>
      <c r="AQ6" s="152">
        <v>41</v>
      </c>
      <c r="AR6" s="152">
        <v>41</v>
      </c>
      <c r="AS6" s="157">
        <v>393</v>
      </c>
      <c r="AT6" s="156">
        <v>470</v>
      </c>
      <c r="AU6" s="151">
        <v>306</v>
      </c>
      <c r="AV6" s="152">
        <v>386</v>
      </c>
      <c r="AW6" s="157">
        <v>692</v>
      </c>
      <c r="AX6" s="154">
        <v>0</v>
      </c>
      <c r="AY6" s="152">
        <v>1552</v>
      </c>
      <c r="AZ6" s="152">
        <v>1891</v>
      </c>
      <c r="BA6" s="152">
        <v>1496</v>
      </c>
      <c r="BB6" s="152">
        <v>1386</v>
      </c>
      <c r="BC6" s="152">
        <v>839</v>
      </c>
      <c r="BD6" s="155">
        <v>7164</v>
      </c>
      <c r="BE6" s="156">
        <v>7856</v>
      </c>
      <c r="BF6" s="151">
        <v>0</v>
      </c>
      <c r="BG6" s="152">
        <v>0</v>
      </c>
      <c r="BH6" s="157">
        <v>0</v>
      </c>
      <c r="BI6" s="154">
        <v>0</v>
      </c>
      <c r="BJ6" s="152">
        <v>1724</v>
      </c>
      <c r="BK6" s="152">
        <v>1566</v>
      </c>
      <c r="BL6" s="152">
        <v>747</v>
      </c>
      <c r="BM6" s="152">
        <v>347</v>
      </c>
      <c r="BN6" s="152">
        <v>155</v>
      </c>
      <c r="BO6" s="157">
        <v>4539</v>
      </c>
      <c r="BP6" s="156">
        <v>4539</v>
      </c>
      <c r="BQ6" s="151">
        <v>147</v>
      </c>
      <c r="BR6" s="152">
        <v>193</v>
      </c>
      <c r="BS6" s="157">
        <v>340</v>
      </c>
      <c r="BT6" s="154">
        <v>0</v>
      </c>
      <c r="BU6" s="152">
        <v>406</v>
      </c>
      <c r="BV6" s="152">
        <v>532</v>
      </c>
      <c r="BW6" s="152">
        <v>304</v>
      </c>
      <c r="BX6" s="152">
        <v>163</v>
      </c>
      <c r="BY6" s="152">
        <v>52</v>
      </c>
      <c r="BZ6" s="157">
        <v>1457</v>
      </c>
      <c r="CA6" s="156">
        <v>1797</v>
      </c>
      <c r="CB6" s="151">
        <v>3</v>
      </c>
      <c r="CC6" s="152">
        <v>20</v>
      </c>
      <c r="CD6" s="157">
        <v>23</v>
      </c>
      <c r="CE6" s="154">
        <v>0</v>
      </c>
      <c r="CF6" s="152">
        <v>175</v>
      </c>
      <c r="CG6" s="152">
        <v>269</v>
      </c>
      <c r="CH6" s="152">
        <v>316</v>
      </c>
      <c r="CI6" s="152">
        <v>194</v>
      </c>
      <c r="CJ6" s="152">
        <v>88</v>
      </c>
      <c r="CK6" s="157">
        <v>1042</v>
      </c>
      <c r="CL6" s="156">
        <v>1065</v>
      </c>
      <c r="CM6" s="151">
        <v>0</v>
      </c>
      <c r="CN6" s="152">
        <v>4</v>
      </c>
      <c r="CO6" s="157">
        <v>4</v>
      </c>
      <c r="CP6" s="154">
        <v>0</v>
      </c>
      <c r="CQ6" s="152">
        <v>21</v>
      </c>
      <c r="CR6" s="152">
        <v>52</v>
      </c>
      <c r="CS6" s="152">
        <v>48</v>
      </c>
      <c r="CT6" s="152">
        <v>44</v>
      </c>
      <c r="CU6" s="152">
        <v>23</v>
      </c>
      <c r="CV6" s="157">
        <v>188</v>
      </c>
      <c r="CW6" s="156">
        <v>192</v>
      </c>
      <c r="CX6" s="151">
        <v>0</v>
      </c>
      <c r="CY6" s="152">
        <v>0</v>
      </c>
      <c r="CZ6" s="157">
        <v>0</v>
      </c>
      <c r="DA6" s="154">
        <v>0</v>
      </c>
      <c r="DB6" s="152">
        <v>0</v>
      </c>
      <c r="DC6" s="152">
        <v>0</v>
      </c>
      <c r="DD6" s="152">
        <v>0</v>
      </c>
      <c r="DE6" s="152">
        <v>0</v>
      </c>
      <c r="DF6" s="152">
        <v>0</v>
      </c>
      <c r="DG6" s="157">
        <v>0</v>
      </c>
      <c r="DH6" s="156">
        <v>0</v>
      </c>
      <c r="DI6" s="151">
        <v>0</v>
      </c>
      <c r="DJ6" s="152">
        <v>0</v>
      </c>
      <c r="DK6" s="157">
        <v>0</v>
      </c>
      <c r="DL6" s="154">
        <v>0</v>
      </c>
      <c r="DM6" s="152">
        <v>0</v>
      </c>
      <c r="DN6" s="152">
        <v>0</v>
      </c>
      <c r="DO6" s="152">
        <v>0</v>
      </c>
      <c r="DP6" s="152">
        <v>0</v>
      </c>
      <c r="DQ6" s="152">
        <v>0</v>
      </c>
      <c r="DR6" s="157">
        <v>0</v>
      </c>
      <c r="DS6" s="156">
        <v>0</v>
      </c>
      <c r="DT6" s="151">
        <v>687</v>
      </c>
      <c r="DU6" s="152">
        <v>1430</v>
      </c>
      <c r="DV6" s="157">
        <v>2117</v>
      </c>
      <c r="DW6" s="154">
        <v>0</v>
      </c>
      <c r="DX6" s="152">
        <v>1936</v>
      </c>
      <c r="DY6" s="152">
        <v>3335</v>
      </c>
      <c r="DZ6" s="152">
        <v>1846</v>
      </c>
      <c r="EA6" s="152">
        <v>1248</v>
      </c>
      <c r="EB6" s="152">
        <v>720</v>
      </c>
      <c r="EC6" s="157">
        <v>9085</v>
      </c>
      <c r="ED6" s="156">
        <v>11202</v>
      </c>
      <c r="EE6" s="151">
        <v>176</v>
      </c>
      <c r="EF6" s="152">
        <v>134</v>
      </c>
      <c r="EG6" s="157">
        <v>310</v>
      </c>
      <c r="EH6" s="154">
        <v>0</v>
      </c>
      <c r="EI6" s="152">
        <v>600</v>
      </c>
      <c r="EJ6" s="152">
        <v>596</v>
      </c>
      <c r="EK6" s="152">
        <v>448</v>
      </c>
      <c r="EL6" s="152">
        <v>512</v>
      </c>
      <c r="EM6" s="152">
        <v>231</v>
      </c>
      <c r="EN6" s="157">
        <v>2387</v>
      </c>
      <c r="EO6" s="156">
        <v>2697</v>
      </c>
      <c r="EP6" s="151">
        <v>998</v>
      </c>
      <c r="EQ6" s="152">
        <v>1811</v>
      </c>
      <c r="ER6" s="157">
        <v>2809</v>
      </c>
      <c r="ES6" s="154">
        <v>0</v>
      </c>
      <c r="ET6" s="152">
        <v>4447</v>
      </c>
      <c r="EU6" s="152">
        <v>4591</v>
      </c>
      <c r="EV6" s="152">
        <v>2229</v>
      </c>
      <c r="EW6" s="152">
        <v>1331</v>
      </c>
      <c r="EX6" s="152">
        <v>725</v>
      </c>
      <c r="EY6" s="157">
        <v>13323</v>
      </c>
      <c r="EZ6" s="156">
        <v>16132</v>
      </c>
    </row>
    <row r="7" spans="2:156" ht="21" customHeight="1" x14ac:dyDescent="0.2">
      <c r="B7" s="158" t="s">
        <v>5</v>
      </c>
      <c r="C7" s="159">
        <v>0</v>
      </c>
      <c r="D7" s="160">
        <v>0</v>
      </c>
      <c r="E7" s="161">
        <v>0</v>
      </c>
      <c r="F7" s="162">
        <v>0</v>
      </c>
      <c r="G7" s="160">
        <v>505</v>
      </c>
      <c r="H7" s="160">
        <v>711</v>
      </c>
      <c r="I7" s="160">
        <v>361</v>
      </c>
      <c r="J7" s="160">
        <v>243</v>
      </c>
      <c r="K7" s="160">
        <v>161</v>
      </c>
      <c r="L7" s="163">
        <v>1981</v>
      </c>
      <c r="M7" s="164">
        <v>1981</v>
      </c>
      <c r="N7" s="159">
        <v>0</v>
      </c>
      <c r="O7" s="160">
        <v>1</v>
      </c>
      <c r="P7" s="165">
        <v>1</v>
      </c>
      <c r="Q7" s="162">
        <v>0</v>
      </c>
      <c r="R7" s="160">
        <v>2</v>
      </c>
      <c r="S7" s="160">
        <v>20</v>
      </c>
      <c r="T7" s="160">
        <v>26</v>
      </c>
      <c r="U7" s="160">
        <v>52</v>
      </c>
      <c r="V7" s="160">
        <v>79</v>
      </c>
      <c r="W7" s="165">
        <v>179</v>
      </c>
      <c r="X7" s="164">
        <v>180</v>
      </c>
      <c r="Y7" s="159">
        <v>91</v>
      </c>
      <c r="Z7" s="160">
        <v>255</v>
      </c>
      <c r="AA7" s="165">
        <v>346</v>
      </c>
      <c r="AB7" s="162">
        <v>0</v>
      </c>
      <c r="AC7" s="160">
        <v>386</v>
      </c>
      <c r="AD7" s="160">
        <v>772</v>
      </c>
      <c r="AE7" s="160">
        <v>409</v>
      </c>
      <c r="AF7" s="160">
        <v>295</v>
      </c>
      <c r="AG7" s="160">
        <v>155</v>
      </c>
      <c r="AH7" s="165">
        <v>2017</v>
      </c>
      <c r="AI7" s="164">
        <v>2363</v>
      </c>
      <c r="AJ7" s="159">
        <v>10</v>
      </c>
      <c r="AK7" s="160">
        <v>26</v>
      </c>
      <c r="AL7" s="165">
        <v>36</v>
      </c>
      <c r="AM7" s="162">
        <v>0</v>
      </c>
      <c r="AN7" s="160">
        <v>28</v>
      </c>
      <c r="AO7" s="160">
        <v>49</v>
      </c>
      <c r="AP7" s="160">
        <v>42</v>
      </c>
      <c r="AQ7" s="160">
        <v>22</v>
      </c>
      <c r="AR7" s="160">
        <v>17</v>
      </c>
      <c r="AS7" s="165">
        <v>158</v>
      </c>
      <c r="AT7" s="164">
        <v>194</v>
      </c>
      <c r="AU7" s="159">
        <v>119</v>
      </c>
      <c r="AV7" s="160">
        <v>209</v>
      </c>
      <c r="AW7" s="165">
        <v>328</v>
      </c>
      <c r="AX7" s="162">
        <v>0</v>
      </c>
      <c r="AY7" s="160">
        <v>579</v>
      </c>
      <c r="AZ7" s="160">
        <v>874</v>
      </c>
      <c r="BA7" s="160">
        <v>671</v>
      </c>
      <c r="BB7" s="160">
        <v>623</v>
      </c>
      <c r="BC7" s="160">
        <v>365</v>
      </c>
      <c r="BD7" s="163">
        <v>3112</v>
      </c>
      <c r="BE7" s="164">
        <v>3440</v>
      </c>
      <c r="BF7" s="159">
        <v>0</v>
      </c>
      <c r="BG7" s="160">
        <v>0</v>
      </c>
      <c r="BH7" s="165">
        <v>0</v>
      </c>
      <c r="BI7" s="162">
        <v>0</v>
      </c>
      <c r="BJ7" s="160">
        <v>598</v>
      </c>
      <c r="BK7" s="160">
        <v>643</v>
      </c>
      <c r="BL7" s="160">
        <v>316</v>
      </c>
      <c r="BM7" s="160">
        <v>137</v>
      </c>
      <c r="BN7" s="160">
        <v>79</v>
      </c>
      <c r="BO7" s="165">
        <v>1773</v>
      </c>
      <c r="BP7" s="164">
        <v>1773</v>
      </c>
      <c r="BQ7" s="159">
        <v>69</v>
      </c>
      <c r="BR7" s="160">
        <v>94</v>
      </c>
      <c r="BS7" s="165">
        <v>163</v>
      </c>
      <c r="BT7" s="162">
        <v>0</v>
      </c>
      <c r="BU7" s="160">
        <v>144</v>
      </c>
      <c r="BV7" s="160">
        <v>245</v>
      </c>
      <c r="BW7" s="160">
        <v>159</v>
      </c>
      <c r="BX7" s="160">
        <v>80</v>
      </c>
      <c r="BY7" s="160">
        <v>21</v>
      </c>
      <c r="BZ7" s="165">
        <v>649</v>
      </c>
      <c r="CA7" s="164">
        <v>812</v>
      </c>
      <c r="CB7" s="159">
        <v>2</v>
      </c>
      <c r="CC7" s="160">
        <v>8</v>
      </c>
      <c r="CD7" s="165">
        <v>10</v>
      </c>
      <c r="CE7" s="162">
        <v>0</v>
      </c>
      <c r="CF7" s="160">
        <v>57</v>
      </c>
      <c r="CG7" s="160">
        <v>95</v>
      </c>
      <c r="CH7" s="160">
        <v>142</v>
      </c>
      <c r="CI7" s="160">
        <v>82</v>
      </c>
      <c r="CJ7" s="160">
        <v>36</v>
      </c>
      <c r="CK7" s="165">
        <v>412</v>
      </c>
      <c r="CL7" s="164">
        <v>422</v>
      </c>
      <c r="CM7" s="159">
        <v>0</v>
      </c>
      <c r="CN7" s="160">
        <v>3</v>
      </c>
      <c r="CO7" s="165">
        <v>3</v>
      </c>
      <c r="CP7" s="162">
        <v>0</v>
      </c>
      <c r="CQ7" s="160">
        <v>11</v>
      </c>
      <c r="CR7" s="160">
        <v>26</v>
      </c>
      <c r="CS7" s="160">
        <v>27</v>
      </c>
      <c r="CT7" s="160">
        <v>25</v>
      </c>
      <c r="CU7" s="160">
        <v>12</v>
      </c>
      <c r="CV7" s="165">
        <v>101</v>
      </c>
      <c r="CW7" s="164">
        <v>104</v>
      </c>
      <c r="CX7" s="159">
        <v>0</v>
      </c>
      <c r="CY7" s="160">
        <v>0</v>
      </c>
      <c r="CZ7" s="165">
        <v>0</v>
      </c>
      <c r="DA7" s="162">
        <v>0</v>
      </c>
      <c r="DB7" s="160">
        <v>0</v>
      </c>
      <c r="DC7" s="160">
        <v>0</v>
      </c>
      <c r="DD7" s="160">
        <v>0</v>
      </c>
      <c r="DE7" s="160">
        <v>0</v>
      </c>
      <c r="DF7" s="160">
        <v>0</v>
      </c>
      <c r="DG7" s="165">
        <v>0</v>
      </c>
      <c r="DH7" s="164">
        <v>0</v>
      </c>
      <c r="DI7" s="159">
        <v>0</v>
      </c>
      <c r="DJ7" s="160">
        <v>0</v>
      </c>
      <c r="DK7" s="165">
        <v>0</v>
      </c>
      <c r="DL7" s="162">
        <v>0</v>
      </c>
      <c r="DM7" s="160">
        <v>0</v>
      </c>
      <c r="DN7" s="160">
        <v>0</v>
      </c>
      <c r="DO7" s="160">
        <v>0</v>
      </c>
      <c r="DP7" s="160">
        <v>0</v>
      </c>
      <c r="DQ7" s="160">
        <v>0</v>
      </c>
      <c r="DR7" s="165">
        <v>0</v>
      </c>
      <c r="DS7" s="164">
        <v>0</v>
      </c>
      <c r="DT7" s="159">
        <v>222</v>
      </c>
      <c r="DU7" s="160">
        <v>680</v>
      </c>
      <c r="DV7" s="165">
        <v>902</v>
      </c>
      <c r="DW7" s="162">
        <v>0</v>
      </c>
      <c r="DX7" s="160">
        <v>608</v>
      </c>
      <c r="DY7" s="160">
        <v>1539</v>
      </c>
      <c r="DZ7" s="160">
        <v>851</v>
      </c>
      <c r="EA7" s="160">
        <v>563</v>
      </c>
      <c r="EB7" s="160">
        <v>305</v>
      </c>
      <c r="EC7" s="165">
        <v>3866</v>
      </c>
      <c r="ED7" s="164">
        <v>4768</v>
      </c>
      <c r="EE7" s="159">
        <v>67</v>
      </c>
      <c r="EF7" s="160">
        <v>69</v>
      </c>
      <c r="EG7" s="165">
        <v>136</v>
      </c>
      <c r="EH7" s="162">
        <v>0</v>
      </c>
      <c r="EI7" s="160">
        <v>221</v>
      </c>
      <c r="EJ7" s="160">
        <v>283</v>
      </c>
      <c r="EK7" s="160">
        <v>211</v>
      </c>
      <c r="EL7" s="160">
        <v>230</v>
      </c>
      <c r="EM7" s="160">
        <v>104</v>
      </c>
      <c r="EN7" s="165">
        <v>1049</v>
      </c>
      <c r="EO7" s="164">
        <v>1185</v>
      </c>
      <c r="EP7" s="159">
        <v>369</v>
      </c>
      <c r="EQ7" s="160">
        <v>880</v>
      </c>
      <c r="ER7" s="165">
        <v>1249</v>
      </c>
      <c r="ES7" s="162">
        <v>0</v>
      </c>
      <c r="ET7" s="160">
        <v>1588</v>
      </c>
      <c r="EU7" s="160">
        <v>2134</v>
      </c>
      <c r="EV7" s="160">
        <v>1059</v>
      </c>
      <c r="EW7" s="160">
        <v>608</v>
      </c>
      <c r="EX7" s="160">
        <v>315</v>
      </c>
      <c r="EY7" s="165">
        <v>5704</v>
      </c>
      <c r="EZ7" s="164">
        <v>6953</v>
      </c>
    </row>
    <row r="8" spans="2:156" ht="21" customHeight="1" x14ac:dyDescent="0.2">
      <c r="B8" s="166" t="s">
        <v>6</v>
      </c>
      <c r="C8" s="159">
        <v>0</v>
      </c>
      <c r="D8" s="160">
        <v>0</v>
      </c>
      <c r="E8" s="161">
        <v>0</v>
      </c>
      <c r="F8" s="162">
        <v>0</v>
      </c>
      <c r="G8" s="160">
        <v>161</v>
      </c>
      <c r="H8" s="160">
        <v>165</v>
      </c>
      <c r="I8" s="160">
        <v>78</v>
      </c>
      <c r="J8" s="160">
        <v>77</v>
      </c>
      <c r="K8" s="160">
        <v>42</v>
      </c>
      <c r="L8" s="163">
        <v>523</v>
      </c>
      <c r="M8" s="164">
        <v>523</v>
      </c>
      <c r="N8" s="159">
        <v>0</v>
      </c>
      <c r="O8" s="160">
        <v>0</v>
      </c>
      <c r="P8" s="165">
        <v>0</v>
      </c>
      <c r="Q8" s="162">
        <v>0</v>
      </c>
      <c r="R8" s="160">
        <v>1</v>
      </c>
      <c r="S8" s="160">
        <v>2</v>
      </c>
      <c r="T8" s="160">
        <v>3</v>
      </c>
      <c r="U8" s="160">
        <v>9</v>
      </c>
      <c r="V8" s="160">
        <v>20</v>
      </c>
      <c r="W8" s="165">
        <v>35</v>
      </c>
      <c r="X8" s="164">
        <v>35</v>
      </c>
      <c r="Y8" s="159">
        <v>31</v>
      </c>
      <c r="Z8" s="160">
        <v>53</v>
      </c>
      <c r="AA8" s="165">
        <v>84</v>
      </c>
      <c r="AB8" s="162">
        <v>0</v>
      </c>
      <c r="AC8" s="160">
        <v>157</v>
      </c>
      <c r="AD8" s="160">
        <v>172</v>
      </c>
      <c r="AE8" s="160">
        <v>92</v>
      </c>
      <c r="AF8" s="160">
        <v>71</v>
      </c>
      <c r="AG8" s="160">
        <v>42</v>
      </c>
      <c r="AH8" s="165">
        <v>534</v>
      </c>
      <c r="AI8" s="164">
        <v>618</v>
      </c>
      <c r="AJ8" s="159">
        <v>5</v>
      </c>
      <c r="AK8" s="160">
        <v>1</v>
      </c>
      <c r="AL8" s="165">
        <v>6</v>
      </c>
      <c r="AM8" s="162">
        <v>0</v>
      </c>
      <c r="AN8" s="160">
        <v>8</v>
      </c>
      <c r="AO8" s="160">
        <v>16</v>
      </c>
      <c r="AP8" s="160">
        <v>7</v>
      </c>
      <c r="AQ8" s="160">
        <v>1</v>
      </c>
      <c r="AR8" s="160">
        <v>6</v>
      </c>
      <c r="AS8" s="165">
        <v>38</v>
      </c>
      <c r="AT8" s="164">
        <v>44</v>
      </c>
      <c r="AU8" s="159">
        <v>50</v>
      </c>
      <c r="AV8" s="160">
        <v>48</v>
      </c>
      <c r="AW8" s="165">
        <v>98</v>
      </c>
      <c r="AX8" s="162">
        <v>0</v>
      </c>
      <c r="AY8" s="160">
        <v>256</v>
      </c>
      <c r="AZ8" s="160">
        <v>246</v>
      </c>
      <c r="BA8" s="160">
        <v>200</v>
      </c>
      <c r="BB8" s="160">
        <v>181</v>
      </c>
      <c r="BC8" s="160">
        <v>121</v>
      </c>
      <c r="BD8" s="163">
        <v>1004</v>
      </c>
      <c r="BE8" s="164">
        <v>1102</v>
      </c>
      <c r="BF8" s="159">
        <v>0</v>
      </c>
      <c r="BG8" s="160">
        <v>0</v>
      </c>
      <c r="BH8" s="165">
        <v>0</v>
      </c>
      <c r="BI8" s="162">
        <v>0</v>
      </c>
      <c r="BJ8" s="160">
        <v>246</v>
      </c>
      <c r="BK8" s="160">
        <v>223</v>
      </c>
      <c r="BL8" s="160">
        <v>78</v>
      </c>
      <c r="BM8" s="160">
        <v>51</v>
      </c>
      <c r="BN8" s="160">
        <v>12</v>
      </c>
      <c r="BO8" s="165">
        <v>610</v>
      </c>
      <c r="BP8" s="164">
        <v>610</v>
      </c>
      <c r="BQ8" s="159">
        <v>14</v>
      </c>
      <c r="BR8" s="160">
        <v>12</v>
      </c>
      <c r="BS8" s="165">
        <v>26</v>
      </c>
      <c r="BT8" s="162">
        <v>0</v>
      </c>
      <c r="BU8" s="160">
        <v>47</v>
      </c>
      <c r="BV8" s="160">
        <v>63</v>
      </c>
      <c r="BW8" s="160">
        <v>36</v>
      </c>
      <c r="BX8" s="160">
        <v>19</v>
      </c>
      <c r="BY8" s="160">
        <v>12</v>
      </c>
      <c r="BZ8" s="165">
        <v>177</v>
      </c>
      <c r="CA8" s="164">
        <v>203</v>
      </c>
      <c r="CB8" s="159">
        <v>0</v>
      </c>
      <c r="CC8" s="160">
        <v>1</v>
      </c>
      <c r="CD8" s="165">
        <v>1</v>
      </c>
      <c r="CE8" s="162">
        <v>0</v>
      </c>
      <c r="CF8" s="160">
        <v>13</v>
      </c>
      <c r="CG8" s="160">
        <v>30</v>
      </c>
      <c r="CH8" s="160">
        <v>30</v>
      </c>
      <c r="CI8" s="160">
        <v>16</v>
      </c>
      <c r="CJ8" s="160">
        <v>8</v>
      </c>
      <c r="CK8" s="165">
        <v>97</v>
      </c>
      <c r="CL8" s="164">
        <v>98</v>
      </c>
      <c r="CM8" s="159">
        <v>0</v>
      </c>
      <c r="CN8" s="160">
        <v>0</v>
      </c>
      <c r="CO8" s="165">
        <v>0</v>
      </c>
      <c r="CP8" s="162">
        <v>0</v>
      </c>
      <c r="CQ8" s="160">
        <v>1</v>
      </c>
      <c r="CR8" s="160">
        <v>9</v>
      </c>
      <c r="CS8" s="160">
        <v>3</v>
      </c>
      <c r="CT8" s="160">
        <v>7</v>
      </c>
      <c r="CU8" s="160">
        <v>5</v>
      </c>
      <c r="CV8" s="165">
        <v>25</v>
      </c>
      <c r="CW8" s="164">
        <v>25</v>
      </c>
      <c r="CX8" s="159">
        <v>0</v>
      </c>
      <c r="CY8" s="160">
        <v>0</v>
      </c>
      <c r="CZ8" s="165">
        <v>0</v>
      </c>
      <c r="DA8" s="162">
        <v>0</v>
      </c>
      <c r="DB8" s="160">
        <v>0</v>
      </c>
      <c r="DC8" s="160">
        <v>0</v>
      </c>
      <c r="DD8" s="160">
        <v>0</v>
      </c>
      <c r="DE8" s="160">
        <v>0</v>
      </c>
      <c r="DF8" s="160">
        <v>0</v>
      </c>
      <c r="DG8" s="165">
        <v>0</v>
      </c>
      <c r="DH8" s="164">
        <v>0</v>
      </c>
      <c r="DI8" s="159">
        <v>0</v>
      </c>
      <c r="DJ8" s="160">
        <v>0</v>
      </c>
      <c r="DK8" s="165">
        <v>0</v>
      </c>
      <c r="DL8" s="162">
        <v>0</v>
      </c>
      <c r="DM8" s="160">
        <v>0</v>
      </c>
      <c r="DN8" s="160">
        <v>0</v>
      </c>
      <c r="DO8" s="160">
        <v>0</v>
      </c>
      <c r="DP8" s="160">
        <v>0</v>
      </c>
      <c r="DQ8" s="160">
        <v>0</v>
      </c>
      <c r="DR8" s="165">
        <v>0</v>
      </c>
      <c r="DS8" s="164">
        <v>0</v>
      </c>
      <c r="DT8" s="159">
        <v>87</v>
      </c>
      <c r="DU8" s="160">
        <v>157</v>
      </c>
      <c r="DV8" s="165">
        <v>244</v>
      </c>
      <c r="DW8" s="162">
        <v>0</v>
      </c>
      <c r="DX8" s="160">
        <v>282</v>
      </c>
      <c r="DY8" s="160">
        <v>381</v>
      </c>
      <c r="DZ8" s="160">
        <v>215</v>
      </c>
      <c r="EA8" s="160">
        <v>164</v>
      </c>
      <c r="EB8" s="160">
        <v>94</v>
      </c>
      <c r="EC8" s="165">
        <v>1136</v>
      </c>
      <c r="ED8" s="164">
        <v>1380</v>
      </c>
      <c r="EE8" s="159">
        <v>32</v>
      </c>
      <c r="EF8" s="160">
        <v>13</v>
      </c>
      <c r="EG8" s="165">
        <v>45</v>
      </c>
      <c r="EH8" s="162">
        <v>0</v>
      </c>
      <c r="EI8" s="160">
        <v>93</v>
      </c>
      <c r="EJ8" s="160">
        <v>74</v>
      </c>
      <c r="EK8" s="160">
        <v>55</v>
      </c>
      <c r="EL8" s="160">
        <v>66</v>
      </c>
      <c r="EM8" s="160">
        <v>35</v>
      </c>
      <c r="EN8" s="165">
        <v>323</v>
      </c>
      <c r="EO8" s="164">
        <v>368</v>
      </c>
      <c r="EP8" s="159">
        <v>123</v>
      </c>
      <c r="EQ8" s="160">
        <v>187</v>
      </c>
      <c r="ER8" s="165">
        <v>310</v>
      </c>
      <c r="ES8" s="162">
        <v>0</v>
      </c>
      <c r="ET8" s="160">
        <v>600</v>
      </c>
      <c r="EU8" s="160">
        <v>536</v>
      </c>
      <c r="EV8" s="160">
        <v>241</v>
      </c>
      <c r="EW8" s="160">
        <v>164</v>
      </c>
      <c r="EX8" s="160">
        <v>96</v>
      </c>
      <c r="EY8" s="165">
        <v>1637</v>
      </c>
      <c r="EZ8" s="164">
        <v>1947</v>
      </c>
    </row>
    <row r="9" spans="2:156" ht="21" customHeight="1" x14ac:dyDescent="0.2">
      <c r="B9" s="166" t="s">
        <v>14</v>
      </c>
      <c r="C9" s="159">
        <v>0</v>
      </c>
      <c r="D9" s="160">
        <v>0</v>
      </c>
      <c r="E9" s="161">
        <v>0</v>
      </c>
      <c r="F9" s="162">
        <v>0</v>
      </c>
      <c r="G9" s="160">
        <v>55</v>
      </c>
      <c r="H9" s="160">
        <v>113</v>
      </c>
      <c r="I9" s="160">
        <v>54</v>
      </c>
      <c r="J9" s="160">
        <v>29</v>
      </c>
      <c r="K9" s="160">
        <v>36</v>
      </c>
      <c r="L9" s="163">
        <v>287</v>
      </c>
      <c r="M9" s="164">
        <v>287</v>
      </c>
      <c r="N9" s="159">
        <v>0</v>
      </c>
      <c r="O9" s="160">
        <v>0</v>
      </c>
      <c r="P9" s="165">
        <v>0</v>
      </c>
      <c r="Q9" s="162">
        <v>0</v>
      </c>
      <c r="R9" s="160">
        <v>0</v>
      </c>
      <c r="S9" s="160">
        <v>2</v>
      </c>
      <c r="T9" s="160">
        <v>2</v>
      </c>
      <c r="U9" s="160">
        <v>7</v>
      </c>
      <c r="V9" s="160">
        <v>7</v>
      </c>
      <c r="W9" s="165">
        <v>18</v>
      </c>
      <c r="X9" s="164">
        <v>18</v>
      </c>
      <c r="Y9" s="159">
        <v>13</v>
      </c>
      <c r="Z9" s="160">
        <v>33</v>
      </c>
      <c r="AA9" s="165">
        <v>46</v>
      </c>
      <c r="AB9" s="162">
        <v>0</v>
      </c>
      <c r="AC9" s="160">
        <v>55</v>
      </c>
      <c r="AD9" s="160">
        <v>117</v>
      </c>
      <c r="AE9" s="160">
        <v>61</v>
      </c>
      <c r="AF9" s="160">
        <v>38</v>
      </c>
      <c r="AG9" s="160">
        <v>29</v>
      </c>
      <c r="AH9" s="165">
        <v>300</v>
      </c>
      <c r="AI9" s="164">
        <v>346</v>
      </c>
      <c r="AJ9" s="159">
        <v>2</v>
      </c>
      <c r="AK9" s="160">
        <v>2</v>
      </c>
      <c r="AL9" s="165">
        <v>4</v>
      </c>
      <c r="AM9" s="162">
        <v>0</v>
      </c>
      <c r="AN9" s="160">
        <v>2</v>
      </c>
      <c r="AO9" s="160">
        <v>4</v>
      </c>
      <c r="AP9" s="160">
        <v>2</v>
      </c>
      <c r="AQ9" s="160">
        <v>3</v>
      </c>
      <c r="AR9" s="160">
        <v>0</v>
      </c>
      <c r="AS9" s="165">
        <v>11</v>
      </c>
      <c r="AT9" s="164">
        <v>15</v>
      </c>
      <c r="AU9" s="159">
        <v>25</v>
      </c>
      <c r="AV9" s="160">
        <v>23</v>
      </c>
      <c r="AW9" s="165">
        <v>48</v>
      </c>
      <c r="AX9" s="162">
        <v>0</v>
      </c>
      <c r="AY9" s="160">
        <v>91</v>
      </c>
      <c r="AZ9" s="160">
        <v>141</v>
      </c>
      <c r="BA9" s="160">
        <v>106</v>
      </c>
      <c r="BB9" s="160">
        <v>90</v>
      </c>
      <c r="BC9" s="160">
        <v>67</v>
      </c>
      <c r="BD9" s="163">
        <v>495</v>
      </c>
      <c r="BE9" s="164">
        <v>543</v>
      </c>
      <c r="BF9" s="159">
        <v>0</v>
      </c>
      <c r="BG9" s="160">
        <v>0</v>
      </c>
      <c r="BH9" s="165">
        <v>0</v>
      </c>
      <c r="BI9" s="162">
        <v>0</v>
      </c>
      <c r="BJ9" s="160">
        <v>111</v>
      </c>
      <c r="BK9" s="160">
        <v>140</v>
      </c>
      <c r="BL9" s="160">
        <v>82</v>
      </c>
      <c r="BM9" s="160">
        <v>35</v>
      </c>
      <c r="BN9" s="160">
        <v>15</v>
      </c>
      <c r="BO9" s="165">
        <v>383</v>
      </c>
      <c r="BP9" s="164">
        <v>383</v>
      </c>
      <c r="BQ9" s="159">
        <v>6</v>
      </c>
      <c r="BR9" s="160">
        <v>11</v>
      </c>
      <c r="BS9" s="165">
        <v>17</v>
      </c>
      <c r="BT9" s="162">
        <v>0</v>
      </c>
      <c r="BU9" s="160">
        <v>8</v>
      </c>
      <c r="BV9" s="160">
        <v>28</v>
      </c>
      <c r="BW9" s="160">
        <v>15</v>
      </c>
      <c r="BX9" s="160">
        <v>11</v>
      </c>
      <c r="BY9" s="160">
        <v>2</v>
      </c>
      <c r="BZ9" s="165">
        <v>64</v>
      </c>
      <c r="CA9" s="164">
        <v>81</v>
      </c>
      <c r="CB9" s="159">
        <v>0</v>
      </c>
      <c r="CC9" s="160">
        <v>1</v>
      </c>
      <c r="CD9" s="165">
        <v>1</v>
      </c>
      <c r="CE9" s="162">
        <v>0</v>
      </c>
      <c r="CF9" s="160">
        <v>5</v>
      </c>
      <c r="CG9" s="160">
        <v>22</v>
      </c>
      <c r="CH9" s="160">
        <v>25</v>
      </c>
      <c r="CI9" s="160">
        <v>16</v>
      </c>
      <c r="CJ9" s="160">
        <v>9</v>
      </c>
      <c r="CK9" s="165">
        <v>77</v>
      </c>
      <c r="CL9" s="164">
        <v>78</v>
      </c>
      <c r="CM9" s="159">
        <v>0</v>
      </c>
      <c r="CN9" s="160">
        <v>0</v>
      </c>
      <c r="CO9" s="165">
        <v>0</v>
      </c>
      <c r="CP9" s="162">
        <v>0</v>
      </c>
      <c r="CQ9" s="160">
        <v>0</v>
      </c>
      <c r="CR9" s="160">
        <v>1</v>
      </c>
      <c r="CS9" s="160">
        <v>0</v>
      </c>
      <c r="CT9" s="160">
        <v>3</v>
      </c>
      <c r="CU9" s="160">
        <v>1</v>
      </c>
      <c r="CV9" s="165">
        <v>5</v>
      </c>
      <c r="CW9" s="164">
        <v>5</v>
      </c>
      <c r="CX9" s="159">
        <v>0</v>
      </c>
      <c r="CY9" s="160">
        <v>0</v>
      </c>
      <c r="CZ9" s="165">
        <v>0</v>
      </c>
      <c r="DA9" s="162">
        <v>0</v>
      </c>
      <c r="DB9" s="160">
        <v>0</v>
      </c>
      <c r="DC9" s="160">
        <v>0</v>
      </c>
      <c r="DD9" s="160">
        <v>0</v>
      </c>
      <c r="DE9" s="160">
        <v>0</v>
      </c>
      <c r="DF9" s="160">
        <v>0</v>
      </c>
      <c r="DG9" s="165">
        <v>0</v>
      </c>
      <c r="DH9" s="164">
        <v>0</v>
      </c>
      <c r="DI9" s="159">
        <v>0</v>
      </c>
      <c r="DJ9" s="160">
        <v>0</v>
      </c>
      <c r="DK9" s="165">
        <v>0</v>
      </c>
      <c r="DL9" s="162">
        <v>0</v>
      </c>
      <c r="DM9" s="160">
        <v>0</v>
      </c>
      <c r="DN9" s="160">
        <v>0</v>
      </c>
      <c r="DO9" s="160">
        <v>0</v>
      </c>
      <c r="DP9" s="160">
        <v>0</v>
      </c>
      <c r="DQ9" s="160">
        <v>0</v>
      </c>
      <c r="DR9" s="165">
        <v>0</v>
      </c>
      <c r="DS9" s="164">
        <v>0</v>
      </c>
      <c r="DT9" s="159">
        <v>37</v>
      </c>
      <c r="DU9" s="160">
        <v>113</v>
      </c>
      <c r="DV9" s="165">
        <v>150</v>
      </c>
      <c r="DW9" s="162">
        <v>0</v>
      </c>
      <c r="DX9" s="160">
        <v>114</v>
      </c>
      <c r="DY9" s="160">
        <v>275</v>
      </c>
      <c r="DZ9" s="160">
        <v>153</v>
      </c>
      <c r="EA9" s="160">
        <v>97</v>
      </c>
      <c r="EB9" s="160">
        <v>58</v>
      </c>
      <c r="EC9" s="165">
        <v>697</v>
      </c>
      <c r="ED9" s="164">
        <v>847</v>
      </c>
      <c r="EE9" s="159">
        <v>11</v>
      </c>
      <c r="EF9" s="160">
        <v>5</v>
      </c>
      <c r="EG9" s="165">
        <v>16</v>
      </c>
      <c r="EH9" s="162">
        <v>0</v>
      </c>
      <c r="EI9" s="160">
        <v>28</v>
      </c>
      <c r="EJ9" s="160">
        <v>35</v>
      </c>
      <c r="EK9" s="160">
        <v>28</v>
      </c>
      <c r="EL9" s="160">
        <v>19</v>
      </c>
      <c r="EM9" s="160">
        <v>13</v>
      </c>
      <c r="EN9" s="165">
        <v>123</v>
      </c>
      <c r="EO9" s="164">
        <v>139</v>
      </c>
      <c r="EP9" s="159">
        <v>55</v>
      </c>
      <c r="EQ9" s="160">
        <v>138</v>
      </c>
      <c r="ER9" s="165">
        <v>193</v>
      </c>
      <c r="ES9" s="162">
        <v>0</v>
      </c>
      <c r="ET9" s="160">
        <v>271</v>
      </c>
      <c r="EU9" s="160">
        <v>368</v>
      </c>
      <c r="EV9" s="160">
        <v>187</v>
      </c>
      <c r="EW9" s="160">
        <v>101</v>
      </c>
      <c r="EX9" s="160">
        <v>55</v>
      </c>
      <c r="EY9" s="165">
        <v>982</v>
      </c>
      <c r="EZ9" s="164">
        <v>1175</v>
      </c>
    </row>
    <row r="10" spans="2:156" ht="21" customHeight="1" x14ac:dyDescent="0.2">
      <c r="B10" s="166" t="s">
        <v>7</v>
      </c>
      <c r="C10" s="159">
        <v>0</v>
      </c>
      <c r="D10" s="160">
        <v>0</v>
      </c>
      <c r="E10" s="161">
        <v>0</v>
      </c>
      <c r="F10" s="162">
        <v>0</v>
      </c>
      <c r="G10" s="160">
        <v>112</v>
      </c>
      <c r="H10" s="160">
        <v>86</v>
      </c>
      <c r="I10" s="160">
        <v>37</v>
      </c>
      <c r="J10" s="160">
        <v>28</v>
      </c>
      <c r="K10" s="160">
        <v>24</v>
      </c>
      <c r="L10" s="163">
        <v>287</v>
      </c>
      <c r="M10" s="164">
        <v>287</v>
      </c>
      <c r="N10" s="159">
        <v>0</v>
      </c>
      <c r="O10" s="160">
        <v>0</v>
      </c>
      <c r="P10" s="165">
        <v>0</v>
      </c>
      <c r="Q10" s="162">
        <v>0</v>
      </c>
      <c r="R10" s="160">
        <v>2</v>
      </c>
      <c r="S10" s="160">
        <v>6</v>
      </c>
      <c r="T10" s="160">
        <v>4</v>
      </c>
      <c r="U10" s="160">
        <v>10</v>
      </c>
      <c r="V10" s="160">
        <v>13</v>
      </c>
      <c r="W10" s="165">
        <v>35</v>
      </c>
      <c r="X10" s="164">
        <v>35</v>
      </c>
      <c r="Y10" s="159">
        <v>0</v>
      </c>
      <c r="Z10" s="160">
        <v>1</v>
      </c>
      <c r="AA10" s="165">
        <v>1</v>
      </c>
      <c r="AB10" s="162">
        <v>0</v>
      </c>
      <c r="AC10" s="160">
        <v>51</v>
      </c>
      <c r="AD10" s="160">
        <v>56</v>
      </c>
      <c r="AE10" s="160">
        <v>23</v>
      </c>
      <c r="AF10" s="160">
        <v>18</v>
      </c>
      <c r="AG10" s="160">
        <v>20</v>
      </c>
      <c r="AH10" s="165">
        <v>168</v>
      </c>
      <c r="AI10" s="164">
        <v>169</v>
      </c>
      <c r="AJ10" s="159">
        <v>0</v>
      </c>
      <c r="AK10" s="160">
        <v>1</v>
      </c>
      <c r="AL10" s="165">
        <v>1</v>
      </c>
      <c r="AM10" s="162">
        <v>0</v>
      </c>
      <c r="AN10" s="160">
        <v>13</v>
      </c>
      <c r="AO10" s="160">
        <v>9</v>
      </c>
      <c r="AP10" s="160">
        <v>5</v>
      </c>
      <c r="AQ10" s="160">
        <v>3</v>
      </c>
      <c r="AR10" s="160">
        <v>1</v>
      </c>
      <c r="AS10" s="165">
        <v>31</v>
      </c>
      <c r="AT10" s="164">
        <v>32</v>
      </c>
      <c r="AU10" s="159">
        <v>27</v>
      </c>
      <c r="AV10" s="160">
        <v>17</v>
      </c>
      <c r="AW10" s="165">
        <v>44</v>
      </c>
      <c r="AX10" s="162">
        <v>0</v>
      </c>
      <c r="AY10" s="160">
        <v>141</v>
      </c>
      <c r="AZ10" s="160">
        <v>127</v>
      </c>
      <c r="BA10" s="160">
        <v>84</v>
      </c>
      <c r="BB10" s="160">
        <v>73</v>
      </c>
      <c r="BC10" s="160">
        <v>52</v>
      </c>
      <c r="BD10" s="163">
        <v>477</v>
      </c>
      <c r="BE10" s="164">
        <v>521</v>
      </c>
      <c r="BF10" s="159">
        <v>0</v>
      </c>
      <c r="BG10" s="160">
        <v>0</v>
      </c>
      <c r="BH10" s="165">
        <v>0</v>
      </c>
      <c r="BI10" s="162">
        <v>0</v>
      </c>
      <c r="BJ10" s="160">
        <v>164</v>
      </c>
      <c r="BK10" s="160">
        <v>87</v>
      </c>
      <c r="BL10" s="160">
        <v>46</v>
      </c>
      <c r="BM10" s="160">
        <v>16</v>
      </c>
      <c r="BN10" s="160">
        <v>10</v>
      </c>
      <c r="BO10" s="165">
        <v>323</v>
      </c>
      <c r="BP10" s="164">
        <v>323</v>
      </c>
      <c r="BQ10" s="159">
        <v>4</v>
      </c>
      <c r="BR10" s="160">
        <v>5</v>
      </c>
      <c r="BS10" s="165">
        <v>9</v>
      </c>
      <c r="BT10" s="162">
        <v>0</v>
      </c>
      <c r="BU10" s="160">
        <v>26</v>
      </c>
      <c r="BV10" s="160">
        <v>28</v>
      </c>
      <c r="BW10" s="160">
        <v>7</v>
      </c>
      <c r="BX10" s="160">
        <v>5</v>
      </c>
      <c r="BY10" s="160">
        <v>3</v>
      </c>
      <c r="BZ10" s="165">
        <v>69</v>
      </c>
      <c r="CA10" s="164">
        <v>78</v>
      </c>
      <c r="CB10" s="159">
        <v>0</v>
      </c>
      <c r="CC10" s="160">
        <v>0</v>
      </c>
      <c r="CD10" s="165">
        <v>0</v>
      </c>
      <c r="CE10" s="162">
        <v>0</v>
      </c>
      <c r="CF10" s="160">
        <v>24</v>
      </c>
      <c r="CG10" s="160">
        <v>32</v>
      </c>
      <c r="CH10" s="160">
        <v>30</v>
      </c>
      <c r="CI10" s="160">
        <v>20</v>
      </c>
      <c r="CJ10" s="160">
        <v>9</v>
      </c>
      <c r="CK10" s="165">
        <v>115</v>
      </c>
      <c r="CL10" s="164">
        <v>115</v>
      </c>
      <c r="CM10" s="159">
        <v>0</v>
      </c>
      <c r="CN10" s="160">
        <v>0</v>
      </c>
      <c r="CO10" s="165">
        <v>0</v>
      </c>
      <c r="CP10" s="162">
        <v>0</v>
      </c>
      <c r="CQ10" s="160">
        <v>0</v>
      </c>
      <c r="CR10" s="160">
        <v>3</v>
      </c>
      <c r="CS10" s="160">
        <v>1</v>
      </c>
      <c r="CT10" s="160">
        <v>1</v>
      </c>
      <c r="CU10" s="160">
        <v>0</v>
      </c>
      <c r="CV10" s="165">
        <v>5</v>
      </c>
      <c r="CW10" s="164">
        <v>5</v>
      </c>
      <c r="CX10" s="159">
        <v>0</v>
      </c>
      <c r="CY10" s="160">
        <v>0</v>
      </c>
      <c r="CZ10" s="165">
        <v>0</v>
      </c>
      <c r="DA10" s="162">
        <v>0</v>
      </c>
      <c r="DB10" s="160">
        <v>0</v>
      </c>
      <c r="DC10" s="160">
        <v>0</v>
      </c>
      <c r="DD10" s="160">
        <v>0</v>
      </c>
      <c r="DE10" s="160">
        <v>0</v>
      </c>
      <c r="DF10" s="160">
        <v>0</v>
      </c>
      <c r="DG10" s="165">
        <v>0</v>
      </c>
      <c r="DH10" s="164">
        <v>0</v>
      </c>
      <c r="DI10" s="159">
        <v>0</v>
      </c>
      <c r="DJ10" s="160">
        <v>0</v>
      </c>
      <c r="DK10" s="165">
        <v>0</v>
      </c>
      <c r="DL10" s="162">
        <v>0</v>
      </c>
      <c r="DM10" s="160">
        <v>0</v>
      </c>
      <c r="DN10" s="160">
        <v>0</v>
      </c>
      <c r="DO10" s="160">
        <v>0</v>
      </c>
      <c r="DP10" s="160">
        <v>0</v>
      </c>
      <c r="DQ10" s="160">
        <v>0</v>
      </c>
      <c r="DR10" s="165">
        <v>0</v>
      </c>
      <c r="DS10" s="164">
        <v>0</v>
      </c>
      <c r="DT10" s="159">
        <v>37</v>
      </c>
      <c r="DU10" s="160">
        <v>50</v>
      </c>
      <c r="DV10" s="165">
        <v>87</v>
      </c>
      <c r="DW10" s="162">
        <v>0</v>
      </c>
      <c r="DX10" s="160">
        <v>188</v>
      </c>
      <c r="DY10" s="160">
        <v>185</v>
      </c>
      <c r="DZ10" s="160">
        <v>93</v>
      </c>
      <c r="EA10" s="160">
        <v>59</v>
      </c>
      <c r="EB10" s="160">
        <v>42</v>
      </c>
      <c r="EC10" s="165">
        <v>567</v>
      </c>
      <c r="ED10" s="164">
        <v>654</v>
      </c>
      <c r="EE10" s="159">
        <v>21</v>
      </c>
      <c r="EF10" s="160">
        <v>13</v>
      </c>
      <c r="EG10" s="165">
        <v>34</v>
      </c>
      <c r="EH10" s="162">
        <v>0</v>
      </c>
      <c r="EI10" s="160">
        <v>56</v>
      </c>
      <c r="EJ10" s="160">
        <v>37</v>
      </c>
      <c r="EK10" s="160">
        <v>26</v>
      </c>
      <c r="EL10" s="160">
        <v>28</v>
      </c>
      <c r="EM10" s="160">
        <v>22</v>
      </c>
      <c r="EN10" s="165">
        <v>169</v>
      </c>
      <c r="EO10" s="164">
        <v>203</v>
      </c>
      <c r="EP10" s="159">
        <v>40</v>
      </c>
      <c r="EQ10" s="160">
        <v>52</v>
      </c>
      <c r="ER10" s="165">
        <v>92</v>
      </c>
      <c r="ES10" s="162">
        <v>0</v>
      </c>
      <c r="ET10" s="160">
        <v>405</v>
      </c>
      <c r="EU10" s="160">
        <v>255</v>
      </c>
      <c r="EV10" s="160">
        <v>113</v>
      </c>
      <c r="EW10" s="160">
        <v>70</v>
      </c>
      <c r="EX10" s="160">
        <v>43</v>
      </c>
      <c r="EY10" s="165">
        <v>886</v>
      </c>
      <c r="EZ10" s="164">
        <v>978</v>
      </c>
    </row>
    <row r="11" spans="2:156" ht="21" customHeight="1" x14ac:dyDescent="0.2">
      <c r="B11" s="166" t="s">
        <v>8</v>
      </c>
      <c r="C11" s="159">
        <v>0</v>
      </c>
      <c r="D11" s="160">
        <v>0</v>
      </c>
      <c r="E11" s="161">
        <v>0</v>
      </c>
      <c r="F11" s="162">
        <v>0</v>
      </c>
      <c r="G11" s="160">
        <v>25</v>
      </c>
      <c r="H11" s="160">
        <v>26</v>
      </c>
      <c r="I11" s="160">
        <v>19</v>
      </c>
      <c r="J11" s="160">
        <v>15</v>
      </c>
      <c r="K11" s="160">
        <v>10</v>
      </c>
      <c r="L11" s="163">
        <v>95</v>
      </c>
      <c r="M11" s="164">
        <v>95</v>
      </c>
      <c r="N11" s="159">
        <v>0</v>
      </c>
      <c r="O11" s="160">
        <v>0</v>
      </c>
      <c r="P11" s="165">
        <v>0</v>
      </c>
      <c r="Q11" s="162">
        <v>0</v>
      </c>
      <c r="R11" s="160">
        <v>1</v>
      </c>
      <c r="S11" s="160">
        <v>1</v>
      </c>
      <c r="T11" s="160">
        <v>2</v>
      </c>
      <c r="U11" s="160">
        <v>0</v>
      </c>
      <c r="V11" s="160">
        <v>6</v>
      </c>
      <c r="W11" s="165">
        <v>10</v>
      </c>
      <c r="X11" s="164">
        <v>10</v>
      </c>
      <c r="Y11" s="159">
        <v>2</v>
      </c>
      <c r="Z11" s="160">
        <v>3</v>
      </c>
      <c r="AA11" s="165">
        <v>5</v>
      </c>
      <c r="AB11" s="162">
        <v>0</v>
      </c>
      <c r="AC11" s="160">
        <v>27</v>
      </c>
      <c r="AD11" s="160">
        <v>30</v>
      </c>
      <c r="AE11" s="160">
        <v>26</v>
      </c>
      <c r="AF11" s="160">
        <v>17</v>
      </c>
      <c r="AG11" s="160">
        <v>9</v>
      </c>
      <c r="AH11" s="165">
        <v>109</v>
      </c>
      <c r="AI11" s="164">
        <v>114</v>
      </c>
      <c r="AJ11" s="159">
        <v>1</v>
      </c>
      <c r="AK11" s="160">
        <v>1</v>
      </c>
      <c r="AL11" s="165">
        <v>2</v>
      </c>
      <c r="AM11" s="162">
        <v>0</v>
      </c>
      <c r="AN11" s="160">
        <v>5</v>
      </c>
      <c r="AO11" s="160">
        <v>6</v>
      </c>
      <c r="AP11" s="160">
        <v>4</v>
      </c>
      <c r="AQ11" s="160">
        <v>1</v>
      </c>
      <c r="AR11" s="160">
        <v>1</v>
      </c>
      <c r="AS11" s="165">
        <v>17</v>
      </c>
      <c r="AT11" s="164">
        <v>19</v>
      </c>
      <c r="AU11" s="159">
        <v>6</v>
      </c>
      <c r="AV11" s="160">
        <v>5</v>
      </c>
      <c r="AW11" s="165">
        <v>11</v>
      </c>
      <c r="AX11" s="162">
        <v>0</v>
      </c>
      <c r="AY11" s="160">
        <v>36</v>
      </c>
      <c r="AZ11" s="160">
        <v>33</v>
      </c>
      <c r="BA11" s="160">
        <v>30</v>
      </c>
      <c r="BB11" s="160">
        <v>30</v>
      </c>
      <c r="BC11" s="160">
        <v>24</v>
      </c>
      <c r="BD11" s="163">
        <v>153</v>
      </c>
      <c r="BE11" s="164">
        <v>164</v>
      </c>
      <c r="BF11" s="159">
        <v>0</v>
      </c>
      <c r="BG11" s="160">
        <v>0</v>
      </c>
      <c r="BH11" s="165">
        <v>0</v>
      </c>
      <c r="BI11" s="162">
        <v>0</v>
      </c>
      <c r="BJ11" s="160">
        <v>40</v>
      </c>
      <c r="BK11" s="160">
        <v>41</v>
      </c>
      <c r="BL11" s="160">
        <v>16</v>
      </c>
      <c r="BM11" s="160">
        <v>17</v>
      </c>
      <c r="BN11" s="160">
        <v>5</v>
      </c>
      <c r="BO11" s="165">
        <v>119</v>
      </c>
      <c r="BP11" s="164">
        <v>119</v>
      </c>
      <c r="BQ11" s="159">
        <v>5</v>
      </c>
      <c r="BR11" s="160">
        <v>4</v>
      </c>
      <c r="BS11" s="165">
        <v>9</v>
      </c>
      <c r="BT11" s="162">
        <v>0</v>
      </c>
      <c r="BU11" s="160">
        <v>10</v>
      </c>
      <c r="BV11" s="160">
        <v>15</v>
      </c>
      <c r="BW11" s="160">
        <v>5</v>
      </c>
      <c r="BX11" s="160">
        <v>1</v>
      </c>
      <c r="BY11" s="160">
        <v>1</v>
      </c>
      <c r="BZ11" s="165">
        <v>32</v>
      </c>
      <c r="CA11" s="164">
        <v>41</v>
      </c>
      <c r="CB11" s="159">
        <v>1</v>
      </c>
      <c r="CC11" s="160">
        <v>1</v>
      </c>
      <c r="CD11" s="165">
        <v>2</v>
      </c>
      <c r="CE11" s="162">
        <v>0</v>
      </c>
      <c r="CF11" s="160">
        <v>3</v>
      </c>
      <c r="CG11" s="160">
        <v>8</v>
      </c>
      <c r="CH11" s="160">
        <v>8</v>
      </c>
      <c r="CI11" s="160">
        <v>5</v>
      </c>
      <c r="CJ11" s="160">
        <v>2</v>
      </c>
      <c r="CK11" s="165">
        <v>26</v>
      </c>
      <c r="CL11" s="164">
        <v>28</v>
      </c>
      <c r="CM11" s="159">
        <v>0</v>
      </c>
      <c r="CN11" s="160">
        <v>0</v>
      </c>
      <c r="CO11" s="165">
        <v>0</v>
      </c>
      <c r="CP11" s="162">
        <v>0</v>
      </c>
      <c r="CQ11" s="160">
        <v>0</v>
      </c>
      <c r="CR11" s="160">
        <v>0</v>
      </c>
      <c r="CS11" s="160">
        <v>0</v>
      </c>
      <c r="CT11" s="160">
        <v>0</v>
      </c>
      <c r="CU11" s="160">
        <v>1</v>
      </c>
      <c r="CV11" s="165">
        <v>1</v>
      </c>
      <c r="CW11" s="164">
        <v>1</v>
      </c>
      <c r="CX11" s="159">
        <v>0</v>
      </c>
      <c r="CY11" s="160">
        <v>0</v>
      </c>
      <c r="CZ11" s="165">
        <v>0</v>
      </c>
      <c r="DA11" s="162">
        <v>0</v>
      </c>
      <c r="DB11" s="160">
        <v>0</v>
      </c>
      <c r="DC11" s="160">
        <v>0</v>
      </c>
      <c r="DD11" s="160">
        <v>0</v>
      </c>
      <c r="DE11" s="160">
        <v>0</v>
      </c>
      <c r="DF11" s="160">
        <v>0</v>
      </c>
      <c r="DG11" s="165">
        <v>0</v>
      </c>
      <c r="DH11" s="164">
        <v>0</v>
      </c>
      <c r="DI11" s="159">
        <v>0</v>
      </c>
      <c r="DJ11" s="160">
        <v>0</v>
      </c>
      <c r="DK11" s="165">
        <v>0</v>
      </c>
      <c r="DL11" s="162">
        <v>0</v>
      </c>
      <c r="DM11" s="160">
        <v>0</v>
      </c>
      <c r="DN11" s="160">
        <v>0</v>
      </c>
      <c r="DO11" s="160">
        <v>0</v>
      </c>
      <c r="DP11" s="160">
        <v>0</v>
      </c>
      <c r="DQ11" s="160">
        <v>0</v>
      </c>
      <c r="DR11" s="165">
        <v>0</v>
      </c>
      <c r="DS11" s="164">
        <v>0</v>
      </c>
      <c r="DT11" s="159">
        <v>19</v>
      </c>
      <c r="DU11" s="160">
        <v>25</v>
      </c>
      <c r="DV11" s="165">
        <v>44</v>
      </c>
      <c r="DW11" s="162">
        <v>0</v>
      </c>
      <c r="DX11" s="160">
        <v>60</v>
      </c>
      <c r="DY11" s="160">
        <v>99</v>
      </c>
      <c r="DZ11" s="160">
        <v>48</v>
      </c>
      <c r="EA11" s="160">
        <v>31</v>
      </c>
      <c r="EB11" s="160">
        <v>20</v>
      </c>
      <c r="EC11" s="165">
        <v>258</v>
      </c>
      <c r="ED11" s="164">
        <v>302</v>
      </c>
      <c r="EE11" s="159">
        <v>6</v>
      </c>
      <c r="EF11" s="160">
        <v>2</v>
      </c>
      <c r="EG11" s="165">
        <v>8</v>
      </c>
      <c r="EH11" s="162">
        <v>0</v>
      </c>
      <c r="EI11" s="160">
        <v>16</v>
      </c>
      <c r="EJ11" s="160">
        <v>9</v>
      </c>
      <c r="EK11" s="160">
        <v>6</v>
      </c>
      <c r="EL11" s="160">
        <v>9</v>
      </c>
      <c r="EM11" s="160">
        <v>3</v>
      </c>
      <c r="EN11" s="165">
        <v>43</v>
      </c>
      <c r="EO11" s="164">
        <v>51</v>
      </c>
      <c r="EP11" s="159">
        <v>28</v>
      </c>
      <c r="EQ11" s="160">
        <v>30</v>
      </c>
      <c r="ER11" s="165">
        <v>58</v>
      </c>
      <c r="ES11" s="162">
        <v>0</v>
      </c>
      <c r="ET11" s="160">
        <v>111</v>
      </c>
      <c r="EU11" s="160">
        <v>132</v>
      </c>
      <c r="EV11" s="160">
        <v>58</v>
      </c>
      <c r="EW11" s="160">
        <v>34</v>
      </c>
      <c r="EX11" s="160">
        <v>22</v>
      </c>
      <c r="EY11" s="165">
        <v>357</v>
      </c>
      <c r="EZ11" s="164">
        <v>415</v>
      </c>
    </row>
    <row r="12" spans="2:156" ht="21" customHeight="1" x14ac:dyDescent="0.2">
      <c r="B12" s="166" t="s">
        <v>9</v>
      </c>
      <c r="C12" s="159">
        <v>0</v>
      </c>
      <c r="D12" s="160">
        <v>0</v>
      </c>
      <c r="E12" s="161">
        <v>0</v>
      </c>
      <c r="F12" s="162">
        <v>0</v>
      </c>
      <c r="G12" s="160">
        <v>63</v>
      </c>
      <c r="H12" s="160">
        <v>31</v>
      </c>
      <c r="I12" s="160">
        <v>32</v>
      </c>
      <c r="J12" s="160">
        <v>25</v>
      </c>
      <c r="K12" s="160">
        <v>20</v>
      </c>
      <c r="L12" s="163">
        <v>171</v>
      </c>
      <c r="M12" s="164">
        <v>171</v>
      </c>
      <c r="N12" s="159">
        <v>0</v>
      </c>
      <c r="O12" s="160">
        <v>0</v>
      </c>
      <c r="P12" s="165">
        <v>0</v>
      </c>
      <c r="Q12" s="162">
        <v>0</v>
      </c>
      <c r="R12" s="160">
        <v>0</v>
      </c>
      <c r="S12" s="160">
        <v>0</v>
      </c>
      <c r="T12" s="160">
        <v>0</v>
      </c>
      <c r="U12" s="160">
        <v>2</v>
      </c>
      <c r="V12" s="160">
        <v>7</v>
      </c>
      <c r="W12" s="165">
        <v>9</v>
      </c>
      <c r="X12" s="164">
        <v>9</v>
      </c>
      <c r="Y12" s="159">
        <v>9</v>
      </c>
      <c r="Z12" s="160">
        <v>10</v>
      </c>
      <c r="AA12" s="165">
        <v>19</v>
      </c>
      <c r="AB12" s="162">
        <v>0</v>
      </c>
      <c r="AC12" s="160">
        <v>46</v>
      </c>
      <c r="AD12" s="160">
        <v>27</v>
      </c>
      <c r="AE12" s="160">
        <v>31</v>
      </c>
      <c r="AF12" s="160">
        <v>20</v>
      </c>
      <c r="AG12" s="160">
        <v>18</v>
      </c>
      <c r="AH12" s="165">
        <v>142</v>
      </c>
      <c r="AI12" s="164">
        <v>161</v>
      </c>
      <c r="AJ12" s="159">
        <v>0</v>
      </c>
      <c r="AK12" s="160">
        <v>1</v>
      </c>
      <c r="AL12" s="165">
        <v>1</v>
      </c>
      <c r="AM12" s="162">
        <v>0</v>
      </c>
      <c r="AN12" s="160">
        <v>3</v>
      </c>
      <c r="AO12" s="160">
        <v>1</v>
      </c>
      <c r="AP12" s="160">
        <v>0</v>
      </c>
      <c r="AQ12" s="160">
        <v>2</v>
      </c>
      <c r="AR12" s="160">
        <v>4</v>
      </c>
      <c r="AS12" s="165">
        <v>10</v>
      </c>
      <c r="AT12" s="164">
        <v>11</v>
      </c>
      <c r="AU12" s="159">
        <v>9</v>
      </c>
      <c r="AV12" s="160">
        <v>8</v>
      </c>
      <c r="AW12" s="165">
        <v>17</v>
      </c>
      <c r="AX12" s="162">
        <v>0</v>
      </c>
      <c r="AY12" s="160">
        <v>52</v>
      </c>
      <c r="AZ12" s="160">
        <v>56</v>
      </c>
      <c r="BA12" s="160">
        <v>67</v>
      </c>
      <c r="BB12" s="160">
        <v>51</v>
      </c>
      <c r="BC12" s="160">
        <v>27</v>
      </c>
      <c r="BD12" s="163">
        <v>253</v>
      </c>
      <c r="BE12" s="164">
        <v>270</v>
      </c>
      <c r="BF12" s="159">
        <v>0</v>
      </c>
      <c r="BG12" s="160">
        <v>0</v>
      </c>
      <c r="BH12" s="165">
        <v>0</v>
      </c>
      <c r="BI12" s="162">
        <v>0</v>
      </c>
      <c r="BJ12" s="160">
        <v>57</v>
      </c>
      <c r="BK12" s="160">
        <v>31</v>
      </c>
      <c r="BL12" s="160">
        <v>23</v>
      </c>
      <c r="BM12" s="160">
        <v>11</v>
      </c>
      <c r="BN12" s="160">
        <v>3</v>
      </c>
      <c r="BO12" s="165">
        <v>125</v>
      </c>
      <c r="BP12" s="164">
        <v>125</v>
      </c>
      <c r="BQ12" s="159">
        <v>4</v>
      </c>
      <c r="BR12" s="160">
        <v>4</v>
      </c>
      <c r="BS12" s="165">
        <v>8</v>
      </c>
      <c r="BT12" s="162">
        <v>0</v>
      </c>
      <c r="BU12" s="160">
        <v>19</v>
      </c>
      <c r="BV12" s="160">
        <v>15</v>
      </c>
      <c r="BW12" s="160">
        <v>12</v>
      </c>
      <c r="BX12" s="160">
        <v>11</v>
      </c>
      <c r="BY12" s="160">
        <v>0</v>
      </c>
      <c r="BZ12" s="165">
        <v>57</v>
      </c>
      <c r="CA12" s="164">
        <v>65</v>
      </c>
      <c r="CB12" s="159">
        <v>0</v>
      </c>
      <c r="CC12" s="160">
        <v>0</v>
      </c>
      <c r="CD12" s="165">
        <v>0</v>
      </c>
      <c r="CE12" s="162">
        <v>0</v>
      </c>
      <c r="CF12" s="160">
        <v>6</v>
      </c>
      <c r="CG12" s="160">
        <v>6</v>
      </c>
      <c r="CH12" s="160">
        <v>13</v>
      </c>
      <c r="CI12" s="160">
        <v>3</v>
      </c>
      <c r="CJ12" s="160">
        <v>1</v>
      </c>
      <c r="CK12" s="165">
        <v>29</v>
      </c>
      <c r="CL12" s="164">
        <v>29</v>
      </c>
      <c r="CM12" s="159">
        <v>0</v>
      </c>
      <c r="CN12" s="160">
        <v>0</v>
      </c>
      <c r="CO12" s="165">
        <v>0</v>
      </c>
      <c r="CP12" s="162">
        <v>0</v>
      </c>
      <c r="CQ12" s="160">
        <v>1</v>
      </c>
      <c r="CR12" s="160">
        <v>3</v>
      </c>
      <c r="CS12" s="160">
        <v>1</v>
      </c>
      <c r="CT12" s="160">
        <v>1</v>
      </c>
      <c r="CU12" s="160">
        <v>1</v>
      </c>
      <c r="CV12" s="165">
        <v>7</v>
      </c>
      <c r="CW12" s="164">
        <v>7</v>
      </c>
      <c r="CX12" s="159">
        <v>0</v>
      </c>
      <c r="CY12" s="160">
        <v>0</v>
      </c>
      <c r="CZ12" s="165">
        <v>0</v>
      </c>
      <c r="DA12" s="162">
        <v>0</v>
      </c>
      <c r="DB12" s="160">
        <v>0</v>
      </c>
      <c r="DC12" s="160">
        <v>0</v>
      </c>
      <c r="DD12" s="160">
        <v>0</v>
      </c>
      <c r="DE12" s="160">
        <v>0</v>
      </c>
      <c r="DF12" s="160">
        <v>0</v>
      </c>
      <c r="DG12" s="165">
        <v>0</v>
      </c>
      <c r="DH12" s="164">
        <v>0</v>
      </c>
      <c r="DI12" s="159">
        <v>0</v>
      </c>
      <c r="DJ12" s="160">
        <v>0</v>
      </c>
      <c r="DK12" s="165">
        <v>0</v>
      </c>
      <c r="DL12" s="162">
        <v>0</v>
      </c>
      <c r="DM12" s="160">
        <v>0</v>
      </c>
      <c r="DN12" s="160">
        <v>0</v>
      </c>
      <c r="DO12" s="160">
        <v>0</v>
      </c>
      <c r="DP12" s="160">
        <v>0</v>
      </c>
      <c r="DQ12" s="160">
        <v>0</v>
      </c>
      <c r="DR12" s="165">
        <v>0</v>
      </c>
      <c r="DS12" s="164">
        <v>0</v>
      </c>
      <c r="DT12" s="159">
        <v>31</v>
      </c>
      <c r="DU12" s="160">
        <v>28</v>
      </c>
      <c r="DV12" s="165">
        <v>59</v>
      </c>
      <c r="DW12" s="162">
        <v>0</v>
      </c>
      <c r="DX12" s="160">
        <v>84</v>
      </c>
      <c r="DY12" s="160">
        <v>70</v>
      </c>
      <c r="DZ12" s="160">
        <v>62</v>
      </c>
      <c r="EA12" s="160">
        <v>48</v>
      </c>
      <c r="EB12" s="160">
        <v>31</v>
      </c>
      <c r="EC12" s="165">
        <v>295</v>
      </c>
      <c r="ED12" s="164">
        <v>354</v>
      </c>
      <c r="EE12" s="159">
        <v>6</v>
      </c>
      <c r="EF12" s="160">
        <v>3</v>
      </c>
      <c r="EG12" s="165">
        <v>9</v>
      </c>
      <c r="EH12" s="162">
        <v>0</v>
      </c>
      <c r="EI12" s="160">
        <v>17</v>
      </c>
      <c r="EJ12" s="160">
        <v>22</v>
      </c>
      <c r="EK12" s="160">
        <v>17</v>
      </c>
      <c r="EL12" s="160">
        <v>19</v>
      </c>
      <c r="EM12" s="160">
        <v>5</v>
      </c>
      <c r="EN12" s="165">
        <v>80</v>
      </c>
      <c r="EO12" s="164">
        <v>89</v>
      </c>
      <c r="EP12" s="159">
        <v>38</v>
      </c>
      <c r="EQ12" s="160">
        <v>39</v>
      </c>
      <c r="ER12" s="165">
        <v>77</v>
      </c>
      <c r="ES12" s="162">
        <v>0</v>
      </c>
      <c r="ET12" s="160">
        <v>175</v>
      </c>
      <c r="EU12" s="160">
        <v>102</v>
      </c>
      <c r="EV12" s="160">
        <v>74</v>
      </c>
      <c r="EW12" s="160">
        <v>51</v>
      </c>
      <c r="EX12" s="160">
        <v>31</v>
      </c>
      <c r="EY12" s="165">
        <v>433</v>
      </c>
      <c r="EZ12" s="164">
        <v>510</v>
      </c>
    </row>
    <row r="13" spans="2:156" ht="21" customHeight="1" x14ac:dyDescent="0.2">
      <c r="B13" s="166" t="s">
        <v>10</v>
      </c>
      <c r="C13" s="159">
        <v>0</v>
      </c>
      <c r="D13" s="160">
        <v>0</v>
      </c>
      <c r="E13" s="161">
        <v>0</v>
      </c>
      <c r="F13" s="162">
        <v>0</v>
      </c>
      <c r="G13" s="160">
        <v>84</v>
      </c>
      <c r="H13" s="160">
        <v>50</v>
      </c>
      <c r="I13" s="160">
        <v>27</v>
      </c>
      <c r="J13" s="160">
        <v>33</v>
      </c>
      <c r="K13" s="160">
        <v>22</v>
      </c>
      <c r="L13" s="163">
        <v>216</v>
      </c>
      <c r="M13" s="164">
        <v>216</v>
      </c>
      <c r="N13" s="159">
        <v>0</v>
      </c>
      <c r="O13" s="160">
        <v>0</v>
      </c>
      <c r="P13" s="165">
        <v>0</v>
      </c>
      <c r="Q13" s="162">
        <v>0</v>
      </c>
      <c r="R13" s="160">
        <v>0</v>
      </c>
      <c r="S13" s="160">
        <v>1</v>
      </c>
      <c r="T13" s="160">
        <v>2</v>
      </c>
      <c r="U13" s="160">
        <v>6</v>
      </c>
      <c r="V13" s="160">
        <v>8</v>
      </c>
      <c r="W13" s="165">
        <v>17</v>
      </c>
      <c r="X13" s="164">
        <v>17</v>
      </c>
      <c r="Y13" s="159">
        <v>20</v>
      </c>
      <c r="Z13" s="160">
        <v>19</v>
      </c>
      <c r="AA13" s="165">
        <v>39</v>
      </c>
      <c r="AB13" s="162">
        <v>0</v>
      </c>
      <c r="AC13" s="160">
        <v>65</v>
      </c>
      <c r="AD13" s="160">
        <v>36</v>
      </c>
      <c r="AE13" s="160">
        <v>25</v>
      </c>
      <c r="AF13" s="160">
        <v>25</v>
      </c>
      <c r="AG13" s="160">
        <v>13</v>
      </c>
      <c r="AH13" s="165">
        <v>164</v>
      </c>
      <c r="AI13" s="164">
        <v>203</v>
      </c>
      <c r="AJ13" s="159">
        <v>2</v>
      </c>
      <c r="AK13" s="160">
        <v>2</v>
      </c>
      <c r="AL13" s="165">
        <v>4</v>
      </c>
      <c r="AM13" s="162">
        <v>0</v>
      </c>
      <c r="AN13" s="160">
        <v>8</v>
      </c>
      <c r="AO13" s="160">
        <v>8</v>
      </c>
      <c r="AP13" s="160">
        <v>4</v>
      </c>
      <c r="AQ13" s="160">
        <v>3</v>
      </c>
      <c r="AR13" s="160">
        <v>4</v>
      </c>
      <c r="AS13" s="165">
        <v>27</v>
      </c>
      <c r="AT13" s="164">
        <v>31</v>
      </c>
      <c r="AU13" s="159">
        <v>18</v>
      </c>
      <c r="AV13" s="160">
        <v>26</v>
      </c>
      <c r="AW13" s="165">
        <v>44</v>
      </c>
      <c r="AX13" s="162">
        <v>0</v>
      </c>
      <c r="AY13" s="160">
        <v>100</v>
      </c>
      <c r="AZ13" s="160">
        <v>78</v>
      </c>
      <c r="BA13" s="160">
        <v>68</v>
      </c>
      <c r="BB13" s="160">
        <v>75</v>
      </c>
      <c r="BC13" s="160">
        <v>46</v>
      </c>
      <c r="BD13" s="163">
        <v>367</v>
      </c>
      <c r="BE13" s="164">
        <v>411</v>
      </c>
      <c r="BF13" s="159">
        <v>0</v>
      </c>
      <c r="BG13" s="160">
        <v>0</v>
      </c>
      <c r="BH13" s="165">
        <v>0</v>
      </c>
      <c r="BI13" s="162">
        <v>0</v>
      </c>
      <c r="BJ13" s="160">
        <v>123</v>
      </c>
      <c r="BK13" s="160">
        <v>76</v>
      </c>
      <c r="BL13" s="160">
        <v>26</v>
      </c>
      <c r="BM13" s="160">
        <v>18</v>
      </c>
      <c r="BN13" s="160">
        <v>11</v>
      </c>
      <c r="BO13" s="165">
        <v>254</v>
      </c>
      <c r="BP13" s="164">
        <v>254</v>
      </c>
      <c r="BQ13" s="159">
        <v>3</v>
      </c>
      <c r="BR13" s="160">
        <v>5</v>
      </c>
      <c r="BS13" s="165">
        <v>8</v>
      </c>
      <c r="BT13" s="162">
        <v>0</v>
      </c>
      <c r="BU13" s="160">
        <v>24</v>
      </c>
      <c r="BV13" s="160">
        <v>12</v>
      </c>
      <c r="BW13" s="160">
        <v>10</v>
      </c>
      <c r="BX13" s="160">
        <v>2</v>
      </c>
      <c r="BY13" s="160">
        <v>2</v>
      </c>
      <c r="BZ13" s="165">
        <v>50</v>
      </c>
      <c r="CA13" s="164">
        <v>58</v>
      </c>
      <c r="CB13" s="159">
        <v>0</v>
      </c>
      <c r="CC13" s="160">
        <v>3</v>
      </c>
      <c r="CD13" s="165">
        <v>3</v>
      </c>
      <c r="CE13" s="162">
        <v>0</v>
      </c>
      <c r="CF13" s="160">
        <v>19</v>
      </c>
      <c r="CG13" s="160">
        <v>12</v>
      </c>
      <c r="CH13" s="160">
        <v>13</v>
      </c>
      <c r="CI13" s="160">
        <v>8</v>
      </c>
      <c r="CJ13" s="160">
        <v>7</v>
      </c>
      <c r="CK13" s="165">
        <v>59</v>
      </c>
      <c r="CL13" s="164">
        <v>62</v>
      </c>
      <c r="CM13" s="159">
        <v>0</v>
      </c>
      <c r="CN13" s="160">
        <v>1</v>
      </c>
      <c r="CO13" s="165">
        <v>1</v>
      </c>
      <c r="CP13" s="162">
        <v>0</v>
      </c>
      <c r="CQ13" s="160">
        <v>1</v>
      </c>
      <c r="CR13" s="160">
        <v>1</v>
      </c>
      <c r="CS13" s="160">
        <v>4</v>
      </c>
      <c r="CT13" s="160">
        <v>0</v>
      </c>
      <c r="CU13" s="160">
        <v>0</v>
      </c>
      <c r="CV13" s="165">
        <v>6</v>
      </c>
      <c r="CW13" s="164">
        <v>7</v>
      </c>
      <c r="CX13" s="159">
        <v>0</v>
      </c>
      <c r="CY13" s="160">
        <v>0</v>
      </c>
      <c r="CZ13" s="165">
        <v>0</v>
      </c>
      <c r="DA13" s="162">
        <v>0</v>
      </c>
      <c r="DB13" s="160">
        <v>0</v>
      </c>
      <c r="DC13" s="160">
        <v>0</v>
      </c>
      <c r="DD13" s="160">
        <v>0</v>
      </c>
      <c r="DE13" s="160">
        <v>0</v>
      </c>
      <c r="DF13" s="160">
        <v>0</v>
      </c>
      <c r="DG13" s="165">
        <v>0</v>
      </c>
      <c r="DH13" s="164">
        <v>0</v>
      </c>
      <c r="DI13" s="159">
        <v>0</v>
      </c>
      <c r="DJ13" s="160">
        <v>0</v>
      </c>
      <c r="DK13" s="165">
        <v>0</v>
      </c>
      <c r="DL13" s="162">
        <v>0</v>
      </c>
      <c r="DM13" s="160">
        <v>0</v>
      </c>
      <c r="DN13" s="160">
        <v>0</v>
      </c>
      <c r="DO13" s="160">
        <v>0</v>
      </c>
      <c r="DP13" s="160">
        <v>0</v>
      </c>
      <c r="DQ13" s="160">
        <v>0</v>
      </c>
      <c r="DR13" s="165">
        <v>0</v>
      </c>
      <c r="DS13" s="164">
        <v>0</v>
      </c>
      <c r="DT13" s="159">
        <v>71</v>
      </c>
      <c r="DU13" s="160">
        <v>89</v>
      </c>
      <c r="DV13" s="165">
        <v>160</v>
      </c>
      <c r="DW13" s="162">
        <v>0</v>
      </c>
      <c r="DX13" s="160">
        <v>142</v>
      </c>
      <c r="DY13" s="160">
        <v>122</v>
      </c>
      <c r="DZ13" s="160">
        <v>58</v>
      </c>
      <c r="EA13" s="160">
        <v>61</v>
      </c>
      <c r="EB13" s="160">
        <v>37</v>
      </c>
      <c r="EC13" s="165">
        <v>420</v>
      </c>
      <c r="ED13" s="164">
        <v>580</v>
      </c>
      <c r="EE13" s="159">
        <v>10</v>
      </c>
      <c r="EF13" s="160">
        <v>4</v>
      </c>
      <c r="EG13" s="165">
        <v>14</v>
      </c>
      <c r="EH13" s="162">
        <v>0</v>
      </c>
      <c r="EI13" s="160">
        <v>25</v>
      </c>
      <c r="EJ13" s="160">
        <v>23</v>
      </c>
      <c r="EK13" s="160">
        <v>16</v>
      </c>
      <c r="EL13" s="160">
        <v>25</v>
      </c>
      <c r="EM13" s="160">
        <v>12</v>
      </c>
      <c r="EN13" s="165">
        <v>101</v>
      </c>
      <c r="EO13" s="164">
        <v>115</v>
      </c>
      <c r="EP13" s="159">
        <v>88</v>
      </c>
      <c r="EQ13" s="160">
        <v>102</v>
      </c>
      <c r="ER13" s="165">
        <v>190</v>
      </c>
      <c r="ES13" s="162">
        <v>0</v>
      </c>
      <c r="ET13" s="160">
        <v>278</v>
      </c>
      <c r="EU13" s="160">
        <v>150</v>
      </c>
      <c r="EV13" s="160">
        <v>66</v>
      </c>
      <c r="EW13" s="160">
        <v>60</v>
      </c>
      <c r="EX13" s="160">
        <v>37</v>
      </c>
      <c r="EY13" s="165">
        <v>591</v>
      </c>
      <c r="EZ13" s="164">
        <v>781</v>
      </c>
    </row>
    <row r="14" spans="2:156" ht="21" customHeight="1" x14ac:dyDescent="0.2">
      <c r="B14" s="166" t="s">
        <v>11</v>
      </c>
      <c r="C14" s="159">
        <v>0</v>
      </c>
      <c r="D14" s="160">
        <v>0</v>
      </c>
      <c r="E14" s="161">
        <v>0</v>
      </c>
      <c r="F14" s="162">
        <v>0</v>
      </c>
      <c r="G14" s="160">
        <v>27</v>
      </c>
      <c r="H14" s="160">
        <v>20</v>
      </c>
      <c r="I14" s="160">
        <v>10</v>
      </c>
      <c r="J14" s="160">
        <v>13</v>
      </c>
      <c r="K14" s="160">
        <v>5</v>
      </c>
      <c r="L14" s="163">
        <v>75</v>
      </c>
      <c r="M14" s="164">
        <v>75</v>
      </c>
      <c r="N14" s="159">
        <v>0</v>
      </c>
      <c r="O14" s="160">
        <v>0</v>
      </c>
      <c r="P14" s="165">
        <v>0</v>
      </c>
      <c r="Q14" s="162">
        <v>0</v>
      </c>
      <c r="R14" s="160">
        <v>0</v>
      </c>
      <c r="S14" s="160">
        <v>1</v>
      </c>
      <c r="T14" s="160">
        <v>0</v>
      </c>
      <c r="U14" s="160">
        <v>4</v>
      </c>
      <c r="V14" s="160">
        <v>3</v>
      </c>
      <c r="W14" s="165">
        <v>8</v>
      </c>
      <c r="X14" s="164">
        <v>8</v>
      </c>
      <c r="Y14" s="159">
        <v>5</v>
      </c>
      <c r="Z14" s="160">
        <v>6</v>
      </c>
      <c r="AA14" s="165">
        <v>11</v>
      </c>
      <c r="AB14" s="162">
        <v>0</v>
      </c>
      <c r="AC14" s="160">
        <v>23</v>
      </c>
      <c r="AD14" s="160">
        <v>26</v>
      </c>
      <c r="AE14" s="160">
        <v>14</v>
      </c>
      <c r="AF14" s="160">
        <v>16</v>
      </c>
      <c r="AG14" s="160">
        <v>7</v>
      </c>
      <c r="AH14" s="165">
        <v>86</v>
      </c>
      <c r="AI14" s="164">
        <v>97</v>
      </c>
      <c r="AJ14" s="159">
        <v>0</v>
      </c>
      <c r="AK14" s="160">
        <v>1</v>
      </c>
      <c r="AL14" s="165">
        <v>1</v>
      </c>
      <c r="AM14" s="162">
        <v>0</v>
      </c>
      <c r="AN14" s="160">
        <v>2</v>
      </c>
      <c r="AO14" s="160">
        <v>1</v>
      </c>
      <c r="AP14" s="160">
        <v>3</v>
      </c>
      <c r="AQ14" s="160">
        <v>1</v>
      </c>
      <c r="AR14" s="160">
        <v>1</v>
      </c>
      <c r="AS14" s="165">
        <v>8</v>
      </c>
      <c r="AT14" s="164">
        <v>9</v>
      </c>
      <c r="AU14" s="159">
        <v>3</v>
      </c>
      <c r="AV14" s="160">
        <v>4</v>
      </c>
      <c r="AW14" s="165">
        <v>7</v>
      </c>
      <c r="AX14" s="162">
        <v>0</v>
      </c>
      <c r="AY14" s="160">
        <v>29</v>
      </c>
      <c r="AZ14" s="160">
        <v>29</v>
      </c>
      <c r="BA14" s="160">
        <v>28</v>
      </c>
      <c r="BB14" s="160">
        <v>31</v>
      </c>
      <c r="BC14" s="160">
        <v>12</v>
      </c>
      <c r="BD14" s="163">
        <v>129</v>
      </c>
      <c r="BE14" s="164">
        <v>136</v>
      </c>
      <c r="BF14" s="159">
        <v>0</v>
      </c>
      <c r="BG14" s="160">
        <v>0</v>
      </c>
      <c r="BH14" s="165">
        <v>0</v>
      </c>
      <c r="BI14" s="162">
        <v>0</v>
      </c>
      <c r="BJ14" s="160">
        <v>42</v>
      </c>
      <c r="BK14" s="160">
        <v>34</v>
      </c>
      <c r="BL14" s="160">
        <v>17</v>
      </c>
      <c r="BM14" s="160">
        <v>8</v>
      </c>
      <c r="BN14" s="160">
        <v>2</v>
      </c>
      <c r="BO14" s="165">
        <v>103</v>
      </c>
      <c r="BP14" s="164">
        <v>103</v>
      </c>
      <c r="BQ14" s="159">
        <v>9</v>
      </c>
      <c r="BR14" s="160">
        <v>7</v>
      </c>
      <c r="BS14" s="165">
        <v>16</v>
      </c>
      <c r="BT14" s="162">
        <v>0</v>
      </c>
      <c r="BU14" s="160">
        <v>28</v>
      </c>
      <c r="BV14" s="160">
        <v>13</v>
      </c>
      <c r="BW14" s="160">
        <v>2</v>
      </c>
      <c r="BX14" s="160">
        <v>9</v>
      </c>
      <c r="BY14" s="160">
        <v>1</v>
      </c>
      <c r="BZ14" s="165">
        <v>53</v>
      </c>
      <c r="CA14" s="164">
        <v>69</v>
      </c>
      <c r="CB14" s="159">
        <v>0</v>
      </c>
      <c r="CC14" s="160">
        <v>0</v>
      </c>
      <c r="CD14" s="165">
        <v>0</v>
      </c>
      <c r="CE14" s="162">
        <v>0</v>
      </c>
      <c r="CF14" s="160">
        <v>5</v>
      </c>
      <c r="CG14" s="160">
        <v>8</v>
      </c>
      <c r="CH14" s="160">
        <v>7</v>
      </c>
      <c r="CI14" s="160">
        <v>2</v>
      </c>
      <c r="CJ14" s="160">
        <v>0</v>
      </c>
      <c r="CK14" s="165">
        <v>22</v>
      </c>
      <c r="CL14" s="164">
        <v>22</v>
      </c>
      <c r="CM14" s="159">
        <v>0</v>
      </c>
      <c r="CN14" s="160">
        <v>0</v>
      </c>
      <c r="CO14" s="165">
        <v>0</v>
      </c>
      <c r="CP14" s="162">
        <v>0</v>
      </c>
      <c r="CQ14" s="160">
        <v>1</v>
      </c>
      <c r="CR14" s="160">
        <v>0</v>
      </c>
      <c r="CS14" s="160">
        <v>1</v>
      </c>
      <c r="CT14" s="160">
        <v>3</v>
      </c>
      <c r="CU14" s="160">
        <v>0</v>
      </c>
      <c r="CV14" s="165">
        <v>5</v>
      </c>
      <c r="CW14" s="164">
        <v>5</v>
      </c>
      <c r="CX14" s="159">
        <v>0</v>
      </c>
      <c r="CY14" s="160">
        <v>0</v>
      </c>
      <c r="CZ14" s="165">
        <v>0</v>
      </c>
      <c r="DA14" s="162">
        <v>0</v>
      </c>
      <c r="DB14" s="160">
        <v>0</v>
      </c>
      <c r="DC14" s="160">
        <v>0</v>
      </c>
      <c r="DD14" s="160">
        <v>0</v>
      </c>
      <c r="DE14" s="160">
        <v>0</v>
      </c>
      <c r="DF14" s="160">
        <v>0</v>
      </c>
      <c r="DG14" s="165">
        <v>0</v>
      </c>
      <c r="DH14" s="164">
        <v>0</v>
      </c>
      <c r="DI14" s="159">
        <v>0</v>
      </c>
      <c r="DJ14" s="160">
        <v>0</v>
      </c>
      <c r="DK14" s="165">
        <v>0</v>
      </c>
      <c r="DL14" s="162">
        <v>0</v>
      </c>
      <c r="DM14" s="160">
        <v>0</v>
      </c>
      <c r="DN14" s="160">
        <v>0</v>
      </c>
      <c r="DO14" s="160">
        <v>0</v>
      </c>
      <c r="DP14" s="160">
        <v>0</v>
      </c>
      <c r="DQ14" s="160">
        <v>0</v>
      </c>
      <c r="DR14" s="165">
        <v>0</v>
      </c>
      <c r="DS14" s="164">
        <v>0</v>
      </c>
      <c r="DT14" s="159">
        <v>20</v>
      </c>
      <c r="DU14" s="160">
        <v>25</v>
      </c>
      <c r="DV14" s="165">
        <v>45</v>
      </c>
      <c r="DW14" s="162">
        <v>0</v>
      </c>
      <c r="DX14" s="160">
        <v>64</v>
      </c>
      <c r="DY14" s="160">
        <v>65</v>
      </c>
      <c r="DZ14" s="160">
        <v>35</v>
      </c>
      <c r="EA14" s="160">
        <v>29</v>
      </c>
      <c r="EB14" s="160">
        <v>11</v>
      </c>
      <c r="EC14" s="165">
        <v>204</v>
      </c>
      <c r="ED14" s="164">
        <v>249</v>
      </c>
      <c r="EE14" s="159">
        <v>1</v>
      </c>
      <c r="EF14" s="160">
        <v>1</v>
      </c>
      <c r="EG14" s="165">
        <v>2</v>
      </c>
      <c r="EH14" s="162">
        <v>0</v>
      </c>
      <c r="EI14" s="160">
        <v>18</v>
      </c>
      <c r="EJ14" s="160">
        <v>15</v>
      </c>
      <c r="EK14" s="160">
        <v>16</v>
      </c>
      <c r="EL14" s="160">
        <v>13</v>
      </c>
      <c r="EM14" s="160">
        <v>6</v>
      </c>
      <c r="EN14" s="165">
        <v>68</v>
      </c>
      <c r="EO14" s="164">
        <v>70</v>
      </c>
      <c r="EP14" s="159">
        <v>30</v>
      </c>
      <c r="EQ14" s="160">
        <v>30</v>
      </c>
      <c r="ER14" s="165">
        <v>60</v>
      </c>
      <c r="ES14" s="162">
        <v>0</v>
      </c>
      <c r="ET14" s="160">
        <v>124</v>
      </c>
      <c r="EU14" s="160">
        <v>82</v>
      </c>
      <c r="EV14" s="160">
        <v>40</v>
      </c>
      <c r="EW14" s="160">
        <v>31</v>
      </c>
      <c r="EX14" s="160">
        <v>10</v>
      </c>
      <c r="EY14" s="165">
        <v>287</v>
      </c>
      <c r="EZ14" s="164">
        <v>347</v>
      </c>
    </row>
    <row r="15" spans="2:156" ht="21" customHeight="1" x14ac:dyDescent="0.2">
      <c r="B15" s="166" t="s">
        <v>12</v>
      </c>
      <c r="C15" s="159">
        <v>0</v>
      </c>
      <c r="D15" s="160">
        <v>0</v>
      </c>
      <c r="E15" s="161">
        <v>0</v>
      </c>
      <c r="F15" s="162">
        <v>0</v>
      </c>
      <c r="G15" s="160">
        <v>35</v>
      </c>
      <c r="H15" s="160">
        <v>45</v>
      </c>
      <c r="I15" s="160">
        <v>20</v>
      </c>
      <c r="J15" s="160">
        <v>23</v>
      </c>
      <c r="K15" s="160">
        <v>7</v>
      </c>
      <c r="L15" s="163">
        <v>130</v>
      </c>
      <c r="M15" s="164">
        <v>130</v>
      </c>
      <c r="N15" s="159">
        <v>0</v>
      </c>
      <c r="O15" s="160">
        <v>0</v>
      </c>
      <c r="P15" s="165">
        <v>0</v>
      </c>
      <c r="Q15" s="162">
        <v>0</v>
      </c>
      <c r="R15" s="160">
        <v>0</v>
      </c>
      <c r="S15" s="160">
        <v>1</v>
      </c>
      <c r="T15" s="160">
        <v>4</v>
      </c>
      <c r="U15" s="160">
        <v>2</v>
      </c>
      <c r="V15" s="160">
        <v>3</v>
      </c>
      <c r="W15" s="165">
        <v>10</v>
      </c>
      <c r="X15" s="164">
        <v>10</v>
      </c>
      <c r="Y15" s="159">
        <v>10</v>
      </c>
      <c r="Z15" s="160">
        <v>28</v>
      </c>
      <c r="AA15" s="165">
        <v>38</v>
      </c>
      <c r="AB15" s="162">
        <v>0</v>
      </c>
      <c r="AC15" s="160">
        <v>26</v>
      </c>
      <c r="AD15" s="160">
        <v>45</v>
      </c>
      <c r="AE15" s="160">
        <v>20</v>
      </c>
      <c r="AF15" s="160">
        <v>14</v>
      </c>
      <c r="AG15" s="160">
        <v>8</v>
      </c>
      <c r="AH15" s="165">
        <v>113</v>
      </c>
      <c r="AI15" s="164">
        <v>151</v>
      </c>
      <c r="AJ15" s="159">
        <v>0</v>
      </c>
      <c r="AK15" s="160">
        <v>2</v>
      </c>
      <c r="AL15" s="165">
        <v>2</v>
      </c>
      <c r="AM15" s="162">
        <v>0</v>
      </c>
      <c r="AN15" s="160">
        <v>0</v>
      </c>
      <c r="AO15" s="160">
        <v>5</v>
      </c>
      <c r="AP15" s="160">
        <v>2</v>
      </c>
      <c r="AQ15" s="160">
        <v>1</v>
      </c>
      <c r="AR15" s="160">
        <v>0</v>
      </c>
      <c r="AS15" s="165">
        <v>8</v>
      </c>
      <c r="AT15" s="164">
        <v>10</v>
      </c>
      <c r="AU15" s="159">
        <v>8</v>
      </c>
      <c r="AV15" s="160">
        <v>15</v>
      </c>
      <c r="AW15" s="165">
        <v>23</v>
      </c>
      <c r="AX15" s="162">
        <v>0</v>
      </c>
      <c r="AY15" s="160">
        <v>32</v>
      </c>
      <c r="AZ15" s="160">
        <v>43</v>
      </c>
      <c r="BA15" s="160">
        <v>31</v>
      </c>
      <c r="BB15" s="160">
        <v>38</v>
      </c>
      <c r="BC15" s="160">
        <v>17</v>
      </c>
      <c r="BD15" s="163">
        <v>161</v>
      </c>
      <c r="BE15" s="164">
        <v>184</v>
      </c>
      <c r="BF15" s="159">
        <v>0</v>
      </c>
      <c r="BG15" s="160">
        <v>0</v>
      </c>
      <c r="BH15" s="165">
        <v>0</v>
      </c>
      <c r="BI15" s="162">
        <v>0</v>
      </c>
      <c r="BJ15" s="160">
        <v>60</v>
      </c>
      <c r="BK15" s="160">
        <v>49</v>
      </c>
      <c r="BL15" s="160">
        <v>23</v>
      </c>
      <c r="BM15" s="160">
        <v>12</v>
      </c>
      <c r="BN15" s="160">
        <v>1</v>
      </c>
      <c r="BO15" s="165">
        <v>145</v>
      </c>
      <c r="BP15" s="164">
        <v>145</v>
      </c>
      <c r="BQ15" s="159">
        <v>12</v>
      </c>
      <c r="BR15" s="160">
        <v>16</v>
      </c>
      <c r="BS15" s="165">
        <v>28</v>
      </c>
      <c r="BT15" s="162">
        <v>0</v>
      </c>
      <c r="BU15" s="160">
        <v>7</v>
      </c>
      <c r="BV15" s="160">
        <v>26</v>
      </c>
      <c r="BW15" s="160">
        <v>12</v>
      </c>
      <c r="BX15" s="160">
        <v>7</v>
      </c>
      <c r="BY15" s="160">
        <v>1</v>
      </c>
      <c r="BZ15" s="165">
        <v>53</v>
      </c>
      <c r="CA15" s="164">
        <v>81</v>
      </c>
      <c r="CB15" s="159">
        <v>0</v>
      </c>
      <c r="CC15" s="160">
        <v>2</v>
      </c>
      <c r="CD15" s="165">
        <v>2</v>
      </c>
      <c r="CE15" s="162">
        <v>0</v>
      </c>
      <c r="CF15" s="160">
        <v>6</v>
      </c>
      <c r="CG15" s="160">
        <v>11</v>
      </c>
      <c r="CH15" s="160">
        <v>5</v>
      </c>
      <c r="CI15" s="160">
        <v>7</v>
      </c>
      <c r="CJ15" s="160">
        <v>4</v>
      </c>
      <c r="CK15" s="165">
        <v>33</v>
      </c>
      <c r="CL15" s="164">
        <v>35</v>
      </c>
      <c r="CM15" s="159">
        <v>0</v>
      </c>
      <c r="CN15" s="160">
        <v>0</v>
      </c>
      <c r="CO15" s="165">
        <v>0</v>
      </c>
      <c r="CP15" s="162">
        <v>0</v>
      </c>
      <c r="CQ15" s="160">
        <v>1</v>
      </c>
      <c r="CR15" s="160">
        <v>1</v>
      </c>
      <c r="CS15" s="160">
        <v>1</v>
      </c>
      <c r="CT15" s="160">
        <v>1</v>
      </c>
      <c r="CU15" s="160">
        <v>0</v>
      </c>
      <c r="CV15" s="165">
        <v>4</v>
      </c>
      <c r="CW15" s="164">
        <v>4</v>
      </c>
      <c r="CX15" s="159">
        <v>0</v>
      </c>
      <c r="CY15" s="160">
        <v>0</v>
      </c>
      <c r="CZ15" s="165">
        <v>0</v>
      </c>
      <c r="DA15" s="162">
        <v>0</v>
      </c>
      <c r="DB15" s="160">
        <v>0</v>
      </c>
      <c r="DC15" s="160">
        <v>0</v>
      </c>
      <c r="DD15" s="160">
        <v>0</v>
      </c>
      <c r="DE15" s="160">
        <v>0</v>
      </c>
      <c r="DF15" s="160">
        <v>0</v>
      </c>
      <c r="DG15" s="165">
        <v>0</v>
      </c>
      <c r="DH15" s="164">
        <v>0</v>
      </c>
      <c r="DI15" s="159">
        <v>0</v>
      </c>
      <c r="DJ15" s="160">
        <v>0</v>
      </c>
      <c r="DK15" s="165">
        <v>0</v>
      </c>
      <c r="DL15" s="162">
        <v>0</v>
      </c>
      <c r="DM15" s="160">
        <v>0</v>
      </c>
      <c r="DN15" s="160">
        <v>0</v>
      </c>
      <c r="DO15" s="160">
        <v>0</v>
      </c>
      <c r="DP15" s="160">
        <v>0</v>
      </c>
      <c r="DQ15" s="160">
        <v>0</v>
      </c>
      <c r="DR15" s="165">
        <v>0</v>
      </c>
      <c r="DS15" s="164">
        <v>0</v>
      </c>
      <c r="DT15" s="159">
        <v>32</v>
      </c>
      <c r="DU15" s="160">
        <v>57</v>
      </c>
      <c r="DV15" s="165">
        <v>89</v>
      </c>
      <c r="DW15" s="162">
        <v>0</v>
      </c>
      <c r="DX15" s="160">
        <v>35</v>
      </c>
      <c r="DY15" s="160">
        <v>97</v>
      </c>
      <c r="DZ15" s="160">
        <v>55</v>
      </c>
      <c r="EA15" s="160">
        <v>43</v>
      </c>
      <c r="EB15" s="160">
        <v>18</v>
      </c>
      <c r="EC15" s="165">
        <v>248</v>
      </c>
      <c r="ED15" s="164">
        <v>337</v>
      </c>
      <c r="EE15" s="159">
        <v>4</v>
      </c>
      <c r="EF15" s="160">
        <v>9</v>
      </c>
      <c r="EG15" s="165">
        <v>13</v>
      </c>
      <c r="EH15" s="162">
        <v>0</v>
      </c>
      <c r="EI15" s="160">
        <v>15</v>
      </c>
      <c r="EJ15" s="160">
        <v>18</v>
      </c>
      <c r="EK15" s="160">
        <v>9</v>
      </c>
      <c r="EL15" s="160">
        <v>15</v>
      </c>
      <c r="EM15" s="160">
        <v>5</v>
      </c>
      <c r="EN15" s="165">
        <v>62</v>
      </c>
      <c r="EO15" s="164">
        <v>75</v>
      </c>
      <c r="EP15" s="159">
        <v>50</v>
      </c>
      <c r="EQ15" s="160">
        <v>84</v>
      </c>
      <c r="ER15" s="165">
        <v>134</v>
      </c>
      <c r="ES15" s="162">
        <v>0</v>
      </c>
      <c r="ET15" s="160">
        <v>120</v>
      </c>
      <c r="EU15" s="160">
        <v>143</v>
      </c>
      <c r="EV15" s="160">
        <v>59</v>
      </c>
      <c r="EW15" s="160">
        <v>44</v>
      </c>
      <c r="EX15" s="160">
        <v>15</v>
      </c>
      <c r="EY15" s="165">
        <v>381</v>
      </c>
      <c r="EZ15" s="164">
        <v>515</v>
      </c>
    </row>
    <row r="16" spans="2:156" ht="21" customHeight="1" x14ac:dyDescent="0.2">
      <c r="B16" s="166" t="s">
        <v>13</v>
      </c>
      <c r="C16" s="159">
        <v>0</v>
      </c>
      <c r="D16" s="160">
        <v>0</v>
      </c>
      <c r="E16" s="161">
        <v>0</v>
      </c>
      <c r="F16" s="162">
        <v>0</v>
      </c>
      <c r="G16" s="160">
        <v>17</v>
      </c>
      <c r="H16" s="160">
        <v>19</v>
      </c>
      <c r="I16" s="160">
        <v>16</v>
      </c>
      <c r="J16" s="160">
        <v>9</v>
      </c>
      <c r="K16" s="160">
        <v>12</v>
      </c>
      <c r="L16" s="163">
        <v>73</v>
      </c>
      <c r="M16" s="164">
        <v>73</v>
      </c>
      <c r="N16" s="159">
        <v>0</v>
      </c>
      <c r="O16" s="160">
        <v>0</v>
      </c>
      <c r="P16" s="165">
        <v>0</v>
      </c>
      <c r="Q16" s="162">
        <v>0</v>
      </c>
      <c r="R16" s="160">
        <v>0</v>
      </c>
      <c r="S16" s="160">
        <v>0</v>
      </c>
      <c r="T16" s="160">
        <v>1</v>
      </c>
      <c r="U16" s="160">
        <v>2</v>
      </c>
      <c r="V16" s="160">
        <v>4</v>
      </c>
      <c r="W16" s="165">
        <v>7</v>
      </c>
      <c r="X16" s="164">
        <v>7</v>
      </c>
      <c r="Y16" s="159">
        <v>1</v>
      </c>
      <c r="Z16" s="160">
        <v>1</v>
      </c>
      <c r="AA16" s="165">
        <v>2</v>
      </c>
      <c r="AB16" s="162">
        <v>0</v>
      </c>
      <c r="AC16" s="160">
        <v>15</v>
      </c>
      <c r="AD16" s="160">
        <v>21</v>
      </c>
      <c r="AE16" s="160">
        <v>12</v>
      </c>
      <c r="AF16" s="160">
        <v>8</v>
      </c>
      <c r="AG16" s="160">
        <v>10</v>
      </c>
      <c r="AH16" s="165">
        <v>66</v>
      </c>
      <c r="AI16" s="164">
        <v>68</v>
      </c>
      <c r="AJ16" s="159">
        <v>0</v>
      </c>
      <c r="AK16" s="160">
        <v>0</v>
      </c>
      <c r="AL16" s="165">
        <v>0</v>
      </c>
      <c r="AM16" s="162">
        <v>0</v>
      </c>
      <c r="AN16" s="160">
        <v>2</v>
      </c>
      <c r="AO16" s="160">
        <v>2</v>
      </c>
      <c r="AP16" s="160">
        <v>3</v>
      </c>
      <c r="AQ16" s="160">
        <v>0</v>
      </c>
      <c r="AR16" s="160">
        <v>0</v>
      </c>
      <c r="AS16" s="165">
        <v>7</v>
      </c>
      <c r="AT16" s="164">
        <v>7</v>
      </c>
      <c r="AU16" s="159">
        <v>2</v>
      </c>
      <c r="AV16" s="160">
        <v>2</v>
      </c>
      <c r="AW16" s="165">
        <v>4</v>
      </c>
      <c r="AX16" s="162">
        <v>0</v>
      </c>
      <c r="AY16" s="160">
        <v>18</v>
      </c>
      <c r="AZ16" s="160">
        <v>26</v>
      </c>
      <c r="BA16" s="160">
        <v>21</v>
      </c>
      <c r="BB16" s="160">
        <v>24</v>
      </c>
      <c r="BC16" s="160">
        <v>13</v>
      </c>
      <c r="BD16" s="163">
        <v>102</v>
      </c>
      <c r="BE16" s="164">
        <v>106</v>
      </c>
      <c r="BF16" s="159">
        <v>0</v>
      </c>
      <c r="BG16" s="160">
        <v>0</v>
      </c>
      <c r="BH16" s="165">
        <v>0</v>
      </c>
      <c r="BI16" s="162">
        <v>0</v>
      </c>
      <c r="BJ16" s="160">
        <v>25</v>
      </c>
      <c r="BK16" s="160">
        <v>20</v>
      </c>
      <c r="BL16" s="160">
        <v>8</v>
      </c>
      <c r="BM16" s="160">
        <v>6</v>
      </c>
      <c r="BN16" s="160">
        <v>3</v>
      </c>
      <c r="BO16" s="165">
        <v>62</v>
      </c>
      <c r="BP16" s="164">
        <v>62</v>
      </c>
      <c r="BQ16" s="159">
        <v>0</v>
      </c>
      <c r="BR16" s="160">
        <v>1</v>
      </c>
      <c r="BS16" s="165">
        <v>1</v>
      </c>
      <c r="BT16" s="162">
        <v>0</v>
      </c>
      <c r="BU16" s="160">
        <v>6</v>
      </c>
      <c r="BV16" s="160">
        <v>2</v>
      </c>
      <c r="BW16" s="160">
        <v>1</v>
      </c>
      <c r="BX16" s="160">
        <v>1</v>
      </c>
      <c r="BY16" s="160">
        <v>1</v>
      </c>
      <c r="BZ16" s="165">
        <v>11</v>
      </c>
      <c r="CA16" s="164">
        <v>12</v>
      </c>
      <c r="CB16" s="159">
        <v>0</v>
      </c>
      <c r="CC16" s="160">
        <v>0</v>
      </c>
      <c r="CD16" s="165">
        <v>0</v>
      </c>
      <c r="CE16" s="162">
        <v>0</v>
      </c>
      <c r="CF16" s="160">
        <v>6</v>
      </c>
      <c r="CG16" s="160">
        <v>3</v>
      </c>
      <c r="CH16" s="160">
        <v>3</v>
      </c>
      <c r="CI16" s="160">
        <v>1</v>
      </c>
      <c r="CJ16" s="160">
        <v>0</v>
      </c>
      <c r="CK16" s="165">
        <v>13</v>
      </c>
      <c r="CL16" s="164">
        <v>13</v>
      </c>
      <c r="CM16" s="159">
        <v>0</v>
      </c>
      <c r="CN16" s="160">
        <v>0</v>
      </c>
      <c r="CO16" s="165">
        <v>0</v>
      </c>
      <c r="CP16" s="162">
        <v>0</v>
      </c>
      <c r="CQ16" s="160">
        <v>0</v>
      </c>
      <c r="CR16" s="160">
        <v>0</v>
      </c>
      <c r="CS16" s="160">
        <v>1</v>
      </c>
      <c r="CT16" s="160">
        <v>0</v>
      </c>
      <c r="CU16" s="160">
        <v>0</v>
      </c>
      <c r="CV16" s="165">
        <v>1</v>
      </c>
      <c r="CW16" s="164">
        <v>1</v>
      </c>
      <c r="CX16" s="159">
        <v>0</v>
      </c>
      <c r="CY16" s="160">
        <v>0</v>
      </c>
      <c r="CZ16" s="165">
        <v>0</v>
      </c>
      <c r="DA16" s="162">
        <v>0</v>
      </c>
      <c r="DB16" s="160">
        <v>0</v>
      </c>
      <c r="DC16" s="160">
        <v>0</v>
      </c>
      <c r="DD16" s="160">
        <v>0</v>
      </c>
      <c r="DE16" s="160">
        <v>0</v>
      </c>
      <c r="DF16" s="160">
        <v>0</v>
      </c>
      <c r="DG16" s="165">
        <v>0</v>
      </c>
      <c r="DH16" s="164">
        <v>0</v>
      </c>
      <c r="DI16" s="159">
        <v>0</v>
      </c>
      <c r="DJ16" s="160">
        <v>0</v>
      </c>
      <c r="DK16" s="165">
        <v>0</v>
      </c>
      <c r="DL16" s="162">
        <v>0</v>
      </c>
      <c r="DM16" s="160">
        <v>0</v>
      </c>
      <c r="DN16" s="160">
        <v>0</v>
      </c>
      <c r="DO16" s="160">
        <v>0</v>
      </c>
      <c r="DP16" s="160">
        <v>0</v>
      </c>
      <c r="DQ16" s="160">
        <v>0</v>
      </c>
      <c r="DR16" s="165">
        <v>0</v>
      </c>
      <c r="DS16" s="164">
        <v>0</v>
      </c>
      <c r="DT16" s="159">
        <v>8</v>
      </c>
      <c r="DU16" s="160">
        <v>5</v>
      </c>
      <c r="DV16" s="165">
        <v>13</v>
      </c>
      <c r="DW16" s="162">
        <v>0</v>
      </c>
      <c r="DX16" s="160">
        <v>29</v>
      </c>
      <c r="DY16" s="160">
        <v>42</v>
      </c>
      <c r="DZ16" s="160">
        <v>20</v>
      </c>
      <c r="EA16" s="160">
        <v>17</v>
      </c>
      <c r="EB16" s="160">
        <v>15</v>
      </c>
      <c r="EC16" s="165">
        <v>123</v>
      </c>
      <c r="ED16" s="164">
        <v>136</v>
      </c>
      <c r="EE16" s="159">
        <v>0</v>
      </c>
      <c r="EF16" s="160">
        <v>1</v>
      </c>
      <c r="EG16" s="165">
        <v>1</v>
      </c>
      <c r="EH16" s="162">
        <v>0</v>
      </c>
      <c r="EI16" s="160">
        <v>11</v>
      </c>
      <c r="EJ16" s="160">
        <v>8</v>
      </c>
      <c r="EK16" s="160">
        <v>7</v>
      </c>
      <c r="EL16" s="160">
        <v>14</v>
      </c>
      <c r="EM16" s="160">
        <v>4</v>
      </c>
      <c r="EN16" s="165">
        <v>44</v>
      </c>
      <c r="EO16" s="164">
        <v>45</v>
      </c>
      <c r="EP16" s="159">
        <v>8</v>
      </c>
      <c r="EQ16" s="160">
        <v>6</v>
      </c>
      <c r="ER16" s="165">
        <v>14</v>
      </c>
      <c r="ES16" s="162">
        <v>0</v>
      </c>
      <c r="ET16" s="160">
        <v>67</v>
      </c>
      <c r="EU16" s="160">
        <v>60</v>
      </c>
      <c r="EV16" s="160">
        <v>31</v>
      </c>
      <c r="EW16" s="160">
        <v>18</v>
      </c>
      <c r="EX16" s="160">
        <v>14</v>
      </c>
      <c r="EY16" s="165">
        <v>190</v>
      </c>
      <c r="EZ16" s="164">
        <v>204</v>
      </c>
    </row>
    <row r="17" spans="2:156" ht="21" customHeight="1" x14ac:dyDescent="0.2">
      <c r="B17" s="166" t="s">
        <v>15</v>
      </c>
      <c r="C17" s="159">
        <v>0</v>
      </c>
      <c r="D17" s="160">
        <v>0</v>
      </c>
      <c r="E17" s="161">
        <v>0</v>
      </c>
      <c r="F17" s="162">
        <v>0</v>
      </c>
      <c r="G17" s="160">
        <v>7</v>
      </c>
      <c r="H17" s="160">
        <v>10</v>
      </c>
      <c r="I17" s="160">
        <v>1</v>
      </c>
      <c r="J17" s="160">
        <v>5</v>
      </c>
      <c r="K17" s="160">
        <v>1</v>
      </c>
      <c r="L17" s="163">
        <v>24</v>
      </c>
      <c r="M17" s="164">
        <v>24</v>
      </c>
      <c r="N17" s="159">
        <v>0</v>
      </c>
      <c r="O17" s="160">
        <v>0</v>
      </c>
      <c r="P17" s="165">
        <v>0</v>
      </c>
      <c r="Q17" s="162">
        <v>0</v>
      </c>
      <c r="R17" s="160">
        <v>0</v>
      </c>
      <c r="S17" s="160">
        <v>0</v>
      </c>
      <c r="T17" s="160">
        <v>0</v>
      </c>
      <c r="U17" s="160">
        <v>3</v>
      </c>
      <c r="V17" s="160">
        <v>2</v>
      </c>
      <c r="W17" s="165">
        <v>5</v>
      </c>
      <c r="X17" s="164">
        <v>5</v>
      </c>
      <c r="Y17" s="159">
        <v>0</v>
      </c>
      <c r="Z17" s="160">
        <v>2</v>
      </c>
      <c r="AA17" s="165">
        <v>2</v>
      </c>
      <c r="AB17" s="162">
        <v>0</v>
      </c>
      <c r="AC17" s="160">
        <v>4</v>
      </c>
      <c r="AD17" s="160">
        <v>8</v>
      </c>
      <c r="AE17" s="160">
        <v>1</v>
      </c>
      <c r="AF17" s="160">
        <v>5</v>
      </c>
      <c r="AG17" s="160">
        <v>2</v>
      </c>
      <c r="AH17" s="165">
        <v>20</v>
      </c>
      <c r="AI17" s="164">
        <v>22</v>
      </c>
      <c r="AJ17" s="159">
        <v>0</v>
      </c>
      <c r="AK17" s="160">
        <v>0</v>
      </c>
      <c r="AL17" s="165">
        <v>0</v>
      </c>
      <c r="AM17" s="162">
        <v>0</v>
      </c>
      <c r="AN17" s="160">
        <v>3</v>
      </c>
      <c r="AO17" s="160">
        <v>1</v>
      </c>
      <c r="AP17" s="160">
        <v>0</v>
      </c>
      <c r="AQ17" s="160">
        <v>0</v>
      </c>
      <c r="AR17" s="160">
        <v>0</v>
      </c>
      <c r="AS17" s="165">
        <v>4</v>
      </c>
      <c r="AT17" s="164">
        <v>4</v>
      </c>
      <c r="AU17" s="159">
        <v>0</v>
      </c>
      <c r="AV17" s="160">
        <v>1</v>
      </c>
      <c r="AW17" s="165">
        <v>1</v>
      </c>
      <c r="AX17" s="162">
        <v>0</v>
      </c>
      <c r="AY17" s="160">
        <v>9</v>
      </c>
      <c r="AZ17" s="160">
        <v>4</v>
      </c>
      <c r="BA17" s="160">
        <v>4</v>
      </c>
      <c r="BB17" s="160">
        <v>5</v>
      </c>
      <c r="BC17" s="160">
        <v>1</v>
      </c>
      <c r="BD17" s="163">
        <v>23</v>
      </c>
      <c r="BE17" s="164">
        <v>24</v>
      </c>
      <c r="BF17" s="159">
        <v>0</v>
      </c>
      <c r="BG17" s="160">
        <v>0</v>
      </c>
      <c r="BH17" s="165">
        <v>0</v>
      </c>
      <c r="BI17" s="162">
        <v>0</v>
      </c>
      <c r="BJ17" s="160">
        <v>4</v>
      </c>
      <c r="BK17" s="160">
        <v>6</v>
      </c>
      <c r="BL17" s="160">
        <v>1</v>
      </c>
      <c r="BM17" s="160">
        <v>2</v>
      </c>
      <c r="BN17" s="160">
        <v>0</v>
      </c>
      <c r="BO17" s="165">
        <v>13</v>
      </c>
      <c r="BP17" s="164">
        <v>13</v>
      </c>
      <c r="BQ17" s="159">
        <v>0</v>
      </c>
      <c r="BR17" s="160">
        <v>0</v>
      </c>
      <c r="BS17" s="165">
        <v>0</v>
      </c>
      <c r="BT17" s="162">
        <v>0</v>
      </c>
      <c r="BU17" s="160">
        <v>0</v>
      </c>
      <c r="BV17" s="160">
        <v>1</v>
      </c>
      <c r="BW17" s="160">
        <v>5</v>
      </c>
      <c r="BX17" s="160">
        <v>1</v>
      </c>
      <c r="BY17" s="160">
        <v>0</v>
      </c>
      <c r="BZ17" s="165">
        <v>7</v>
      </c>
      <c r="CA17" s="164">
        <v>7</v>
      </c>
      <c r="CB17" s="159">
        <v>0</v>
      </c>
      <c r="CC17" s="160">
        <v>0</v>
      </c>
      <c r="CD17" s="165">
        <v>0</v>
      </c>
      <c r="CE17" s="162">
        <v>0</v>
      </c>
      <c r="CF17" s="160">
        <v>0</v>
      </c>
      <c r="CG17" s="160">
        <v>2</v>
      </c>
      <c r="CH17" s="160">
        <v>1</v>
      </c>
      <c r="CI17" s="160">
        <v>1</v>
      </c>
      <c r="CJ17" s="160">
        <v>1</v>
      </c>
      <c r="CK17" s="165">
        <v>5</v>
      </c>
      <c r="CL17" s="164">
        <v>5</v>
      </c>
      <c r="CM17" s="159">
        <v>0</v>
      </c>
      <c r="CN17" s="160">
        <v>0</v>
      </c>
      <c r="CO17" s="165">
        <v>0</v>
      </c>
      <c r="CP17" s="162">
        <v>0</v>
      </c>
      <c r="CQ17" s="160">
        <v>0</v>
      </c>
      <c r="CR17" s="160">
        <v>1</v>
      </c>
      <c r="CS17" s="160">
        <v>1</v>
      </c>
      <c r="CT17" s="160">
        <v>0</v>
      </c>
      <c r="CU17" s="160">
        <v>0</v>
      </c>
      <c r="CV17" s="165">
        <v>2</v>
      </c>
      <c r="CW17" s="164">
        <v>2</v>
      </c>
      <c r="CX17" s="159">
        <v>0</v>
      </c>
      <c r="CY17" s="160">
        <v>0</v>
      </c>
      <c r="CZ17" s="165">
        <v>0</v>
      </c>
      <c r="DA17" s="162">
        <v>0</v>
      </c>
      <c r="DB17" s="160">
        <v>0</v>
      </c>
      <c r="DC17" s="160">
        <v>0</v>
      </c>
      <c r="DD17" s="160">
        <v>0</v>
      </c>
      <c r="DE17" s="160">
        <v>0</v>
      </c>
      <c r="DF17" s="160">
        <v>0</v>
      </c>
      <c r="DG17" s="165">
        <v>0</v>
      </c>
      <c r="DH17" s="164">
        <v>0</v>
      </c>
      <c r="DI17" s="159">
        <v>0</v>
      </c>
      <c r="DJ17" s="160">
        <v>0</v>
      </c>
      <c r="DK17" s="165">
        <v>0</v>
      </c>
      <c r="DL17" s="162">
        <v>0</v>
      </c>
      <c r="DM17" s="160">
        <v>0</v>
      </c>
      <c r="DN17" s="160">
        <v>0</v>
      </c>
      <c r="DO17" s="160">
        <v>0</v>
      </c>
      <c r="DP17" s="160">
        <v>0</v>
      </c>
      <c r="DQ17" s="160">
        <v>0</v>
      </c>
      <c r="DR17" s="165">
        <v>0</v>
      </c>
      <c r="DS17" s="164">
        <v>0</v>
      </c>
      <c r="DT17" s="159">
        <v>1</v>
      </c>
      <c r="DU17" s="160">
        <v>6</v>
      </c>
      <c r="DV17" s="165">
        <v>7</v>
      </c>
      <c r="DW17" s="162">
        <v>0</v>
      </c>
      <c r="DX17" s="160">
        <v>11</v>
      </c>
      <c r="DY17" s="160">
        <v>18</v>
      </c>
      <c r="DZ17" s="160">
        <v>12</v>
      </c>
      <c r="EA17" s="160">
        <v>10</v>
      </c>
      <c r="EB17" s="160">
        <v>5</v>
      </c>
      <c r="EC17" s="165">
        <v>56</v>
      </c>
      <c r="ED17" s="164">
        <v>63</v>
      </c>
      <c r="EE17" s="159">
        <v>0</v>
      </c>
      <c r="EF17" s="160">
        <v>3</v>
      </c>
      <c r="EG17" s="165">
        <v>3</v>
      </c>
      <c r="EH17" s="162">
        <v>0</v>
      </c>
      <c r="EI17" s="160">
        <v>7</v>
      </c>
      <c r="EJ17" s="160">
        <v>0</v>
      </c>
      <c r="EK17" s="160">
        <v>2</v>
      </c>
      <c r="EL17" s="160">
        <v>0</v>
      </c>
      <c r="EM17" s="160">
        <v>0</v>
      </c>
      <c r="EN17" s="165">
        <v>9</v>
      </c>
      <c r="EO17" s="164">
        <v>12</v>
      </c>
      <c r="EP17" s="159">
        <v>1</v>
      </c>
      <c r="EQ17" s="160">
        <v>8</v>
      </c>
      <c r="ER17" s="165">
        <v>9</v>
      </c>
      <c r="ES17" s="162">
        <v>0</v>
      </c>
      <c r="ET17" s="160">
        <v>29</v>
      </c>
      <c r="EU17" s="160">
        <v>30</v>
      </c>
      <c r="EV17" s="160">
        <v>11</v>
      </c>
      <c r="EW17" s="160">
        <v>13</v>
      </c>
      <c r="EX17" s="160">
        <v>5</v>
      </c>
      <c r="EY17" s="165">
        <v>88</v>
      </c>
      <c r="EZ17" s="164">
        <v>97</v>
      </c>
    </row>
    <row r="18" spans="2:156" ht="21" customHeight="1" x14ac:dyDescent="0.2">
      <c r="B18" s="166" t="s">
        <v>16</v>
      </c>
      <c r="C18" s="159">
        <v>0</v>
      </c>
      <c r="D18" s="160">
        <v>0</v>
      </c>
      <c r="E18" s="161">
        <v>0</v>
      </c>
      <c r="F18" s="162">
        <v>0</v>
      </c>
      <c r="G18" s="160">
        <v>17</v>
      </c>
      <c r="H18" s="160">
        <v>10</v>
      </c>
      <c r="I18" s="160">
        <v>13</v>
      </c>
      <c r="J18" s="160">
        <v>3</v>
      </c>
      <c r="K18" s="160">
        <v>4</v>
      </c>
      <c r="L18" s="163">
        <v>47</v>
      </c>
      <c r="M18" s="164">
        <v>47</v>
      </c>
      <c r="N18" s="159">
        <v>0</v>
      </c>
      <c r="O18" s="160">
        <v>0</v>
      </c>
      <c r="P18" s="165">
        <v>0</v>
      </c>
      <c r="Q18" s="162">
        <v>0</v>
      </c>
      <c r="R18" s="160">
        <v>1</v>
      </c>
      <c r="S18" s="160">
        <v>0</v>
      </c>
      <c r="T18" s="160">
        <v>2</v>
      </c>
      <c r="U18" s="160">
        <v>0</v>
      </c>
      <c r="V18" s="160">
        <v>1</v>
      </c>
      <c r="W18" s="165">
        <v>4</v>
      </c>
      <c r="X18" s="164">
        <v>4</v>
      </c>
      <c r="Y18" s="159">
        <v>6</v>
      </c>
      <c r="Z18" s="160">
        <v>3</v>
      </c>
      <c r="AA18" s="165">
        <v>9</v>
      </c>
      <c r="AB18" s="162">
        <v>0</v>
      </c>
      <c r="AC18" s="160">
        <v>15</v>
      </c>
      <c r="AD18" s="160">
        <v>21</v>
      </c>
      <c r="AE18" s="160">
        <v>8</v>
      </c>
      <c r="AF18" s="160">
        <v>7</v>
      </c>
      <c r="AG18" s="160">
        <v>6</v>
      </c>
      <c r="AH18" s="165">
        <v>57</v>
      </c>
      <c r="AI18" s="164">
        <v>66</v>
      </c>
      <c r="AJ18" s="159">
        <v>0</v>
      </c>
      <c r="AK18" s="160">
        <v>1</v>
      </c>
      <c r="AL18" s="165">
        <v>1</v>
      </c>
      <c r="AM18" s="162">
        <v>0</v>
      </c>
      <c r="AN18" s="160">
        <v>1</v>
      </c>
      <c r="AO18" s="160">
        <v>3</v>
      </c>
      <c r="AP18" s="160">
        <v>0</v>
      </c>
      <c r="AQ18" s="160">
        <v>0</v>
      </c>
      <c r="AR18" s="160">
        <v>2</v>
      </c>
      <c r="AS18" s="165">
        <v>6</v>
      </c>
      <c r="AT18" s="164">
        <v>7</v>
      </c>
      <c r="AU18" s="159">
        <v>2</v>
      </c>
      <c r="AV18" s="160">
        <v>4</v>
      </c>
      <c r="AW18" s="165">
        <v>6</v>
      </c>
      <c r="AX18" s="162">
        <v>0</v>
      </c>
      <c r="AY18" s="160">
        <v>15</v>
      </c>
      <c r="AZ18" s="160">
        <v>24</v>
      </c>
      <c r="BA18" s="160">
        <v>15</v>
      </c>
      <c r="BB18" s="160">
        <v>17</v>
      </c>
      <c r="BC18" s="160">
        <v>13</v>
      </c>
      <c r="BD18" s="163">
        <v>84</v>
      </c>
      <c r="BE18" s="164">
        <v>90</v>
      </c>
      <c r="BF18" s="159">
        <v>0</v>
      </c>
      <c r="BG18" s="160">
        <v>0</v>
      </c>
      <c r="BH18" s="165">
        <v>0</v>
      </c>
      <c r="BI18" s="162">
        <v>0</v>
      </c>
      <c r="BJ18" s="160">
        <v>23</v>
      </c>
      <c r="BK18" s="160">
        <v>21</v>
      </c>
      <c r="BL18" s="160">
        <v>10</v>
      </c>
      <c r="BM18" s="160">
        <v>4</v>
      </c>
      <c r="BN18" s="160">
        <v>1</v>
      </c>
      <c r="BO18" s="165">
        <v>59</v>
      </c>
      <c r="BP18" s="164">
        <v>59</v>
      </c>
      <c r="BQ18" s="159">
        <v>2</v>
      </c>
      <c r="BR18" s="160">
        <v>8</v>
      </c>
      <c r="BS18" s="165">
        <v>10</v>
      </c>
      <c r="BT18" s="162">
        <v>0</v>
      </c>
      <c r="BU18" s="160">
        <v>11</v>
      </c>
      <c r="BV18" s="160">
        <v>18</v>
      </c>
      <c r="BW18" s="160">
        <v>7</v>
      </c>
      <c r="BX18" s="160">
        <v>2</v>
      </c>
      <c r="BY18" s="160">
        <v>1</v>
      </c>
      <c r="BZ18" s="165">
        <v>39</v>
      </c>
      <c r="CA18" s="164">
        <v>49</v>
      </c>
      <c r="CB18" s="159">
        <v>0</v>
      </c>
      <c r="CC18" s="160">
        <v>0</v>
      </c>
      <c r="CD18" s="165">
        <v>0</v>
      </c>
      <c r="CE18" s="162">
        <v>0</v>
      </c>
      <c r="CF18" s="160">
        <v>1</v>
      </c>
      <c r="CG18" s="160">
        <v>1</v>
      </c>
      <c r="CH18" s="160">
        <v>3</v>
      </c>
      <c r="CI18" s="160">
        <v>1</v>
      </c>
      <c r="CJ18" s="160">
        <v>0</v>
      </c>
      <c r="CK18" s="165">
        <v>6</v>
      </c>
      <c r="CL18" s="164">
        <v>6</v>
      </c>
      <c r="CM18" s="159">
        <v>0</v>
      </c>
      <c r="CN18" s="160">
        <v>0</v>
      </c>
      <c r="CO18" s="165">
        <v>0</v>
      </c>
      <c r="CP18" s="162">
        <v>0</v>
      </c>
      <c r="CQ18" s="160">
        <v>2</v>
      </c>
      <c r="CR18" s="160">
        <v>2</v>
      </c>
      <c r="CS18" s="160">
        <v>0</v>
      </c>
      <c r="CT18" s="160">
        <v>0</v>
      </c>
      <c r="CU18" s="160">
        <v>1</v>
      </c>
      <c r="CV18" s="165">
        <v>5</v>
      </c>
      <c r="CW18" s="164">
        <v>5</v>
      </c>
      <c r="CX18" s="159">
        <v>0</v>
      </c>
      <c r="CY18" s="160">
        <v>0</v>
      </c>
      <c r="CZ18" s="165">
        <v>0</v>
      </c>
      <c r="DA18" s="162">
        <v>0</v>
      </c>
      <c r="DB18" s="160">
        <v>0</v>
      </c>
      <c r="DC18" s="160">
        <v>0</v>
      </c>
      <c r="DD18" s="160">
        <v>0</v>
      </c>
      <c r="DE18" s="160">
        <v>0</v>
      </c>
      <c r="DF18" s="160">
        <v>0</v>
      </c>
      <c r="DG18" s="165">
        <v>0</v>
      </c>
      <c r="DH18" s="164">
        <v>0</v>
      </c>
      <c r="DI18" s="159">
        <v>0</v>
      </c>
      <c r="DJ18" s="160">
        <v>0</v>
      </c>
      <c r="DK18" s="165">
        <v>0</v>
      </c>
      <c r="DL18" s="162">
        <v>0</v>
      </c>
      <c r="DM18" s="160">
        <v>0</v>
      </c>
      <c r="DN18" s="160">
        <v>0</v>
      </c>
      <c r="DO18" s="160">
        <v>0</v>
      </c>
      <c r="DP18" s="160">
        <v>0</v>
      </c>
      <c r="DQ18" s="160">
        <v>0</v>
      </c>
      <c r="DR18" s="165">
        <v>0</v>
      </c>
      <c r="DS18" s="164">
        <v>0</v>
      </c>
      <c r="DT18" s="159">
        <v>13</v>
      </c>
      <c r="DU18" s="160">
        <v>22</v>
      </c>
      <c r="DV18" s="165">
        <v>35</v>
      </c>
      <c r="DW18" s="162">
        <v>0</v>
      </c>
      <c r="DX18" s="160">
        <v>19</v>
      </c>
      <c r="DY18" s="160">
        <v>47</v>
      </c>
      <c r="DZ18" s="160">
        <v>36</v>
      </c>
      <c r="EA18" s="160">
        <v>12</v>
      </c>
      <c r="EB18" s="160">
        <v>9</v>
      </c>
      <c r="EC18" s="165">
        <v>123</v>
      </c>
      <c r="ED18" s="164">
        <v>158</v>
      </c>
      <c r="EE18" s="159">
        <v>1</v>
      </c>
      <c r="EF18" s="160">
        <v>1</v>
      </c>
      <c r="EG18" s="165">
        <v>2</v>
      </c>
      <c r="EH18" s="162">
        <v>0</v>
      </c>
      <c r="EI18" s="160">
        <v>10</v>
      </c>
      <c r="EJ18" s="160">
        <v>14</v>
      </c>
      <c r="EK18" s="160">
        <v>6</v>
      </c>
      <c r="EL18" s="160">
        <v>10</v>
      </c>
      <c r="EM18" s="160">
        <v>5</v>
      </c>
      <c r="EN18" s="165">
        <v>45</v>
      </c>
      <c r="EO18" s="164">
        <v>47</v>
      </c>
      <c r="EP18" s="159">
        <v>20</v>
      </c>
      <c r="EQ18" s="160">
        <v>30</v>
      </c>
      <c r="ER18" s="165">
        <v>50</v>
      </c>
      <c r="ES18" s="162">
        <v>0</v>
      </c>
      <c r="ET18" s="160">
        <v>58</v>
      </c>
      <c r="EU18" s="160">
        <v>67</v>
      </c>
      <c r="EV18" s="160">
        <v>36</v>
      </c>
      <c r="EW18" s="160">
        <v>12</v>
      </c>
      <c r="EX18" s="160">
        <v>8</v>
      </c>
      <c r="EY18" s="165">
        <v>181</v>
      </c>
      <c r="EZ18" s="164">
        <v>231</v>
      </c>
    </row>
    <row r="19" spans="2:156" ht="21" customHeight="1" x14ac:dyDescent="0.2">
      <c r="B19" s="166" t="s">
        <v>17</v>
      </c>
      <c r="C19" s="159">
        <v>0</v>
      </c>
      <c r="D19" s="160">
        <v>0</v>
      </c>
      <c r="E19" s="161">
        <v>0</v>
      </c>
      <c r="F19" s="162">
        <v>0</v>
      </c>
      <c r="G19" s="160">
        <v>15</v>
      </c>
      <c r="H19" s="160">
        <v>28</v>
      </c>
      <c r="I19" s="160">
        <v>18</v>
      </c>
      <c r="J19" s="160">
        <v>6</v>
      </c>
      <c r="K19" s="160">
        <v>6</v>
      </c>
      <c r="L19" s="163">
        <v>73</v>
      </c>
      <c r="M19" s="164">
        <v>73</v>
      </c>
      <c r="N19" s="159">
        <v>0</v>
      </c>
      <c r="O19" s="160">
        <v>0</v>
      </c>
      <c r="P19" s="165">
        <v>0</v>
      </c>
      <c r="Q19" s="162">
        <v>0</v>
      </c>
      <c r="R19" s="160">
        <v>0</v>
      </c>
      <c r="S19" s="160">
        <v>1</v>
      </c>
      <c r="T19" s="160">
        <v>1</v>
      </c>
      <c r="U19" s="160">
        <v>0</v>
      </c>
      <c r="V19" s="160">
        <v>0</v>
      </c>
      <c r="W19" s="165">
        <v>2</v>
      </c>
      <c r="X19" s="164">
        <v>2</v>
      </c>
      <c r="Y19" s="159">
        <v>2</v>
      </c>
      <c r="Z19" s="160">
        <v>2</v>
      </c>
      <c r="AA19" s="165">
        <v>4</v>
      </c>
      <c r="AB19" s="162">
        <v>0</v>
      </c>
      <c r="AC19" s="160">
        <v>16</v>
      </c>
      <c r="AD19" s="160">
        <v>21</v>
      </c>
      <c r="AE19" s="160">
        <v>18</v>
      </c>
      <c r="AF19" s="160">
        <v>9</v>
      </c>
      <c r="AG19" s="160">
        <v>3</v>
      </c>
      <c r="AH19" s="165">
        <v>67</v>
      </c>
      <c r="AI19" s="164">
        <v>71</v>
      </c>
      <c r="AJ19" s="159">
        <v>0</v>
      </c>
      <c r="AK19" s="160">
        <v>2</v>
      </c>
      <c r="AL19" s="165">
        <v>2</v>
      </c>
      <c r="AM19" s="162">
        <v>0</v>
      </c>
      <c r="AN19" s="160">
        <v>2</v>
      </c>
      <c r="AO19" s="160">
        <v>3</v>
      </c>
      <c r="AP19" s="160">
        <v>1</v>
      </c>
      <c r="AQ19" s="160">
        <v>0</v>
      </c>
      <c r="AR19" s="160">
        <v>1</v>
      </c>
      <c r="AS19" s="165">
        <v>7</v>
      </c>
      <c r="AT19" s="164">
        <v>9</v>
      </c>
      <c r="AU19" s="159">
        <v>9</v>
      </c>
      <c r="AV19" s="160">
        <v>3</v>
      </c>
      <c r="AW19" s="165">
        <v>12</v>
      </c>
      <c r="AX19" s="162">
        <v>0</v>
      </c>
      <c r="AY19" s="160">
        <v>15</v>
      </c>
      <c r="AZ19" s="160">
        <v>36</v>
      </c>
      <c r="BA19" s="160">
        <v>31</v>
      </c>
      <c r="BB19" s="160">
        <v>14</v>
      </c>
      <c r="BC19" s="160">
        <v>9</v>
      </c>
      <c r="BD19" s="163">
        <v>105</v>
      </c>
      <c r="BE19" s="164">
        <v>117</v>
      </c>
      <c r="BF19" s="159">
        <v>0</v>
      </c>
      <c r="BG19" s="160">
        <v>0</v>
      </c>
      <c r="BH19" s="165">
        <v>0</v>
      </c>
      <c r="BI19" s="162">
        <v>0</v>
      </c>
      <c r="BJ19" s="160">
        <v>24</v>
      </c>
      <c r="BK19" s="160">
        <v>24</v>
      </c>
      <c r="BL19" s="160">
        <v>21</v>
      </c>
      <c r="BM19" s="160">
        <v>4</v>
      </c>
      <c r="BN19" s="160">
        <v>1</v>
      </c>
      <c r="BO19" s="165">
        <v>74</v>
      </c>
      <c r="BP19" s="164">
        <v>74</v>
      </c>
      <c r="BQ19" s="159">
        <v>2</v>
      </c>
      <c r="BR19" s="160">
        <v>3</v>
      </c>
      <c r="BS19" s="165">
        <v>5</v>
      </c>
      <c r="BT19" s="162">
        <v>0</v>
      </c>
      <c r="BU19" s="160">
        <v>4</v>
      </c>
      <c r="BV19" s="160">
        <v>13</v>
      </c>
      <c r="BW19" s="160">
        <v>7</v>
      </c>
      <c r="BX19" s="160">
        <v>3</v>
      </c>
      <c r="BY19" s="160">
        <v>0</v>
      </c>
      <c r="BZ19" s="165">
        <v>27</v>
      </c>
      <c r="CA19" s="164">
        <v>32</v>
      </c>
      <c r="CB19" s="159">
        <v>0</v>
      </c>
      <c r="CC19" s="160">
        <v>1</v>
      </c>
      <c r="CD19" s="165">
        <v>1</v>
      </c>
      <c r="CE19" s="162">
        <v>0</v>
      </c>
      <c r="CF19" s="160">
        <v>2</v>
      </c>
      <c r="CG19" s="160">
        <v>7</v>
      </c>
      <c r="CH19" s="160">
        <v>7</v>
      </c>
      <c r="CI19" s="160">
        <v>2</v>
      </c>
      <c r="CJ19" s="160">
        <v>2</v>
      </c>
      <c r="CK19" s="165">
        <v>20</v>
      </c>
      <c r="CL19" s="164">
        <v>21</v>
      </c>
      <c r="CM19" s="159">
        <v>0</v>
      </c>
      <c r="CN19" s="160">
        <v>0</v>
      </c>
      <c r="CO19" s="165">
        <v>0</v>
      </c>
      <c r="CP19" s="162">
        <v>0</v>
      </c>
      <c r="CQ19" s="160">
        <v>1</v>
      </c>
      <c r="CR19" s="160">
        <v>2</v>
      </c>
      <c r="CS19" s="160">
        <v>2</v>
      </c>
      <c r="CT19" s="160">
        <v>1</v>
      </c>
      <c r="CU19" s="160">
        <v>0</v>
      </c>
      <c r="CV19" s="165">
        <v>6</v>
      </c>
      <c r="CW19" s="164">
        <v>6</v>
      </c>
      <c r="CX19" s="159">
        <v>0</v>
      </c>
      <c r="CY19" s="160">
        <v>0</v>
      </c>
      <c r="CZ19" s="165">
        <v>0</v>
      </c>
      <c r="DA19" s="162">
        <v>0</v>
      </c>
      <c r="DB19" s="160">
        <v>0</v>
      </c>
      <c r="DC19" s="160">
        <v>0</v>
      </c>
      <c r="DD19" s="160">
        <v>0</v>
      </c>
      <c r="DE19" s="160">
        <v>0</v>
      </c>
      <c r="DF19" s="160">
        <v>0</v>
      </c>
      <c r="DG19" s="165">
        <v>0</v>
      </c>
      <c r="DH19" s="164">
        <v>0</v>
      </c>
      <c r="DI19" s="159">
        <v>0</v>
      </c>
      <c r="DJ19" s="160">
        <v>0</v>
      </c>
      <c r="DK19" s="165">
        <v>0</v>
      </c>
      <c r="DL19" s="162">
        <v>0</v>
      </c>
      <c r="DM19" s="160">
        <v>0</v>
      </c>
      <c r="DN19" s="160">
        <v>0</v>
      </c>
      <c r="DO19" s="160">
        <v>0</v>
      </c>
      <c r="DP19" s="160">
        <v>0</v>
      </c>
      <c r="DQ19" s="160">
        <v>0</v>
      </c>
      <c r="DR19" s="165">
        <v>0</v>
      </c>
      <c r="DS19" s="164">
        <v>0</v>
      </c>
      <c r="DT19" s="159">
        <v>14</v>
      </c>
      <c r="DU19" s="160">
        <v>21</v>
      </c>
      <c r="DV19" s="165">
        <v>35</v>
      </c>
      <c r="DW19" s="162">
        <v>0</v>
      </c>
      <c r="DX19" s="160">
        <v>22</v>
      </c>
      <c r="DY19" s="160">
        <v>69</v>
      </c>
      <c r="DZ19" s="160">
        <v>42</v>
      </c>
      <c r="EA19" s="160">
        <v>15</v>
      </c>
      <c r="EB19" s="160">
        <v>9</v>
      </c>
      <c r="EC19" s="165">
        <v>157</v>
      </c>
      <c r="ED19" s="164">
        <v>192</v>
      </c>
      <c r="EE19" s="159">
        <v>4</v>
      </c>
      <c r="EF19" s="160">
        <v>1</v>
      </c>
      <c r="EG19" s="165">
        <v>5</v>
      </c>
      <c r="EH19" s="162">
        <v>0</v>
      </c>
      <c r="EI19" s="160">
        <v>7</v>
      </c>
      <c r="EJ19" s="160">
        <v>14</v>
      </c>
      <c r="EK19" s="160">
        <v>5</v>
      </c>
      <c r="EL19" s="160">
        <v>2</v>
      </c>
      <c r="EM19" s="160">
        <v>2</v>
      </c>
      <c r="EN19" s="165">
        <v>30</v>
      </c>
      <c r="EO19" s="164">
        <v>35</v>
      </c>
      <c r="EP19" s="159">
        <v>17</v>
      </c>
      <c r="EQ19" s="160">
        <v>25</v>
      </c>
      <c r="ER19" s="165">
        <v>42</v>
      </c>
      <c r="ES19" s="162">
        <v>0</v>
      </c>
      <c r="ET19" s="160">
        <v>76</v>
      </c>
      <c r="EU19" s="160">
        <v>98</v>
      </c>
      <c r="EV19" s="160">
        <v>50</v>
      </c>
      <c r="EW19" s="160">
        <v>17</v>
      </c>
      <c r="EX19" s="160">
        <v>8</v>
      </c>
      <c r="EY19" s="165">
        <v>249</v>
      </c>
      <c r="EZ19" s="164">
        <v>291</v>
      </c>
    </row>
    <row r="20" spans="2:156" ht="21" customHeight="1" x14ac:dyDescent="0.2">
      <c r="B20" s="166" t="s">
        <v>18</v>
      </c>
      <c r="C20" s="159">
        <v>0</v>
      </c>
      <c r="D20" s="160">
        <v>0</v>
      </c>
      <c r="E20" s="161">
        <v>0</v>
      </c>
      <c r="F20" s="162">
        <v>0</v>
      </c>
      <c r="G20" s="160">
        <v>21</v>
      </c>
      <c r="H20" s="160">
        <v>25</v>
      </c>
      <c r="I20" s="160">
        <v>21</v>
      </c>
      <c r="J20" s="160">
        <v>10</v>
      </c>
      <c r="K20" s="160">
        <v>6</v>
      </c>
      <c r="L20" s="163">
        <v>83</v>
      </c>
      <c r="M20" s="164">
        <v>83</v>
      </c>
      <c r="N20" s="159">
        <v>0</v>
      </c>
      <c r="O20" s="160">
        <v>0</v>
      </c>
      <c r="P20" s="165">
        <v>0</v>
      </c>
      <c r="Q20" s="162">
        <v>0</v>
      </c>
      <c r="R20" s="160">
        <v>2</v>
      </c>
      <c r="S20" s="160">
        <v>0</v>
      </c>
      <c r="T20" s="160">
        <v>0</v>
      </c>
      <c r="U20" s="160">
        <v>2</v>
      </c>
      <c r="V20" s="160">
        <v>7</v>
      </c>
      <c r="W20" s="165">
        <v>11</v>
      </c>
      <c r="X20" s="164">
        <v>11</v>
      </c>
      <c r="Y20" s="159">
        <v>8</v>
      </c>
      <c r="Z20" s="160">
        <v>11</v>
      </c>
      <c r="AA20" s="165">
        <v>19</v>
      </c>
      <c r="AB20" s="162">
        <v>0</v>
      </c>
      <c r="AC20" s="160">
        <v>25</v>
      </c>
      <c r="AD20" s="160">
        <v>34</v>
      </c>
      <c r="AE20" s="160">
        <v>19</v>
      </c>
      <c r="AF20" s="160">
        <v>9</v>
      </c>
      <c r="AG20" s="160">
        <v>6</v>
      </c>
      <c r="AH20" s="165">
        <v>93</v>
      </c>
      <c r="AI20" s="164">
        <v>112</v>
      </c>
      <c r="AJ20" s="159">
        <v>0</v>
      </c>
      <c r="AK20" s="160">
        <v>0</v>
      </c>
      <c r="AL20" s="165">
        <v>0</v>
      </c>
      <c r="AM20" s="162">
        <v>0</v>
      </c>
      <c r="AN20" s="160">
        <v>3</v>
      </c>
      <c r="AO20" s="160">
        <v>3</v>
      </c>
      <c r="AP20" s="160">
        <v>4</v>
      </c>
      <c r="AQ20" s="160">
        <v>0</v>
      </c>
      <c r="AR20" s="160">
        <v>1</v>
      </c>
      <c r="AS20" s="165">
        <v>11</v>
      </c>
      <c r="AT20" s="164">
        <v>11</v>
      </c>
      <c r="AU20" s="159">
        <v>7</v>
      </c>
      <c r="AV20" s="160">
        <v>3</v>
      </c>
      <c r="AW20" s="165">
        <v>10</v>
      </c>
      <c r="AX20" s="162">
        <v>0</v>
      </c>
      <c r="AY20" s="160">
        <v>42</v>
      </c>
      <c r="AZ20" s="160">
        <v>43</v>
      </c>
      <c r="BA20" s="160">
        <v>44</v>
      </c>
      <c r="BB20" s="160">
        <v>28</v>
      </c>
      <c r="BC20" s="160">
        <v>21</v>
      </c>
      <c r="BD20" s="163">
        <v>178</v>
      </c>
      <c r="BE20" s="164">
        <v>188</v>
      </c>
      <c r="BF20" s="159">
        <v>0</v>
      </c>
      <c r="BG20" s="160">
        <v>0</v>
      </c>
      <c r="BH20" s="165">
        <v>0</v>
      </c>
      <c r="BI20" s="162">
        <v>0</v>
      </c>
      <c r="BJ20" s="160">
        <v>57</v>
      </c>
      <c r="BK20" s="160">
        <v>33</v>
      </c>
      <c r="BL20" s="160">
        <v>27</v>
      </c>
      <c r="BM20" s="160">
        <v>3</v>
      </c>
      <c r="BN20" s="160">
        <v>4</v>
      </c>
      <c r="BO20" s="165">
        <v>124</v>
      </c>
      <c r="BP20" s="164">
        <v>124</v>
      </c>
      <c r="BQ20" s="159">
        <v>2</v>
      </c>
      <c r="BR20" s="160">
        <v>11</v>
      </c>
      <c r="BS20" s="165">
        <v>13</v>
      </c>
      <c r="BT20" s="162">
        <v>0</v>
      </c>
      <c r="BU20" s="160">
        <v>17</v>
      </c>
      <c r="BV20" s="160">
        <v>7</v>
      </c>
      <c r="BW20" s="160">
        <v>6</v>
      </c>
      <c r="BX20" s="160">
        <v>1</v>
      </c>
      <c r="BY20" s="160">
        <v>1</v>
      </c>
      <c r="BZ20" s="165">
        <v>32</v>
      </c>
      <c r="CA20" s="164">
        <v>45</v>
      </c>
      <c r="CB20" s="159">
        <v>0</v>
      </c>
      <c r="CC20" s="160">
        <v>2</v>
      </c>
      <c r="CD20" s="165">
        <v>2</v>
      </c>
      <c r="CE20" s="162">
        <v>0</v>
      </c>
      <c r="CF20" s="160">
        <v>7</v>
      </c>
      <c r="CG20" s="160">
        <v>7</v>
      </c>
      <c r="CH20" s="160">
        <v>11</v>
      </c>
      <c r="CI20" s="160">
        <v>7</v>
      </c>
      <c r="CJ20" s="160">
        <v>4</v>
      </c>
      <c r="CK20" s="165">
        <v>36</v>
      </c>
      <c r="CL20" s="164">
        <v>38</v>
      </c>
      <c r="CM20" s="159">
        <v>0</v>
      </c>
      <c r="CN20" s="160">
        <v>0</v>
      </c>
      <c r="CO20" s="165">
        <v>0</v>
      </c>
      <c r="CP20" s="162">
        <v>0</v>
      </c>
      <c r="CQ20" s="160">
        <v>0</v>
      </c>
      <c r="CR20" s="160">
        <v>0</v>
      </c>
      <c r="CS20" s="160">
        <v>1</v>
      </c>
      <c r="CT20" s="160">
        <v>0</v>
      </c>
      <c r="CU20" s="160">
        <v>0</v>
      </c>
      <c r="CV20" s="165">
        <v>1</v>
      </c>
      <c r="CW20" s="164">
        <v>1</v>
      </c>
      <c r="CX20" s="159">
        <v>0</v>
      </c>
      <c r="CY20" s="160">
        <v>0</v>
      </c>
      <c r="CZ20" s="165">
        <v>0</v>
      </c>
      <c r="DA20" s="162">
        <v>0</v>
      </c>
      <c r="DB20" s="160">
        <v>0</v>
      </c>
      <c r="DC20" s="160">
        <v>0</v>
      </c>
      <c r="DD20" s="160">
        <v>0</v>
      </c>
      <c r="DE20" s="160">
        <v>0</v>
      </c>
      <c r="DF20" s="160">
        <v>0</v>
      </c>
      <c r="DG20" s="165">
        <v>0</v>
      </c>
      <c r="DH20" s="164">
        <v>0</v>
      </c>
      <c r="DI20" s="159">
        <v>0</v>
      </c>
      <c r="DJ20" s="160">
        <v>0</v>
      </c>
      <c r="DK20" s="165">
        <v>0</v>
      </c>
      <c r="DL20" s="162">
        <v>0</v>
      </c>
      <c r="DM20" s="160">
        <v>0</v>
      </c>
      <c r="DN20" s="160">
        <v>0</v>
      </c>
      <c r="DO20" s="160">
        <v>0</v>
      </c>
      <c r="DP20" s="160">
        <v>0</v>
      </c>
      <c r="DQ20" s="160">
        <v>0</v>
      </c>
      <c r="DR20" s="165">
        <v>0</v>
      </c>
      <c r="DS20" s="164">
        <v>0</v>
      </c>
      <c r="DT20" s="159">
        <v>11</v>
      </c>
      <c r="DU20" s="160">
        <v>30</v>
      </c>
      <c r="DV20" s="165">
        <v>41</v>
      </c>
      <c r="DW20" s="162">
        <v>0</v>
      </c>
      <c r="DX20" s="160">
        <v>65</v>
      </c>
      <c r="DY20" s="160">
        <v>67</v>
      </c>
      <c r="DZ20" s="160">
        <v>47</v>
      </c>
      <c r="EA20" s="160">
        <v>22</v>
      </c>
      <c r="EB20" s="160">
        <v>17</v>
      </c>
      <c r="EC20" s="165">
        <v>218</v>
      </c>
      <c r="ED20" s="164">
        <v>259</v>
      </c>
      <c r="EE20" s="159">
        <v>2</v>
      </c>
      <c r="EF20" s="160">
        <v>0</v>
      </c>
      <c r="EG20" s="165">
        <v>2</v>
      </c>
      <c r="EH20" s="162">
        <v>0</v>
      </c>
      <c r="EI20" s="160">
        <v>15</v>
      </c>
      <c r="EJ20" s="160">
        <v>10</v>
      </c>
      <c r="EK20" s="160">
        <v>13</v>
      </c>
      <c r="EL20" s="160">
        <v>10</v>
      </c>
      <c r="EM20" s="160">
        <v>3</v>
      </c>
      <c r="EN20" s="165">
        <v>51</v>
      </c>
      <c r="EO20" s="164">
        <v>53</v>
      </c>
      <c r="EP20" s="159">
        <v>18</v>
      </c>
      <c r="EQ20" s="160">
        <v>41</v>
      </c>
      <c r="ER20" s="165">
        <v>59</v>
      </c>
      <c r="ES20" s="162">
        <v>0</v>
      </c>
      <c r="ET20" s="160">
        <v>126</v>
      </c>
      <c r="EU20" s="160">
        <v>88</v>
      </c>
      <c r="EV20" s="160">
        <v>60</v>
      </c>
      <c r="EW20" s="160">
        <v>25</v>
      </c>
      <c r="EX20" s="160">
        <v>17</v>
      </c>
      <c r="EY20" s="165">
        <v>316</v>
      </c>
      <c r="EZ20" s="164">
        <v>375</v>
      </c>
    </row>
    <row r="21" spans="2:156" ht="21" customHeight="1" x14ac:dyDescent="0.2">
      <c r="B21" s="166" t="s">
        <v>19</v>
      </c>
      <c r="C21" s="159">
        <v>0</v>
      </c>
      <c r="D21" s="160">
        <v>0</v>
      </c>
      <c r="E21" s="161">
        <v>0</v>
      </c>
      <c r="F21" s="162">
        <v>0</v>
      </c>
      <c r="G21" s="160">
        <v>12</v>
      </c>
      <c r="H21" s="160">
        <v>6</v>
      </c>
      <c r="I21" s="160">
        <v>4</v>
      </c>
      <c r="J21" s="160">
        <v>1</v>
      </c>
      <c r="K21" s="160">
        <v>4</v>
      </c>
      <c r="L21" s="163">
        <v>27</v>
      </c>
      <c r="M21" s="164">
        <v>27</v>
      </c>
      <c r="N21" s="159">
        <v>0</v>
      </c>
      <c r="O21" s="160">
        <v>0</v>
      </c>
      <c r="P21" s="165">
        <v>0</v>
      </c>
      <c r="Q21" s="162">
        <v>0</v>
      </c>
      <c r="R21" s="160">
        <v>0</v>
      </c>
      <c r="S21" s="160">
        <v>0</v>
      </c>
      <c r="T21" s="160">
        <v>2</v>
      </c>
      <c r="U21" s="160">
        <v>1</v>
      </c>
      <c r="V21" s="160">
        <v>2</v>
      </c>
      <c r="W21" s="165">
        <v>5</v>
      </c>
      <c r="X21" s="164">
        <v>5</v>
      </c>
      <c r="Y21" s="159">
        <v>2</v>
      </c>
      <c r="Z21" s="160">
        <v>7</v>
      </c>
      <c r="AA21" s="165">
        <v>9</v>
      </c>
      <c r="AB21" s="162">
        <v>0</v>
      </c>
      <c r="AC21" s="160">
        <v>16</v>
      </c>
      <c r="AD21" s="160">
        <v>7</v>
      </c>
      <c r="AE21" s="160">
        <v>5</v>
      </c>
      <c r="AF21" s="160">
        <v>5</v>
      </c>
      <c r="AG21" s="160">
        <v>5</v>
      </c>
      <c r="AH21" s="165">
        <v>38</v>
      </c>
      <c r="AI21" s="164">
        <v>47</v>
      </c>
      <c r="AJ21" s="159">
        <v>0</v>
      </c>
      <c r="AK21" s="160">
        <v>0</v>
      </c>
      <c r="AL21" s="165">
        <v>0</v>
      </c>
      <c r="AM21" s="162">
        <v>0</v>
      </c>
      <c r="AN21" s="160">
        <v>1</v>
      </c>
      <c r="AO21" s="160">
        <v>1</v>
      </c>
      <c r="AP21" s="160">
        <v>1</v>
      </c>
      <c r="AQ21" s="160">
        <v>0</v>
      </c>
      <c r="AR21" s="160">
        <v>1</v>
      </c>
      <c r="AS21" s="165">
        <v>4</v>
      </c>
      <c r="AT21" s="164">
        <v>4</v>
      </c>
      <c r="AU21" s="159">
        <v>2</v>
      </c>
      <c r="AV21" s="160">
        <v>7</v>
      </c>
      <c r="AW21" s="165">
        <v>9</v>
      </c>
      <c r="AX21" s="162">
        <v>0</v>
      </c>
      <c r="AY21" s="160">
        <v>25</v>
      </c>
      <c r="AZ21" s="160">
        <v>15</v>
      </c>
      <c r="BA21" s="160">
        <v>11</v>
      </c>
      <c r="BB21" s="160">
        <v>11</v>
      </c>
      <c r="BC21" s="160">
        <v>14</v>
      </c>
      <c r="BD21" s="163">
        <v>76</v>
      </c>
      <c r="BE21" s="164">
        <v>85</v>
      </c>
      <c r="BF21" s="159">
        <v>0</v>
      </c>
      <c r="BG21" s="160">
        <v>0</v>
      </c>
      <c r="BH21" s="165">
        <v>0</v>
      </c>
      <c r="BI21" s="162">
        <v>0</v>
      </c>
      <c r="BJ21" s="160">
        <v>19</v>
      </c>
      <c r="BK21" s="160">
        <v>15</v>
      </c>
      <c r="BL21" s="160">
        <v>3</v>
      </c>
      <c r="BM21" s="160">
        <v>0</v>
      </c>
      <c r="BN21" s="160">
        <v>2</v>
      </c>
      <c r="BO21" s="165">
        <v>39</v>
      </c>
      <c r="BP21" s="164">
        <v>39</v>
      </c>
      <c r="BQ21" s="159">
        <v>3</v>
      </c>
      <c r="BR21" s="160">
        <v>2</v>
      </c>
      <c r="BS21" s="165">
        <v>5</v>
      </c>
      <c r="BT21" s="162">
        <v>0</v>
      </c>
      <c r="BU21" s="160">
        <v>11</v>
      </c>
      <c r="BV21" s="160">
        <v>8</v>
      </c>
      <c r="BW21" s="160">
        <v>5</v>
      </c>
      <c r="BX21" s="160">
        <v>0</v>
      </c>
      <c r="BY21" s="160">
        <v>1</v>
      </c>
      <c r="BZ21" s="165">
        <v>25</v>
      </c>
      <c r="CA21" s="164">
        <v>30</v>
      </c>
      <c r="CB21" s="159">
        <v>0</v>
      </c>
      <c r="CC21" s="160">
        <v>1</v>
      </c>
      <c r="CD21" s="165">
        <v>1</v>
      </c>
      <c r="CE21" s="162">
        <v>0</v>
      </c>
      <c r="CF21" s="160">
        <v>2</v>
      </c>
      <c r="CG21" s="160">
        <v>3</v>
      </c>
      <c r="CH21" s="160">
        <v>1</v>
      </c>
      <c r="CI21" s="160">
        <v>4</v>
      </c>
      <c r="CJ21" s="160">
        <v>0</v>
      </c>
      <c r="CK21" s="165">
        <v>10</v>
      </c>
      <c r="CL21" s="164">
        <v>11</v>
      </c>
      <c r="CM21" s="159">
        <v>0</v>
      </c>
      <c r="CN21" s="160">
        <v>0</v>
      </c>
      <c r="CO21" s="165">
        <v>0</v>
      </c>
      <c r="CP21" s="162">
        <v>0</v>
      </c>
      <c r="CQ21" s="160">
        <v>0</v>
      </c>
      <c r="CR21" s="160">
        <v>1</v>
      </c>
      <c r="CS21" s="160">
        <v>1</v>
      </c>
      <c r="CT21" s="160">
        <v>0</v>
      </c>
      <c r="CU21" s="160">
        <v>0</v>
      </c>
      <c r="CV21" s="165">
        <v>2</v>
      </c>
      <c r="CW21" s="164">
        <v>2</v>
      </c>
      <c r="CX21" s="159">
        <v>0</v>
      </c>
      <c r="CY21" s="160">
        <v>0</v>
      </c>
      <c r="CZ21" s="165">
        <v>0</v>
      </c>
      <c r="DA21" s="162">
        <v>0</v>
      </c>
      <c r="DB21" s="160">
        <v>0</v>
      </c>
      <c r="DC21" s="160">
        <v>0</v>
      </c>
      <c r="DD21" s="160">
        <v>0</v>
      </c>
      <c r="DE21" s="160">
        <v>0</v>
      </c>
      <c r="DF21" s="160">
        <v>0</v>
      </c>
      <c r="DG21" s="165">
        <v>0</v>
      </c>
      <c r="DH21" s="164">
        <v>0</v>
      </c>
      <c r="DI21" s="159">
        <v>0</v>
      </c>
      <c r="DJ21" s="160">
        <v>0</v>
      </c>
      <c r="DK21" s="165">
        <v>0</v>
      </c>
      <c r="DL21" s="162">
        <v>0</v>
      </c>
      <c r="DM21" s="160">
        <v>0</v>
      </c>
      <c r="DN21" s="160">
        <v>0</v>
      </c>
      <c r="DO21" s="160">
        <v>0</v>
      </c>
      <c r="DP21" s="160">
        <v>0</v>
      </c>
      <c r="DQ21" s="160">
        <v>0</v>
      </c>
      <c r="DR21" s="165">
        <v>0</v>
      </c>
      <c r="DS21" s="164">
        <v>0</v>
      </c>
      <c r="DT21" s="159">
        <v>10</v>
      </c>
      <c r="DU21" s="160">
        <v>12</v>
      </c>
      <c r="DV21" s="165">
        <v>22</v>
      </c>
      <c r="DW21" s="162">
        <v>0</v>
      </c>
      <c r="DX21" s="160">
        <v>33</v>
      </c>
      <c r="DY21" s="160">
        <v>28</v>
      </c>
      <c r="DZ21" s="160">
        <v>14</v>
      </c>
      <c r="EA21" s="160">
        <v>7</v>
      </c>
      <c r="EB21" s="160">
        <v>12</v>
      </c>
      <c r="EC21" s="165">
        <v>94</v>
      </c>
      <c r="ED21" s="164">
        <v>116</v>
      </c>
      <c r="EE21" s="159">
        <v>2</v>
      </c>
      <c r="EF21" s="160">
        <v>3</v>
      </c>
      <c r="EG21" s="165">
        <v>5</v>
      </c>
      <c r="EH21" s="162">
        <v>0</v>
      </c>
      <c r="EI21" s="160">
        <v>7</v>
      </c>
      <c r="EJ21" s="160">
        <v>6</v>
      </c>
      <c r="EK21" s="160">
        <v>4</v>
      </c>
      <c r="EL21" s="160">
        <v>3</v>
      </c>
      <c r="EM21" s="160">
        <v>4</v>
      </c>
      <c r="EN21" s="165">
        <v>24</v>
      </c>
      <c r="EO21" s="164">
        <v>29</v>
      </c>
      <c r="EP21" s="159">
        <v>14</v>
      </c>
      <c r="EQ21" s="160">
        <v>19</v>
      </c>
      <c r="ER21" s="165">
        <v>33</v>
      </c>
      <c r="ES21" s="162">
        <v>0</v>
      </c>
      <c r="ET21" s="160">
        <v>55</v>
      </c>
      <c r="EU21" s="160">
        <v>37</v>
      </c>
      <c r="EV21" s="160">
        <v>12</v>
      </c>
      <c r="EW21" s="160">
        <v>7</v>
      </c>
      <c r="EX21" s="160">
        <v>8</v>
      </c>
      <c r="EY21" s="165">
        <v>119</v>
      </c>
      <c r="EZ21" s="164">
        <v>152</v>
      </c>
    </row>
    <row r="22" spans="2:156" ht="21" customHeight="1" x14ac:dyDescent="0.2">
      <c r="B22" s="166" t="s">
        <v>20</v>
      </c>
      <c r="C22" s="159">
        <v>0</v>
      </c>
      <c r="D22" s="160">
        <v>0</v>
      </c>
      <c r="E22" s="161">
        <v>0</v>
      </c>
      <c r="F22" s="162">
        <v>0</v>
      </c>
      <c r="G22" s="160">
        <v>21</v>
      </c>
      <c r="H22" s="160">
        <v>12</v>
      </c>
      <c r="I22" s="160">
        <v>3</v>
      </c>
      <c r="J22" s="160">
        <v>5</v>
      </c>
      <c r="K22" s="160">
        <v>3</v>
      </c>
      <c r="L22" s="163">
        <v>44</v>
      </c>
      <c r="M22" s="164">
        <v>44</v>
      </c>
      <c r="N22" s="159">
        <v>0</v>
      </c>
      <c r="O22" s="160">
        <v>0</v>
      </c>
      <c r="P22" s="165">
        <v>0</v>
      </c>
      <c r="Q22" s="162">
        <v>0</v>
      </c>
      <c r="R22" s="160">
        <v>0</v>
      </c>
      <c r="S22" s="160">
        <v>1</v>
      </c>
      <c r="T22" s="160">
        <v>0</v>
      </c>
      <c r="U22" s="160">
        <v>4</v>
      </c>
      <c r="V22" s="160">
        <v>2</v>
      </c>
      <c r="W22" s="165">
        <v>7</v>
      </c>
      <c r="X22" s="164">
        <v>7</v>
      </c>
      <c r="Y22" s="159">
        <v>3</v>
      </c>
      <c r="Z22" s="160">
        <v>7</v>
      </c>
      <c r="AA22" s="165">
        <v>10</v>
      </c>
      <c r="AB22" s="162">
        <v>0</v>
      </c>
      <c r="AC22" s="160">
        <v>19</v>
      </c>
      <c r="AD22" s="160">
        <v>20</v>
      </c>
      <c r="AE22" s="160">
        <v>10</v>
      </c>
      <c r="AF22" s="160">
        <v>6</v>
      </c>
      <c r="AG22" s="160">
        <v>3</v>
      </c>
      <c r="AH22" s="165">
        <v>58</v>
      </c>
      <c r="AI22" s="164">
        <v>68</v>
      </c>
      <c r="AJ22" s="159">
        <v>2</v>
      </c>
      <c r="AK22" s="160">
        <v>4</v>
      </c>
      <c r="AL22" s="165">
        <v>6</v>
      </c>
      <c r="AM22" s="162">
        <v>0</v>
      </c>
      <c r="AN22" s="160">
        <v>4</v>
      </c>
      <c r="AO22" s="160">
        <v>8</v>
      </c>
      <c r="AP22" s="160">
        <v>6</v>
      </c>
      <c r="AQ22" s="160">
        <v>3</v>
      </c>
      <c r="AR22" s="160">
        <v>0</v>
      </c>
      <c r="AS22" s="165">
        <v>21</v>
      </c>
      <c r="AT22" s="164">
        <v>27</v>
      </c>
      <c r="AU22" s="159">
        <v>1</v>
      </c>
      <c r="AV22" s="160">
        <v>5</v>
      </c>
      <c r="AW22" s="165">
        <v>6</v>
      </c>
      <c r="AX22" s="162">
        <v>0</v>
      </c>
      <c r="AY22" s="160">
        <v>26</v>
      </c>
      <c r="AZ22" s="160">
        <v>23</v>
      </c>
      <c r="BA22" s="160">
        <v>18</v>
      </c>
      <c r="BB22" s="160">
        <v>18</v>
      </c>
      <c r="BC22" s="160">
        <v>6</v>
      </c>
      <c r="BD22" s="163">
        <v>91</v>
      </c>
      <c r="BE22" s="164">
        <v>97</v>
      </c>
      <c r="BF22" s="159">
        <v>0</v>
      </c>
      <c r="BG22" s="160">
        <v>0</v>
      </c>
      <c r="BH22" s="165">
        <v>0</v>
      </c>
      <c r="BI22" s="162">
        <v>0</v>
      </c>
      <c r="BJ22" s="160">
        <v>37</v>
      </c>
      <c r="BK22" s="160">
        <v>22</v>
      </c>
      <c r="BL22" s="160">
        <v>14</v>
      </c>
      <c r="BM22" s="160">
        <v>5</v>
      </c>
      <c r="BN22" s="160">
        <v>0</v>
      </c>
      <c r="BO22" s="165">
        <v>78</v>
      </c>
      <c r="BP22" s="164">
        <v>78</v>
      </c>
      <c r="BQ22" s="159">
        <v>2</v>
      </c>
      <c r="BR22" s="160">
        <v>0</v>
      </c>
      <c r="BS22" s="165">
        <v>2</v>
      </c>
      <c r="BT22" s="162">
        <v>0</v>
      </c>
      <c r="BU22" s="160">
        <v>15</v>
      </c>
      <c r="BV22" s="160">
        <v>7</v>
      </c>
      <c r="BW22" s="160">
        <v>3</v>
      </c>
      <c r="BX22" s="160">
        <v>2</v>
      </c>
      <c r="BY22" s="160">
        <v>1</v>
      </c>
      <c r="BZ22" s="165">
        <v>28</v>
      </c>
      <c r="CA22" s="164">
        <v>30</v>
      </c>
      <c r="CB22" s="159">
        <v>0</v>
      </c>
      <c r="CC22" s="160">
        <v>0</v>
      </c>
      <c r="CD22" s="165">
        <v>0</v>
      </c>
      <c r="CE22" s="162">
        <v>0</v>
      </c>
      <c r="CF22" s="160">
        <v>5</v>
      </c>
      <c r="CG22" s="160">
        <v>8</v>
      </c>
      <c r="CH22" s="160">
        <v>7</v>
      </c>
      <c r="CI22" s="160">
        <v>4</v>
      </c>
      <c r="CJ22" s="160">
        <v>1</v>
      </c>
      <c r="CK22" s="165">
        <v>25</v>
      </c>
      <c r="CL22" s="164">
        <v>25</v>
      </c>
      <c r="CM22" s="159">
        <v>0</v>
      </c>
      <c r="CN22" s="160">
        <v>0</v>
      </c>
      <c r="CO22" s="165">
        <v>0</v>
      </c>
      <c r="CP22" s="162">
        <v>0</v>
      </c>
      <c r="CQ22" s="160">
        <v>0</v>
      </c>
      <c r="CR22" s="160">
        <v>0</v>
      </c>
      <c r="CS22" s="160">
        <v>1</v>
      </c>
      <c r="CT22" s="160">
        <v>1</v>
      </c>
      <c r="CU22" s="160">
        <v>0</v>
      </c>
      <c r="CV22" s="165">
        <v>2</v>
      </c>
      <c r="CW22" s="164">
        <v>2</v>
      </c>
      <c r="CX22" s="159">
        <v>0</v>
      </c>
      <c r="CY22" s="160">
        <v>0</v>
      </c>
      <c r="CZ22" s="165">
        <v>0</v>
      </c>
      <c r="DA22" s="162">
        <v>0</v>
      </c>
      <c r="DB22" s="160">
        <v>0</v>
      </c>
      <c r="DC22" s="160">
        <v>0</v>
      </c>
      <c r="DD22" s="160">
        <v>0</v>
      </c>
      <c r="DE22" s="160">
        <v>0</v>
      </c>
      <c r="DF22" s="160">
        <v>0</v>
      </c>
      <c r="DG22" s="165">
        <v>0</v>
      </c>
      <c r="DH22" s="164">
        <v>0</v>
      </c>
      <c r="DI22" s="159">
        <v>0</v>
      </c>
      <c r="DJ22" s="160">
        <v>0</v>
      </c>
      <c r="DK22" s="165">
        <v>0</v>
      </c>
      <c r="DL22" s="162">
        <v>0</v>
      </c>
      <c r="DM22" s="160">
        <v>0</v>
      </c>
      <c r="DN22" s="160">
        <v>0</v>
      </c>
      <c r="DO22" s="160">
        <v>0</v>
      </c>
      <c r="DP22" s="160">
        <v>0</v>
      </c>
      <c r="DQ22" s="160">
        <v>0</v>
      </c>
      <c r="DR22" s="165">
        <v>0</v>
      </c>
      <c r="DS22" s="164">
        <v>0</v>
      </c>
      <c r="DT22" s="159">
        <v>13</v>
      </c>
      <c r="DU22" s="160">
        <v>17</v>
      </c>
      <c r="DV22" s="165">
        <v>30</v>
      </c>
      <c r="DW22" s="162">
        <v>0</v>
      </c>
      <c r="DX22" s="160">
        <v>54</v>
      </c>
      <c r="DY22" s="160">
        <v>46</v>
      </c>
      <c r="DZ22" s="160">
        <v>21</v>
      </c>
      <c r="EA22" s="160">
        <v>13</v>
      </c>
      <c r="EB22" s="160">
        <v>5</v>
      </c>
      <c r="EC22" s="165">
        <v>139</v>
      </c>
      <c r="ED22" s="164">
        <v>169</v>
      </c>
      <c r="EE22" s="159">
        <v>1</v>
      </c>
      <c r="EF22" s="160">
        <v>4</v>
      </c>
      <c r="EG22" s="165">
        <v>5</v>
      </c>
      <c r="EH22" s="162">
        <v>0</v>
      </c>
      <c r="EI22" s="160">
        <v>7</v>
      </c>
      <c r="EJ22" s="160">
        <v>4</v>
      </c>
      <c r="EK22" s="160">
        <v>5</v>
      </c>
      <c r="EL22" s="160">
        <v>10</v>
      </c>
      <c r="EM22" s="160">
        <v>1</v>
      </c>
      <c r="EN22" s="165">
        <v>27</v>
      </c>
      <c r="EO22" s="164">
        <v>32</v>
      </c>
      <c r="EP22" s="159">
        <v>18</v>
      </c>
      <c r="EQ22" s="160">
        <v>25</v>
      </c>
      <c r="ER22" s="165">
        <v>43</v>
      </c>
      <c r="ES22" s="162">
        <v>0</v>
      </c>
      <c r="ET22" s="160">
        <v>100</v>
      </c>
      <c r="EU22" s="160">
        <v>68</v>
      </c>
      <c r="EV22" s="160">
        <v>31</v>
      </c>
      <c r="EW22" s="160">
        <v>16</v>
      </c>
      <c r="EX22" s="160">
        <v>5</v>
      </c>
      <c r="EY22" s="165">
        <v>220</v>
      </c>
      <c r="EZ22" s="164">
        <v>263</v>
      </c>
    </row>
    <row r="23" spans="2:156" ht="21" customHeight="1" x14ac:dyDescent="0.2">
      <c r="B23" s="166" t="s">
        <v>21</v>
      </c>
      <c r="C23" s="159">
        <v>0</v>
      </c>
      <c r="D23" s="160">
        <v>0</v>
      </c>
      <c r="E23" s="161">
        <v>0</v>
      </c>
      <c r="F23" s="162">
        <v>0</v>
      </c>
      <c r="G23" s="160">
        <v>9</v>
      </c>
      <c r="H23" s="160">
        <v>19</v>
      </c>
      <c r="I23" s="160">
        <v>5</v>
      </c>
      <c r="J23" s="160">
        <v>5</v>
      </c>
      <c r="K23" s="160">
        <v>3</v>
      </c>
      <c r="L23" s="163">
        <v>41</v>
      </c>
      <c r="M23" s="164">
        <v>41</v>
      </c>
      <c r="N23" s="159">
        <v>0</v>
      </c>
      <c r="O23" s="160">
        <v>0</v>
      </c>
      <c r="P23" s="165">
        <v>0</v>
      </c>
      <c r="Q23" s="162">
        <v>0</v>
      </c>
      <c r="R23" s="160">
        <v>0</v>
      </c>
      <c r="S23" s="160">
        <v>0</v>
      </c>
      <c r="T23" s="160">
        <v>2</v>
      </c>
      <c r="U23" s="160">
        <v>0</v>
      </c>
      <c r="V23" s="160">
        <v>1</v>
      </c>
      <c r="W23" s="165">
        <v>3</v>
      </c>
      <c r="X23" s="164">
        <v>3</v>
      </c>
      <c r="Y23" s="159">
        <v>3</v>
      </c>
      <c r="Z23" s="160">
        <v>4</v>
      </c>
      <c r="AA23" s="165">
        <v>7</v>
      </c>
      <c r="AB23" s="162">
        <v>0</v>
      </c>
      <c r="AC23" s="160">
        <v>13</v>
      </c>
      <c r="AD23" s="160">
        <v>15</v>
      </c>
      <c r="AE23" s="160">
        <v>8</v>
      </c>
      <c r="AF23" s="160">
        <v>4</v>
      </c>
      <c r="AG23" s="160">
        <v>2</v>
      </c>
      <c r="AH23" s="165">
        <v>42</v>
      </c>
      <c r="AI23" s="164">
        <v>49</v>
      </c>
      <c r="AJ23" s="159">
        <v>1</v>
      </c>
      <c r="AK23" s="160">
        <v>1</v>
      </c>
      <c r="AL23" s="165">
        <v>2</v>
      </c>
      <c r="AM23" s="162">
        <v>0</v>
      </c>
      <c r="AN23" s="160">
        <v>1</v>
      </c>
      <c r="AO23" s="160">
        <v>4</v>
      </c>
      <c r="AP23" s="160">
        <v>1</v>
      </c>
      <c r="AQ23" s="160">
        <v>1</v>
      </c>
      <c r="AR23" s="160">
        <v>0</v>
      </c>
      <c r="AS23" s="165">
        <v>7</v>
      </c>
      <c r="AT23" s="164">
        <v>9</v>
      </c>
      <c r="AU23" s="159">
        <v>5</v>
      </c>
      <c r="AV23" s="160">
        <v>1</v>
      </c>
      <c r="AW23" s="165">
        <v>6</v>
      </c>
      <c r="AX23" s="162">
        <v>0</v>
      </c>
      <c r="AY23" s="160">
        <v>17</v>
      </c>
      <c r="AZ23" s="160">
        <v>30</v>
      </c>
      <c r="BA23" s="160">
        <v>12</v>
      </c>
      <c r="BB23" s="160">
        <v>19</v>
      </c>
      <c r="BC23" s="160">
        <v>6</v>
      </c>
      <c r="BD23" s="163">
        <v>84</v>
      </c>
      <c r="BE23" s="164">
        <v>90</v>
      </c>
      <c r="BF23" s="159">
        <v>0</v>
      </c>
      <c r="BG23" s="160">
        <v>0</v>
      </c>
      <c r="BH23" s="165">
        <v>0</v>
      </c>
      <c r="BI23" s="162">
        <v>0</v>
      </c>
      <c r="BJ23" s="160">
        <v>24</v>
      </c>
      <c r="BK23" s="160">
        <v>23</v>
      </c>
      <c r="BL23" s="160">
        <v>10</v>
      </c>
      <c r="BM23" s="160">
        <v>0</v>
      </c>
      <c r="BN23" s="160">
        <v>0</v>
      </c>
      <c r="BO23" s="165">
        <v>57</v>
      </c>
      <c r="BP23" s="164">
        <v>57</v>
      </c>
      <c r="BQ23" s="159">
        <v>2</v>
      </c>
      <c r="BR23" s="160">
        <v>3</v>
      </c>
      <c r="BS23" s="165">
        <v>5</v>
      </c>
      <c r="BT23" s="162">
        <v>0</v>
      </c>
      <c r="BU23" s="160">
        <v>6</v>
      </c>
      <c r="BV23" s="160">
        <v>3</v>
      </c>
      <c r="BW23" s="160">
        <v>2</v>
      </c>
      <c r="BX23" s="160">
        <v>0</v>
      </c>
      <c r="BY23" s="160">
        <v>1</v>
      </c>
      <c r="BZ23" s="165">
        <v>12</v>
      </c>
      <c r="CA23" s="164">
        <v>17</v>
      </c>
      <c r="CB23" s="159">
        <v>0</v>
      </c>
      <c r="CC23" s="160">
        <v>0</v>
      </c>
      <c r="CD23" s="165">
        <v>0</v>
      </c>
      <c r="CE23" s="162">
        <v>0</v>
      </c>
      <c r="CF23" s="160">
        <v>3</v>
      </c>
      <c r="CG23" s="160">
        <v>5</v>
      </c>
      <c r="CH23" s="160">
        <v>1</v>
      </c>
      <c r="CI23" s="160">
        <v>3</v>
      </c>
      <c r="CJ23" s="160">
        <v>1</v>
      </c>
      <c r="CK23" s="165">
        <v>13</v>
      </c>
      <c r="CL23" s="164">
        <v>13</v>
      </c>
      <c r="CM23" s="159">
        <v>0</v>
      </c>
      <c r="CN23" s="160">
        <v>0</v>
      </c>
      <c r="CO23" s="165">
        <v>0</v>
      </c>
      <c r="CP23" s="162">
        <v>0</v>
      </c>
      <c r="CQ23" s="160">
        <v>0</v>
      </c>
      <c r="CR23" s="160">
        <v>0</v>
      </c>
      <c r="CS23" s="160">
        <v>0</v>
      </c>
      <c r="CT23" s="160">
        <v>0</v>
      </c>
      <c r="CU23" s="160">
        <v>0</v>
      </c>
      <c r="CV23" s="165">
        <v>0</v>
      </c>
      <c r="CW23" s="164">
        <v>0</v>
      </c>
      <c r="CX23" s="159">
        <v>0</v>
      </c>
      <c r="CY23" s="160">
        <v>0</v>
      </c>
      <c r="CZ23" s="165">
        <v>0</v>
      </c>
      <c r="DA23" s="162">
        <v>0</v>
      </c>
      <c r="DB23" s="160">
        <v>0</v>
      </c>
      <c r="DC23" s="160">
        <v>0</v>
      </c>
      <c r="DD23" s="160">
        <v>0</v>
      </c>
      <c r="DE23" s="160">
        <v>0</v>
      </c>
      <c r="DF23" s="160">
        <v>0</v>
      </c>
      <c r="DG23" s="165">
        <v>0</v>
      </c>
      <c r="DH23" s="164">
        <v>0</v>
      </c>
      <c r="DI23" s="159">
        <v>0</v>
      </c>
      <c r="DJ23" s="160">
        <v>0</v>
      </c>
      <c r="DK23" s="165">
        <v>0</v>
      </c>
      <c r="DL23" s="162">
        <v>0</v>
      </c>
      <c r="DM23" s="160">
        <v>0</v>
      </c>
      <c r="DN23" s="160">
        <v>0</v>
      </c>
      <c r="DO23" s="160">
        <v>0</v>
      </c>
      <c r="DP23" s="160">
        <v>0</v>
      </c>
      <c r="DQ23" s="160">
        <v>0</v>
      </c>
      <c r="DR23" s="165">
        <v>0</v>
      </c>
      <c r="DS23" s="164">
        <v>0</v>
      </c>
      <c r="DT23" s="159">
        <v>10</v>
      </c>
      <c r="DU23" s="160">
        <v>19</v>
      </c>
      <c r="DV23" s="165">
        <v>29</v>
      </c>
      <c r="DW23" s="162">
        <v>0</v>
      </c>
      <c r="DX23" s="160">
        <v>22</v>
      </c>
      <c r="DY23" s="160">
        <v>43</v>
      </c>
      <c r="DZ23" s="160">
        <v>16</v>
      </c>
      <c r="EA23" s="160">
        <v>8</v>
      </c>
      <c r="EB23" s="160">
        <v>2</v>
      </c>
      <c r="EC23" s="165">
        <v>91</v>
      </c>
      <c r="ED23" s="164">
        <v>120</v>
      </c>
      <c r="EE23" s="159">
        <v>0</v>
      </c>
      <c r="EF23" s="160">
        <v>0</v>
      </c>
      <c r="EG23" s="165">
        <v>0</v>
      </c>
      <c r="EH23" s="162">
        <v>0</v>
      </c>
      <c r="EI23" s="160">
        <v>6</v>
      </c>
      <c r="EJ23" s="160">
        <v>9</v>
      </c>
      <c r="EK23" s="160">
        <v>6</v>
      </c>
      <c r="EL23" s="160">
        <v>11</v>
      </c>
      <c r="EM23" s="160">
        <v>3</v>
      </c>
      <c r="EN23" s="165">
        <v>35</v>
      </c>
      <c r="EO23" s="164">
        <v>35</v>
      </c>
      <c r="EP23" s="159">
        <v>15</v>
      </c>
      <c r="EQ23" s="160">
        <v>25</v>
      </c>
      <c r="ER23" s="165">
        <v>40</v>
      </c>
      <c r="ES23" s="162">
        <v>0</v>
      </c>
      <c r="ET23" s="160">
        <v>60</v>
      </c>
      <c r="EU23" s="160">
        <v>58</v>
      </c>
      <c r="EV23" s="160">
        <v>21</v>
      </c>
      <c r="EW23" s="160">
        <v>9</v>
      </c>
      <c r="EX23" s="160">
        <v>4</v>
      </c>
      <c r="EY23" s="165">
        <v>152</v>
      </c>
      <c r="EZ23" s="164">
        <v>192</v>
      </c>
    </row>
    <row r="24" spans="2:156" ht="21" customHeight="1" x14ac:dyDescent="0.2">
      <c r="B24" s="166" t="s">
        <v>22</v>
      </c>
      <c r="C24" s="159">
        <v>0</v>
      </c>
      <c r="D24" s="160">
        <v>0</v>
      </c>
      <c r="E24" s="161">
        <v>0</v>
      </c>
      <c r="F24" s="162">
        <v>0</v>
      </c>
      <c r="G24" s="160">
        <v>9</v>
      </c>
      <c r="H24" s="160">
        <v>7</v>
      </c>
      <c r="I24" s="160">
        <v>3</v>
      </c>
      <c r="J24" s="160">
        <v>2</v>
      </c>
      <c r="K24" s="160">
        <v>3</v>
      </c>
      <c r="L24" s="163">
        <v>24</v>
      </c>
      <c r="M24" s="164">
        <v>24</v>
      </c>
      <c r="N24" s="159">
        <v>0</v>
      </c>
      <c r="O24" s="160">
        <v>0</v>
      </c>
      <c r="P24" s="165">
        <v>0</v>
      </c>
      <c r="Q24" s="162">
        <v>0</v>
      </c>
      <c r="R24" s="160">
        <v>0</v>
      </c>
      <c r="S24" s="160">
        <v>0</v>
      </c>
      <c r="T24" s="160">
        <v>0</v>
      </c>
      <c r="U24" s="160">
        <v>0</v>
      </c>
      <c r="V24" s="160">
        <v>0</v>
      </c>
      <c r="W24" s="165">
        <v>0</v>
      </c>
      <c r="X24" s="164">
        <v>0</v>
      </c>
      <c r="Y24" s="159">
        <v>0</v>
      </c>
      <c r="Z24" s="160">
        <v>0</v>
      </c>
      <c r="AA24" s="165">
        <v>0</v>
      </c>
      <c r="AB24" s="162">
        <v>0</v>
      </c>
      <c r="AC24" s="160">
        <v>4</v>
      </c>
      <c r="AD24" s="160">
        <v>7</v>
      </c>
      <c r="AE24" s="160">
        <v>4</v>
      </c>
      <c r="AF24" s="160">
        <v>1</v>
      </c>
      <c r="AG24" s="160">
        <v>2</v>
      </c>
      <c r="AH24" s="165">
        <v>18</v>
      </c>
      <c r="AI24" s="164">
        <v>18</v>
      </c>
      <c r="AJ24" s="159">
        <v>1</v>
      </c>
      <c r="AK24" s="160">
        <v>0</v>
      </c>
      <c r="AL24" s="165">
        <v>1</v>
      </c>
      <c r="AM24" s="162">
        <v>0</v>
      </c>
      <c r="AN24" s="160">
        <v>1</v>
      </c>
      <c r="AO24" s="160">
        <v>0</v>
      </c>
      <c r="AP24" s="160">
        <v>0</v>
      </c>
      <c r="AQ24" s="160">
        <v>0</v>
      </c>
      <c r="AR24" s="160">
        <v>0</v>
      </c>
      <c r="AS24" s="165">
        <v>1</v>
      </c>
      <c r="AT24" s="164">
        <v>2</v>
      </c>
      <c r="AU24" s="159">
        <v>3</v>
      </c>
      <c r="AV24" s="160">
        <v>0</v>
      </c>
      <c r="AW24" s="165">
        <v>3</v>
      </c>
      <c r="AX24" s="162">
        <v>0</v>
      </c>
      <c r="AY24" s="160">
        <v>6</v>
      </c>
      <c r="AZ24" s="160">
        <v>8</v>
      </c>
      <c r="BA24" s="160">
        <v>9</v>
      </c>
      <c r="BB24" s="160">
        <v>8</v>
      </c>
      <c r="BC24" s="160">
        <v>1</v>
      </c>
      <c r="BD24" s="163">
        <v>32</v>
      </c>
      <c r="BE24" s="164">
        <v>35</v>
      </c>
      <c r="BF24" s="159">
        <v>0</v>
      </c>
      <c r="BG24" s="160">
        <v>0</v>
      </c>
      <c r="BH24" s="165">
        <v>0</v>
      </c>
      <c r="BI24" s="162">
        <v>0</v>
      </c>
      <c r="BJ24" s="160">
        <v>12</v>
      </c>
      <c r="BK24" s="160">
        <v>11</v>
      </c>
      <c r="BL24" s="160">
        <v>8</v>
      </c>
      <c r="BM24" s="160">
        <v>0</v>
      </c>
      <c r="BN24" s="160">
        <v>1</v>
      </c>
      <c r="BO24" s="165">
        <v>32</v>
      </c>
      <c r="BP24" s="164">
        <v>32</v>
      </c>
      <c r="BQ24" s="159">
        <v>0</v>
      </c>
      <c r="BR24" s="160">
        <v>1</v>
      </c>
      <c r="BS24" s="165">
        <v>1</v>
      </c>
      <c r="BT24" s="162">
        <v>0</v>
      </c>
      <c r="BU24" s="160">
        <v>4</v>
      </c>
      <c r="BV24" s="160">
        <v>1</v>
      </c>
      <c r="BW24" s="160">
        <v>0</v>
      </c>
      <c r="BX24" s="160">
        <v>0</v>
      </c>
      <c r="BY24" s="160">
        <v>1</v>
      </c>
      <c r="BZ24" s="165">
        <v>6</v>
      </c>
      <c r="CA24" s="164">
        <v>7</v>
      </c>
      <c r="CB24" s="159">
        <v>0</v>
      </c>
      <c r="CC24" s="160">
        <v>0</v>
      </c>
      <c r="CD24" s="165">
        <v>0</v>
      </c>
      <c r="CE24" s="162">
        <v>0</v>
      </c>
      <c r="CF24" s="160">
        <v>0</v>
      </c>
      <c r="CG24" s="160">
        <v>0</v>
      </c>
      <c r="CH24" s="160">
        <v>1</v>
      </c>
      <c r="CI24" s="160">
        <v>1</v>
      </c>
      <c r="CJ24" s="160">
        <v>1</v>
      </c>
      <c r="CK24" s="165">
        <v>3</v>
      </c>
      <c r="CL24" s="164">
        <v>3</v>
      </c>
      <c r="CM24" s="159">
        <v>0</v>
      </c>
      <c r="CN24" s="160">
        <v>0</v>
      </c>
      <c r="CO24" s="165">
        <v>0</v>
      </c>
      <c r="CP24" s="162">
        <v>0</v>
      </c>
      <c r="CQ24" s="160">
        <v>1</v>
      </c>
      <c r="CR24" s="160">
        <v>0</v>
      </c>
      <c r="CS24" s="160">
        <v>0</v>
      </c>
      <c r="CT24" s="160">
        <v>0</v>
      </c>
      <c r="CU24" s="160">
        <v>1</v>
      </c>
      <c r="CV24" s="165">
        <v>2</v>
      </c>
      <c r="CW24" s="164">
        <v>2</v>
      </c>
      <c r="CX24" s="159">
        <v>0</v>
      </c>
      <c r="CY24" s="160">
        <v>0</v>
      </c>
      <c r="CZ24" s="165">
        <v>0</v>
      </c>
      <c r="DA24" s="162">
        <v>0</v>
      </c>
      <c r="DB24" s="160">
        <v>0</v>
      </c>
      <c r="DC24" s="160">
        <v>0</v>
      </c>
      <c r="DD24" s="160">
        <v>0</v>
      </c>
      <c r="DE24" s="160">
        <v>0</v>
      </c>
      <c r="DF24" s="160">
        <v>0</v>
      </c>
      <c r="DG24" s="165">
        <v>0</v>
      </c>
      <c r="DH24" s="164">
        <v>0</v>
      </c>
      <c r="DI24" s="159">
        <v>0</v>
      </c>
      <c r="DJ24" s="160">
        <v>0</v>
      </c>
      <c r="DK24" s="165">
        <v>0</v>
      </c>
      <c r="DL24" s="162">
        <v>0</v>
      </c>
      <c r="DM24" s="160">
        <v>0</v>
      </c>
      <c r="DN24" s="160">
        <v>0</v>
      </c>
      <c r="DO24" s="160">
        <v>0</v>
      </c>
      <c r="DP24" s="160">
        <v>0</v>
      </c>
      <c r="DQ24" s="160">
        <v>0</v>
      </c>
      <c r="DR24" s="165">
        <v>0</v>
      </c>
      <c r="DS24" s="164">
        <v>0</v>
      </c>
      <c r="DT24" s="159">
        <v>0</v>
      </c>
      <c r="DU24" s="160">
        <v>6</v>
      </c>
      <c r="DV24" s="165">
        <v>6</v>
      </c>
      <c r="DW24" s="162">
        <v>0</v>
      </c>
      <c r="DX24" s="160">
        <v>19</v>
      </c>
      <c r="DY24" s="160">
        <v>17</v>
      </c>
      <c r="DZ24" s="160">
        <v>15</v>
      </c>
      <c r="EA24" s="160">
        <v>4</v>
      </c>
      <c r="EB24" s="160">
        <v>6</v>
      </c>
      <c r="EC24" s="165">
        <v>61</v>
      </c>
      <c r="ED24" s="164">
        <v>67</v>
      </c>
      <c r="EE24" s="159">
        <v>1</v>
      </c>
      <c r="EF24" s="160">
        <v>0</v>
      </c>
      <c r="EG24" s="165">
        <v>1</v>
      </c>
      <c r="EH24" s="162">
        <v>0</v>
      </c>
      <c r="EI24" s="160">
        <v>5</v>
      </c>
      <c r="EJ24" s="160">
        <v>1</v>
      </c>
      <c r="EK24" s="160">
        <v>3</v>
      </c>
      <c r="EL24" s="160">
        <v>5</v>
      </c>
      <c r="EM24" s="160">
        <v>0</v>
      </c>
      <c r="EN24" s="165">
        <v>14</v>
      </c>
      <c r="EO24" s="164">
        <v>15</v>
      </c>
      <c r="EP24" s="159">
        <v>1</v>
      </c>
      <c r="EQ24" s="160">
        <v>6</v>
      </c>
      <c r="ER24" s="165">
        <v>7</v>
      </c>
      <c r="ES24" s="162">
        <v>0</v>
      </c>
      <c r="ET24" s="160">
        <v>34</v>
      </c>
      <c r="EU24" s="160">
        <v>23</v>
      </c>
      <c r="EV24" s="160">
        <v>15</v>
      </c>
      <c r="EW24" s="160">
        <v>5</v>
      </c>
      <c r="EX24" s="160">
        <v>6</v>
      </c>
      <c r="EY24" s="165">
        <v>83</v>
      </c>
      <c r="EZ24" s="164">
        <v>90</v>
      </c>
    </row>
    <row r="25" spans="2:156" ht="21" customHeight="1" x14ac:dyDescent="0.2">
      <c r="B25" s="166" t="s">
        <v>23</v>
      </c>
      <c r="C25" s="159">
        <v>0</v>
      </c>
      <c r="D25" s="160">
        <v>0</v>
      </c>
      <c r="E25" s="161">
        <v>0</v>
      </c>
      <c r="F25" s="162">
        <v>0</v>
      </c>
      <c r="G25" s="160">
        <v>7</v>
      </c>
      <c r="H25" s="160">
        <v>9</v>
      </c>
      <c r="I25" s="160">
        <v>0</v>
      </c>
      <c r="J25" s="160">
        <v>1</v>
      </c>
      <c r="K25" s="160">
        <v>2</v>
      </c>
      <c r="L25" s="163">
        <v>19</v>
      </c>
      <c r="M25" s="164">
        <v>19</v>
      </c>
      <c r="N25" s="159">
        <v>0</v>
      </c>
      <c r="O25" s="160">
        <v>0</v>
      </c>
      <c r="P25" s="165">
        <v>0</v>
      </c>
      <c r="Q25" s="162">
        <v>0</v>
      </c>
      <c r="R25" s="160">
        <v>0</v>
      </c>
      <c r="S25" s="160">
        <v>0</v>
      </c>
      <c r="T25" s="160">
        <v>0</v>
      </c>
      <c r="U25" s="160">
        <v>1</v>
      </c>
      <c r="V25" s="160">
        <v>0</v>
      </c>
      <c r="W25" s="165">
        <v>1</v>
      </c>
      <c r="X25" s="164">
        <v>1</v>
      </c>
      <c r="Y25" s="159">
        <v>3</v>
      </c>
      <c r="Z25" s="160">
        <v>2</v>
      </c>
      <c r="AA25" s="165">
        <v>5</v>
      </c>
      <c r="AB25" s="162">
        <v>0</v>
      </c>
      <c r="AC25" s="160">
        <v>7</v>
      </c>
      <c r="AD25" s="160">
        <v>16</v>
      </c>
      <c r="AE25" s="160">
        <v>2</v>
      </c>
      <c r="AF25" s="160">
        <v>2</v>
      </c>
      <c r="AG25" s="160">
        <v>1</v>
      </c>
      <c r="AH25" s="165">
        <v>28</v>
      </c>
      <c r="AI25" s="164">
        <v>33</v>
      </c>
      <c r="AJ25" s="159">
        <v>0</v>
      </c>
      <c r="AK25" s="160">
        <v>1</v>
      </c>
      <c r="AL25" s="165">
        <v>1</v>
      </c>
      <c r="AM25" s="162">
        <v>0</v>
      </c>
      <c r="AN25" s="160">
        <v>1</v>
      </c>
      <c r="AO25" s="160">
        <v>2</v>
      </c>
      <c r="AP25" s="160">
        <v>0</v>
      </c>
      <c r="AQ25" s="160">
        <v>0</v>
      </c>
      <c r="AR25" s="160">
        <v>0</v>
      </c>
      <c r="AS25" s="165">
        <v>3</v>
      </c>
      <c r="AT25" s="164">
        <v>4</v>
      </c>
      <c r="AU25" s="159">
        <v>2</v>
      </c>
      <c r="AV25" s="160">
        <v>1</v>
      </c>
      <c r="AW25" s="165">
        <v>3</v>
      </c>
      <c r="AX25" s="162">
        <v>0</v>
      </c>
      <c r="AY25" s="160">
        <v>13</v>
      </c>
      <c r="AZ25" s="160">
        <v>12</v>
      </c>
      <c r="BA25" s="160">
        <v>8</v>
      </c>
      <c r="BB25" s="160">
        <v>11</v>
      </c>
      <c r="BC25" s="160">
        <v>6</v>
      </c>
      <c r="BD25" s="163">
        <v>50</v>
      </c>
      <c r="BE25" s="164">
        <v>53</v>
      </c>
      <c r="BF25" s="159">
        <v>0</v>
      </c>
      <c r="BG25" s="160">
        <v>0</v>
      </c>
      <c r="BH25" s="165">
        <v>0</v>
      </c>
      <c r="BI25" s="162">
        <v>0</v>
      </c>
      <c r="BJ25" s="160">
        <v>14</v>
      </c>
      <c r="BK25" s="160">
        <v>22</v>
      </c>
      <c r="BL25" s="160">
        <v>1</v>
      </c>
      <c r="BM25" s="160">
        <v>4</v>
      </c>
      <c r="BN25" s="160">
        <v>3</v>
      </c>
      <c r="BO25" s="165">
        <v>44</v>
      </c>
      <c r="BP25" s="164">
        <v>44</v>
      </c>
      <c r="BQ25" s="159">
        <v>0</v>
      </c>
      <c r="BR25" s="160">
        <v>0</v>
      </c>
      <c r="BS25" s="165">
        <v>0</v>
      </c>
      <c r="BT25" s="162">
        <v>0</v>
      </c>
      <c r="BU25" s="160">
        <v>3</v>
      </c>
      <c r="BV25" s="160">
        <v>5</v>
      </c>
      <c r="BW25" s="160">
        <v>0</v>
      </c>
      <c r="BX25" s="160">
        <v>0</v>
      </c>
      <c r="BY25" s="160">
        <v>0</v>
      </c>
      <c r="BZ25" s="165">
        <v>8</v>
      </c>
      <c r="CA25" s="164">
        <v>8</v>
      </c>
      <c r="CB25" s="159">
        <v>0</v>
      </c>
      <c r="CC25" s="160">
        <v>0</v>
      </c>
      <c r="CD25" s="165">
        <v>0</v>
      </c>
      <c r="CE25" s="162">
        <v>0</v>
      </c>
      <c r="CF25" s="160">
        <v>1</v>
      </c>
      <c r="CG25" s="160">
        <v>0</v>
      </c>
      <c r="CH25" s="160">
        <v>1</v>
      </c>
      <c r="CI25" s="160">
        <v>4</v>
      </c>
      <c r="CJ25" s="160">
        <v>0</v>
      </c>
      <c r="CK25" s="165">
        <v>6</v>
      </c>
      <c r="CL25" s="164">
        <v>6</v>
      </c>
      <c r="CM25" s="159">
        <v>0</v>
      </c>
      <c r="CN25" s="160">
        <v>0</v>
      </c>
      <c r="CO25" s="165">
        <v>0</v>
      </c>
      <c r="CP25" s="162">
        <v>0</v>
      </c>
      <c r="CQ25" s="160">
        <v>1</v>
      </c>
      <c r="CR25" s="160">
        <v>1</v>
      </c>
      <c r="CS25" s="160">
        <v>0</v>
      </c>
      <c r="CT25" s="160">
        <v>0</v>
      </c>
      <c r="CU25" s="160">
        <v>0</v>
      </c>
      <c r="CV25" s="165">
        <v>2</v>
      </c>
      <c r="CW25" s="164">
        <v>2</v>
      </c>
      <c r="CX25" s="159">
        <v>0</v>
      </c>
      <c r="CY25" s="160">
        <v>0</v>
      </c>
      <c r="CZ25" s="165">
        <v>0</v>
      </c>
      <c r="DA25" s="162">
        <v>0</v>
      </c>
      <c r="DB25" s="160">
        <v>0</v>
      </c>
      <c r="DC25" s="160">
        <v>0</v>
      </c>
      <c r="DD25" s="160">
        <v>0</v>
      </c>
      <c r="DE25" s="160">
        <v>0</v>
      </c>
      <c r="DF25" s="160">
        <v>0</v>
      </c>
      <c r="DG25" s="165">
        <v>0</v>
      </c>
      <c r="DH25" s="164">
        <v>0</v>
      </c>
      <c r="DI25" s="159">
        <v>0</v>
      </c>
      <c r="DJ25" s="160">
        <v>0</v>
      </c>
      <c r="DK25" s="165">
        <v>0</v>
      </c>
      <c r="DL25" s="162">
        <v>0</v>
      </c>
      <c r="DM25" s="160">
        <v>0</v>
      </c>
      <c r="DN25" s="160">
        <v>0</v>
      </c>
      <c r="DO25" s="160">
        <v>0</v>
      </c>
      <c r="DP25" s="160">
        <v>0</v>
      </c>
      <c r="DQ25" s="160">
        <v>0</v>
      </c>
      <c r="DR25" s="165">
        <v>0</v>
      </c>
      <c r="DS25" s="164">
        <v>0</v>
      </c>
      <c r="DT25" s="159">
        <v>4</v>
      </c>
      <c r="DU25" s="160">
        <v>12</v>
      </c>
      <c r="DV25" s="165">
        <v>16</v>
      </c>
      <c r="DW25" s="162">
        <v>0</v>
      </c>
      <c r="DX25" s="160">
        <v>14</v>
      </c>
      <c r="DY25" s="160">
        <v>31</v>
      </c>
      <c r="DZ25" s="160">
        <v>4</v>
      </c>
      <c r="EA25" s="160">
        <v>7</v>
      </c>
      <c r="EB25" s="160">
        <v>4</v>
      </c>
      <c r="EC25" s="165">
        <v>60</v>
      </c>
      <c r="ED25" s="164">
        <v>76</v>
      </c>
      <c r="EE25" s="159">
        <v>2</v>
      </c>
      <c r="EF25" s="160">
        <v>0</v>
      </c>
      <c r="EG25" s="165">
        <v>2</v>
      </c>
      <c r="EH25" s="162">
        <v>0</v>
      </c>
      <c r="EI25" s="160">
        <v>4</v>
      </c>
      <c r="EJ25" s="160">
        <v>0</v>
      </c>
      <c r="EK25" s="160">
        <v>3</v>
      </c>
      <c r="EL25" s="160">
        <v>6</v>
      </c>
      <c r="EM25" s="160">
        <v>2</v>
      </c>
      <c r="EN25" s="165">
        <v>15</v>
      </c>
      <c r="EO25" s="164">
        <v>17</v>
      </c>
      <c r="EP25" s="159">
        <v>5</v>
      </c>
      <c r="EQ25" s="160">
        <v>15</v>
      </c>
      <c r="ER25" s="165">
        <v>20</v>
      </c>
      <c r="ES25" s="162">
        <v>0</v>
      </c>
      <c r="ET25" s="160">
        <v>31</v>
      </c>
      <c r="EU25" s="160">
        <v>39</v>
      </c>
      <c r="EV25" s="160">
        <v>5</v>
      </c>
      <c r="EW25" s="160">
        <v>7</v>
      </c>
      <c r="EX25" s="160">
        <v>4</v>
      </c>
      <c r="EY25" s="165">
        <v>86</v>
      </c>
      <c r="EZ25" s="164">
        <v>106</v>
      </c>
    </row>
    <row r="26" spans="2:156" ht="21" customHeight="1" x14ac:dyDescent="0.2">
      <c r="B26" s="166" t="s">
        <v>24</v>
      </c>
      <c r="C26" s="159">
        <v>0</v>
      </c>
      <c r="D26" s="160">
        <v>0</v>
      </c>
      <c r="E26" s="161">
        <v>0</v>
      </c>
      <c r="F26" s="162">
        <v>0</v>
      </c>
      <c r="G26" s="160">
        <v>7</v>
      </c>
      <c r="H26" s="160">
        <v>1</v>
      </c>
      <c r="I26" s="160">
        <v>3</v>
      </c>
      <c r="J26" s="160">
        <v>3</v>
      </c>
      <c r="K26" s="160">
        <v>4</v>
      </c>
      <c r="L26" s="163">
        <v>18</v>
      </c>
      <c r="M26" s="164">
        <v>18</v>
      </c>
      <c r="N26" s="159">
        <v>0</v>
      </c>
      <c r="O26" s="160">
        <v>0</v>
      </c>
      <c r="P26" s="165">
        <v>0</v>
      </c>
      <c r="Q26" s="162">
        <v>0</v>
      </c>
      <c r="R26" s="160">
        <v>0</v>
      </c>
      <c r="S26" s="160">
        <v>0</v>
      </c>
      <c r="T26" s="160">
        <v>0</v>
      </c>
      <c r="U26" s="160">
        <v>1</v>
      </c>
      <c r="V26" s="160">
        <v>1</v>
      </c>
      <c r="W26" s="165">
        <v>2</v>
      </c>
      <c r="X26" s="164">
        <v>2</v>
      </c>
      <c r="Y26" s="159">
        <v>1</v>
      </c>
      <c r="Z26" s="160">
        <v>1</v>
      </c>
      <c r="AA26" s="165">
        <v>2</v>
      </c>
      <c r="AB26" s="162">
        <v>0</v>
      </c>
      <c r="AC26" s="160">
        <v>12</v>
      </c>
      <c r="AD26" s="160">
        <v>8</v>
      </c>
      <c r="AE26" s="160">
        <v>10</v>
      </c>
      <c r="AF26" s="160">
        <v>4</v>
      </c>
      <c r="AG26" s="160">
        <v>1</v>
      </c>
      <c r="AH26" s="165">
        <v>35</v>
      </c>
      <c r="AI26" s="164">
        <v>37</v>
      </c>
      <c r="AJ26" s="159">
        <v>0</v>
      </c>
      <c r="AK26" s="160">
        <v>0</v>
      </c>
      <c r="AL26" s="165">
        <v>0</v>
      </c>
      <c r="AM26" s="162">
        <v>0</v>
      </c>
      <c r="AN26" s="160">
        <v>1</v>
      </c>
      <c r="AO26" s="160">
        <v>2</v>
      </c>
      <c r="AP26" s="160">
        <v>0</v>
      </c>
      <c r="AQ26" s="160">
        <v>0</v>
      </c>
      <c r="AR26" s="160">
        <v>0</v>
      </c>
      <c r="AS26" s="165">
        <v>3</v>
      </c>
      <c r="AT26" s="164">
        <v>3</v>
      </c>
      <c r="AU26" s="159">
        <v>2</v>
      </c>
      <c r="AV26" s="160">
        <v>0</v>
      </c>
      <c r="AW26" s="165">
        <v>2</v>
      </c>
      <c r="AX26" s="162">
        <v>0</v>
      </c>
      <c r="AY26" s="160">
        <v>14</v>
      </c>
      <c r="AZ26" s="160">
        <v>11</v>
      </c>
      <c r="BA26" s="160">
        <v>9</v>
      </c>
      <c r="BB26" s="160">
        <v>9</v>
      </c>
      <c r="BC26" s="160">
        <v>4</v>
      </c>
      <c r="BD26" s="163">
        <v>47</v>
      </c>
      <c r="BE26" s="164">
        <v>49</v>
      </c>
      <c r="BF26" s="159">
        <v>0</v>
      </c>
      <c r="BG26" s="160">
        <v>0</v>
      </c>
      <c r="BH26" s="165">
        <v>0</v>
      </c>
      <c r="BI26" s="162">
        <v>0</v>
      </c>
      <c r="BJ26" s="160">
        <v>12</v>
      </c>
      <c r="BK26" s="160">
        <v>8</v>
      </c>
      <c r="BL26" s="160">
        <v>6</v>
      </c>
      <c r="BM26" s="160">
        <v>3</v>
      </c>
      <c r="BN26" s="160">
        <v>1</v>
      </c>
      <c r="BO26" s="165">
        <v>30</v>
      </c>
      <c r="BP26" s="164">
        <v>30</v>
      </c>
      <c r="BQ26" s="159">
        <v>1</v>
      </c>
      <c r="BR26" s="160">
        <v>1</v>
      </c>
      <c r="BS26" s="165">
        <v>2</v>
      </c>
      <c r="BT26" s="162">
        <v>0</v>
      </c>
      <c r="BU26" s="160">
        <v>1</v>
      </c>
      <c r="BV26" s="160">
        <v>7</v>
      </c>
      <c r="BW26" s="160">
        <v>6</v>
      </c>
      <c r="BX26" s="160">
        <v>4</v>
      </c>
      <c r="BY26" s="160">
        <v>1</v>
      </c>
      <c r="BZ26" s="165">
        <v>19</v>
      </c>
      <c r="CA26" s="164">
        <v>21</v>
      </c>
      <c r="CB26" s="159">
        <v>0</v>
      </c>
      <c r="CC26" s="160">
        <v>0</v>
      </c>
      <c r="CD26" s="165">
        <v>0</v>
      </c>
      <c r="CE26" s="162">
        <v>0</v>
      </c>
      <c r="CF26" s="160">
        <v>2</v>
      </c>
      <c r="CG26" s="160">
        <v>3</v>
      </c>
      <c r="CH26" s="160">
        <v>2</v>
      </c>
      <c r="CI26" s="160">
        <v>4</v>
      </c>
      <c r="CJ26" s="160">
        <v>0</v>
      </c>
      <c r="CK26" s="165">
        <v>11</v>
      </c>
      <c r="CL26" s="164">
        <v>11</v>
      </c>
      <c r="CM26" s="159">
        <v>0</v>
      </c>
      <c r="CN26" s="160">
        <v>0</v>
      </c>
      <c r="CO26" s="165">
        <v>0</v>
      </c>
      <c r="CP26" s="162">
        <v>0</v>
      </c>
      <c r="CQ26" s="160">
        <v>0</v>
      </c>
      <c r="CR26" s="160">
        <v>1</v>
      </c>
      <c r="CS26" s="160">
        <v>1</v>
      </c>
      <c r="CT26" s="160">
        <v>0</v>
      </c>
      <c r="CU26" s="160">
        <v>0</v>
      </c>
      <c r="CV26" s="165">
        <v>2</v>
      </c>
      <c r="CW26" s="164">
        <v>2</v>
      </c>
      <c r="CX26" s="159">
        <v>0</v>
      </c>
      <c r="CY26" s="160">
        <v>0</v>
      </c>
      <c r="CZ26" s="165">
        <v>0</v>
      </c>
      <c r="DA26" s="162">
        <v>0</v>
      </c>
      <c r="DB26" s="160">
        <v>0</v>
      </c>
      <c r="DC26" s="160">
        <v>0</v>
      </c>
      <c r="DD26" s="160">
        <v>0</v>
      </c>
      <c r="DE26" s="160">
        <v>0</v>
      </c>
      <c r="DF26" s="160">
        <v>0</v>
      </c>
      <c r="DG26" s="165">
        <v>0</v>
      </c>
      <c r="DH26" s="164">
        <v>0</v>
      </c>
      <c r="DI26" s="159">
        <v>0</v>
      </c>
      <c r="DJ26" s="160">
        <v>0</v>
      </c>
      <c r="DK26" s="165">
        <v>0</v>
      </c>
      <c r="DL26" s="162">
        <v>0</v>
      </c>
      <c r="DM26" s="160">
        <v>0</v>
      </c>
      <c r="DN26" s="160">
        <v>0</v>
      </c>
      <c r="DO26" s="160">
        <v>0</v>
      </c>
      <c r="DP26" s="160">
        <v>0</v>
      </c>
      <c r="DQ26" s="160">
        <v>0</v>
      </c>
      <c r="DR26" s="165">
        <v>0</v>
      </c>
      <c r="DS26" s="164">
        <v>0</v>
      </c>
      <c r="DT26" s="159">
        <v>9</v>
      </c>
      <c r="DU26" s="160">
        <v>6</v>
      </c>
      <c r="DV26" s="165">
        <v>15</v>
      </c>
      <c r="DW26" s="162">
        <v>0</v>
      </c>
      <c r="DX26" s="160">
        <v>13</v>
      </c>
      <c r="DY26" s="160">
        <v>17</v>
      </c>
      <c r="DZ26" s="160">
        <v>14</v>
      </c>
      <c r="EA26" s="160">
        <v>11</v>
      </c>
      <c r="EB26" s="160">
        <v>5</v>
      </c>
      <c r="EC26" s="165">
        <v>60</v>
      </c>
      <c r="ED26" s="164">
        <v>75</v>
      </c>
      <c r="EE26" s="159">
        <v>0</v>
      </c>
      <c r="EF26" s="160">
        <v>0</v>
      </c>
      <c r="EG26" s="165">
        <v>0</v>
      </c>
      <c r="EH26" s="162">
        <v>0</v>
      </c>
      <c r="EI26" s="160">
        <v>7</v>
      </c>
      <c r="EJ26" s="160">
        <v>3</v>
      </c>
      <c r="EK26" s="160">
        <v>2</v>
      </c>
      <c r="EL26" s="160">
        <v>1</v>
      </c>
      <c r="EM26" s="160">
        <v>0</v>
      </c>
      <c r="EN26" s="165">
        <v>13</v>
      </c>
      <c r="EO26" s="164">
        <v>13</v>
      </c>
      <c r="EP26" s="159">
        <v>10</v>
      </c>
      <c r="EQ26" s="160">
        <v>8</v>
      </c>
      <c r="ER26" s="165">
        <v>18</v>
      </c>
      <c r="ES26" s="162">
        <v>0</v>
      </c>
      <c r="ET26" s="160">
        <v>32</v>
      </c>
      <c r="EU26" s="160">
        <v>25</v>
      </c>
      <c r="EV26" s="160">
        <v>14</v>
      </c>
      <c r="EW26" s="160">
        <v>12</v>
      </c>
      <c r="EX26" s="160">
        <v>5</v>
      </c>
      <c r="EY26" s="165">
        <v>88</v>
      </c>
      <c r="EZ26" s="164">
        <v>106</v>
      </c>
    </row>
    <row r="27" spans="2:156" ht="21" customHeight="1" x14ac:dyDescent="0.2">
      <c r="B27" s="166" t="s">
        <v>25</v>
      </c>
      <c r="C27" s="159">
        <v>0</v>
      </c>
      <c r="D27" s="160">
        <v>0</v>
      </c>
      <c r="E27" s="161">
        <v>0</v>
      </c>
      <c r="F27" s="162">
        <v>0</v>
      </c>
      <c r="G27" s="160">
        <v>4</v>
      </c>
      <c r="H27" s="160">
        <v>5</v>
      </c>
      <c r="I27" s="160">
        <v>2</v>
      </c>
      <c r="J27" s="160">
        <v>2</v>
      </c>
      <c r="K27" s="160">
        <v>0</v>
      </c>
      <c r="L27" s="163">
        <v>13</v>
      </c>
      <c r="M27" s="164">
        <v>13</v>
      </c>
      <c r="N27" s="159">
        <v>0</v>
      </c>
      <c r="O27" s="160">
        <v>0</v>
      </c>
      <c r="P27" s="165">
        <v>0</v>
      </c>
      <c r="Q27" s="162">
        <v>0</v>
      </c>
      <c r="R27" s="160">
        <v>0</v>
      </c>
      <c r="S27" s="160">
        <v>1</v>
      </c>
      <c r="T27" s="160">
        <v>2</v>
      </c>
      <c r="U27" s="160">
        <v>0</v>
      </c>
      <c r="V27" s="160">
        <v>0</v>
      </c>
      <c r="W27" s="165">
        <v>3</v>
      </c>
      <c r="X27" s="164">
        <v>3</v>
      </c>
      <c r="Y27" s="159">
        <v>2</v>
      </c>
      <c r="Z27" s="160">
        <v>2</v>
      </c>
      <c r="AA27" s="165">
        <v>4</v>
      </c>
      <c r="AB27" s="162">
        <v>0</v>
      </c>
      <c r="AC27" s="160">
        <v>3</v>
      </c>
      <c r="AD27" s="160">
        <v>7</v>
      </c>
      <c r="AE27" s="160">
        <v>4</v>
      </c>
      <c r="AF27" s="160">
        <v>1</v>
      </c>
      <c r="AG27" s="160">
        <v>0</v>
      </c>
      <c r="AH27" s="165">
        <v>15</v>
      </c>
      <c r="AI27" s="164">
        <v>19</v>
      </c>
      <c r="AJ27" s="159">
        <v>0</v>
      </c>
      <c r="AK27" s="160">
        <v>2</v>
      </c>
      <c r="AL27" s="165">
        <v>2</v>
      </c>
      <c r="AM27" s="162">
        <v>0</v>
      </c>
      <c r="AN27" s="160">
        <v>0</v>
      </c>
      <c r="AO27" s="160">
        <v>1</v>
      </c>
      <c r="AP27" s="160">
        <v>0</v>
      </c>
      <c r="AQ27" s="160">
        <v>0</v>
      </c>
      <c r="AR27" s="160">
        <v>0</v>
      </c>
      <c r="AS27" s="165">
        <v>1</v>
      </c>
      <c r="AT27" s="164">
        <v>3</v>
      </c>
      <c r="AU27" s="159">
        <v>0</v>
      </c>
      <c r="AV27" s="160">
        <v>2</v>
      </c>
      <c r="AW27" s="165">
        <v>2</v>
      </c>
      <c r="AX27" s="162">
        <v>0</v>
      </c>
      <c r="AY27" s="160">
        <v>5</v>
      </c>
      <c r="AZ27" s="160">
        <v>3</v>
      </c>
      <c r="BA27" s="160">
        <v>5</v>
      </c>
      <c r="BB27" s="160">
        <v>5</v>
      </c>
      <c r="BC27" s="160">
        <v>0</v>
      </c>
      <c r="BD27" s="163">
        <v>18</v>
      </c>
      <c r="BE27" s="164">
        <v>20</v>
      </c>
      <c r="BF27" s="159">
        <v>0</v>
      </c>
      <c r="BG27" s="160">
        <v>0</v>
      </c>
      <c r="BH27" s="165">
        <v>0</v>
      </c>
      <c r="BI27" s="162">
        <v>0</v>
      </c>
      <c r="BJ27" s="160">
        <v>4</v>
      </c>
      <c r="BK27" s="160">
        <v>4</v>
      </c>
      <c r="BL27" s="160">
        <v>2</v>
      </c>
      <c r="BM27" s="160">
        <v>1</v>
      </c>
      <c r="BN27" s="160">
        <v>0</v>
      </c>
      <c r="BO27" s="165">
        <v>11</v>
      </c>
      <c r="BP27" s="164">
        <v>11</v>
      </c>
      <c r="BQ27" s="159">
        <v>0</v>
      </c>
      <c r="BR27" s="160">
        <v>1</v>
      </c>
      <c r="BS27" s="165">
        <v>1</v>
      </c>
      <c r="BT27" s="162">
        <v>0</v>
      </c>
      <c r="BU27" s="160">
        <v>0</v>
      </c>
      <c r="BV27" s="160">
        <v>2</v>
      </c>
      <c r="BW27" s="160">
        <v>2</v>
      </c>
      <c r="BX27" s="160">
        <v>1</v>
      </c>
      <c r="BY27" s="160">
        <v>0</v>
      </c>
      <c r="BZ27" s="165">
        <v>5</v>
      </c>
      <c r="CA27" s="164">
        <v>6</v>
      </c>
      <c r="CB27" s="159">
        <v>0</v>
      </c>
      <c r="CC27" s="160">
        <v>0</v>
      </c>
      <c r="CD27" s="165">
        <v>0</v>
      </c>
      <c r="CE27" s="162">
        <v>0</v>
      </c>
      <c r="CF27" s="160">
        <v>2</v>
      </c>
      <c r="CG27" s="160">
        <v>1</v>
      </c>
      <c r="CH27" s="160">
        <v>0</v>
      </c>
      <c r="CI27" s="160">
        <v>1</v>
      </c>
      <c r="CJ27" s="160">
        <v>0</v>
      </c>
      <c r="CK27" s="165">
        <v>4</v>
      </c>
      <c r="CL27" s="164">
        <v>4</v>
      </c>
      <c r="CM27" s="159">
        <v>0</v>
      </c>
      <c r="CN27" s="160">
        <v>0</v>
      </c>
      <c r="CO27" s="165">
        <v>0</v>
      </c>
      <c r="CP27" s="162">
        <v>0</v>
      </c>
      <c r="CQ27" s="160">
        <v>0</v>
      </c>
      <c r="CR27" s="160">
        <v>0</v>
      </c>
      <c r="CS27" s="160">
        <v>0</v>
      </c>
      <c r="CT27" s="160">
        <v>0</v>
      </c>
      <c r="CU27" s="160">
        <v>0</v>
      </c>
      <c r="CV27" s="165">
        <v>0</v>
      </c>
      <c r="CW27" s="164">
        <v>0</v>
      </c>
      <c r="CX27" s="159">
        <v>0</v>
      </c>
      <c r="CY27" s="160">
        <v>0</v>
      </c>
      <c r="CZ27" s="165">
        <v>0</v>
      </c>
      <c r="DA27" s="162">
        <v>0</v>
      </c>
      <c r="DB27" s="160">
        <v>0</v>
      </c>
      <c r="DC27" s="160">
        <v>0</v>
      </c>
      <c r="DD27" s="160">
        <v>0</v>
      </c>
      <c r="DE27" s="160">
        <v>0</v>
      </c>
      <c r="DF27" s="160">
        <v>0</v>
      </c>
      <c r="DG27" s="165">
        <v>0</v>
      </c>
      <c r="DH27" s="164">
        <v>0</v>
      </c>
      <c r="DI27" s="159">
        <v>0</v>
      </c>
      <c r="DJ27" s="160">
        <v>0</v>
      </c>
      <c r="DK27" s="165">
        <v>0</v>
      </c>
      <c r="DL27" s="162">
        <v>0</v>
      </c>
      <c r="DM27" s="160">
        <v>0</v>
      </c>
      <c r="DN27" s="160">
        <v>0</v>
      </c>
      <c r="DO27" s="160">
        <v>0</v>
      </c>
      <c r="DP27" s="160">
        <v>0</v>
      </c>
      <c r="DQ27" s="160">
        <v>0</v>
      </c>
      <c r="DR27" s="165">
        <v>0</v>
      </c>
      <c r="DS27" s="164">
        <v>0</v>
      </c>
      <c r="DT27" s="159">
        <v>9</v>
      </c>
      <c r="DU27" s="160">
        <v>13</v>
      </c>
      <c r="DV27" s="165">
        <v>22</v>
      </c>
      <c r="DW27" s="162">
        <v>0</v>
      </c>
      <c r="DX27" s="160">
        <v>2</v>
      </c>
      <c r="DY27" s="160">
        <v>12</v>
      </c>
      <c r="DZ27" s="160">
        <v>6</v>
      </c>
      <c r="EA27" s="160">
        <v>3</v>
      </c>
      <c r="EB27" s="160">
        <v>0</v>
      </c>
      <c r="EC27" s="165">
        <v>23</v>
      </c>
      <c r="ED27" s="164">
        <v>45</v>
      </c>
      <c r="EE27" s="159">
        <v>0</v>
      </c>
      <c r="EF27" s="160">
        <v>1</v>
      </c>
      <c r="EG27" s="165">
        <v>1</v>
      </c>
      <c r="EH27" s="162">
        <v>0</v>
      </c>
      <c r="EI27" s="160">
        <v>4</v>
      </c>
      <c r="EJ27" s="160">
        <v>0</v>
      </c>
      <c r="EK27" s="160">
        <v>2</v>
      </c>
      <c r="EL27" s="160">
        <v>4</v>
      </c>
      <c r="EM27" s="160">
        <v>0</v>
      </c>
      <c r="EN27" s="165">
        <v>10</v>
      </c>
      <c r="EO27" s="164">
        <v>11</v>
      </c>
      <c r="EP27" s="159">
        <v>10</v>
      </c>
      <c r="EQ27" s="160">
        <v>13</v>
      </c>
      <c r="ER27" s="165">
        <v>23</v>
      </c>
      <c r="ES27" s="162">
        <v>0</v>
      </c>
      <c r="ET27" s="160">
        <v>10</v>
      </c>
      <c r="EU27" s="160">
        <v>15</v>
      </c>
      <c r="EV27" s="160">
        <v>8</v>
      </c>
      <c r="EW27" s="160">
        <v>3</v>
      </c>
      <c r="EX27" s="160">
        <v>0</v>
      </c>
      <c r="EY27" s="165">
        <v>36</v>
      </c>
      <c r="EZ27" s="164">
        <v>59</v>
      </c>
    </row>
    <row r="28" spans="2:156" ht="21" customHeight="1" x14ac:dyDescent="0.2">
      <c r="B28" s="166" t="s">
        <v>26</v>
      </c>
      <c r="C28" s="159">
        <v>0</v>
      </c>
      <c r="D28" s="160">
        <v>0</v>
      </c>
      <c r="E28" s="161">
        <v>0</v>
      </c>
      <c r="F28" s="162">
        <v>0</v>
      </c>
      <c r="G28" s="160">
        <v>7</v>
      </c>
      <c r="H28" s="160">
        <v>7</v>
      </c>
      <c r="I28" s="160">
        <v>2</v>
      </c>
      <c r="J28" s="160">
        <v>5</v>
      </c>
      <c r="K28" s="160">
        <v>3</v>
      </c>
      <c r="L28" s="163">
        <v>24</v>
      </c>
      <c r="M28" s="164">
        <v>24</v>
      </c>
      <c r="N28" s="159">
        <v>0</v>
      </c>
      <c r="O28" s="160">
        <v>0</v>
      </c>
      <c r="P28" s="165">
        <v>0</v>
      </c>
      <c r="Q28" s="162">
        <v>0</v>
      </c>
      <c r="R28" s="160">
        <v>0</v>
      </c>
      <c r="S28" s="160">
        <v>0</v>
      </c>
      <c r="T28" s="160">
        <v>0</v>
      </c>
      <c r="U28" s="160">
        <v>1</v>
      </c>
      <c r="V28" s="160">
        <v>1</v>
      </c>
      <c r="W28" s="165">
        <v>2</v>
      </c>
      <c r="X28" s="164">
        <v>2</v>
      </c>
      <c r="Y28" s="159">
        <v>2</v>
      </c>
      <c r="Z28" s="160">
        <v>2</v>
      </c>
      <c r="AA28" s="165">
        <v>4</v>
      </c>
      <c r="AB28" s="162">
        <v>0</v>
      </c>
      <c r="AC28" s="160">
        <v>8</v>
      </c>
      <c r="AD28" s="160">
        <v>9</v>
      </c>
      <c r="AE28" s="160">
        <v>2</v>
      </c>
      <c r="AF28" s="160">
        <v>6</v>
      </c>
      <c r="AG28" s="160">
        <v>3</v>
      </c>
      <c r="AH28" s="165">
        <v>28</v>
      </c>
      <c r="AI28" s="164">
        <v>32</v>
      </c>
      <c r="AJ28" s="159">
        <v>0</v>
      </c>
      <c r="AK28" s="160">
        <v>0</v>
      </c>
      <c r="AL28" s="165">
        <v>0</v>
      </c>
      <c r="AM28" s="162">
        <v>0</v>
      </c>
      <c r="AN28" s="160">
        <v>0</v>
      </c>
      <c r="AO28" s="160">
        <v>0</v>
      </c>
      <c r="AP28" s="160">
        <v>0</v>
      </c>
      <c r="AQ28" s="160">
        <v>0</v>
      </c>
      <c r="AR28" s="160">
        <v>0</v>
      </c>
      <c r="AS28" s="165">
        <v>0</v>
      </c>
      <c r="AT28" s="164">
        <v>0</v>
      </c>
      <c r="AU28" s="159">
        <v>2</v>
      </c>
      <c r="AV28" s="160">
        <v>1</v>
      </c>
      <c r="AW28" s="165">
        <v>3</v>
      </c>
      <c r="AX28" s="162">
        <v>0</v>
      </c>
      <c r="AY28" s="160">
        <v>5</v>
      </c>
      <c r="AZ28" s="160">
        <v>4</v>
      </c>
      <c r="BA28" s="160">
        <v>5</v>
      </c>
      <c r="BB28" s="160">
        <v>6</v>
      </c>
      <c r="BC28" s="160">
        <v>2</v>
      </c>
      <c r="BD28" s="163">
        <v>22</v>
      </c>
      <c r="BE28" s="164">
        <v>25</v>
      </c>
      <c r="BF28" s="159">
        <v>0</v>
      </c>
      <c r="BG28" s="160">
        <v>0</v>
      </c>
      <c r="BH28" s="165">
        <v>0</v>
      </c>
      <c r="BI28" s="162">
        <v>0</v>
      </c>
      <c r="BJ28" s="160">
        <v>10</v>
      </c>
      <c r="BK28" s="160">
        <v>7</v>
      </c>
      <c r="BL28" s="160">
        <v>3</v>
      </c>
      <c r="BM28" s="160">
        <v>3</v>
      </c>
      <c r="BN28" s="160">
        <v>0</v>
      </c>
      <c r="BO28" s="165">
        <v>23</v>
      </c>
      <c r="BP28" s="164">
        <v>23</v>
      </c>
      <c r="BQ28" s="159">
        <v>0</v>
      </c>
      <c r="BR28" s="160">
        <v>0</v>
      </c>
      <c r="BS28" s="165">
        <v>0</v>
      </c>
      <c r="BT28" s="162">
        <v>0</v>
      </c>
      <c r="BU28" s="160">
        <v>4</v>
      </c>
      <c r="BV28" s="160">
        <v>3</v>
      </c>
      <c r="BW28" s="160">
        <v>0</v>
      </c>
      <c r="BX28" s="160">
        <v>1</v>
      </c>
      <c r="BY28" s="160">
        <v>0</v>
      </c>
      <c r="BZ28" s="165">
        <v>8</v>
      </c>
      <c r="CA28" s="164">
        <v>8</v>
      </c>
      <c r="CB28" s="159">
        <v>0</v>
      </c>
      <c r="CC28" s="160">
        <v>0</v>
      </c>
      <c r="CD28" s="165">
        <v>0</v>
      </c>
      <c r="CE28" s="162">
        <v>0</v>
      </c>
      <c r="CF28" s="160">
        <v>3</v>
      </c>
      <c r="CG28" s="160">
        <v>1</v>
      </c>
      <c r="CH28" s="160">
        <v>2</v>
      </c>
      <c r="CI28" s="160">
        <v>1</v>
      </c>
      <c r="CJ28" s="160">
        <v>0</v>
      </c>
      <c r="CK28" s="165">
        <v>7</v>
      </c>
      <c r="CL28" s="164">
        <v>7</v>
      </c>
      <c r="CM28" s="159">
        <v>0</v>
      </c>
      <c r="CN28" s="160">
        <v>0</v>
      </c>
      <c r="CO28" s="165">
        <v>0</v>
      </c>
      <c r="CP28" s="162">
        <v>0</v>
      </c>
      <c r="CQ28" s="160">
        <v>0</v>
      </c>
      <c r="CR28" s="160">
        <v>0</v>
      </c>
      <c r="CS28" s="160">
        <v>0</v>
      </c>
      <c r="CT28" s="160">
        <v>1</v>
      </c>
      <c r="CU28" s="160">
        <v>0</v>
      </c>
      <c r="CV28" s="165">
        <v>1</v>
      </c>
      <c r="CW28" s="164">
        <v>1</v>
      </c>
      <c r="CX28" s="159">
        <v>0</v>
      </c>
      <c r="CY28" s="160">
        <v>0</v>
      </c>
      <c r="CZ28" s="165">
        <v>0</v>
      </c>
      <c r="DA28" s="162">
        <v>0</v>
      </c>
      <c r="DB28" s="160">
        <v>0</v>
      </c>
      <c r="DC28" s="160">
        <v>0</v>
      </c>
      <c r="DD28" s="160">
        <v>0</v>
      </c>
      <c r="DE28" s="160">
        <v>0</v>
      </c>
      <c r="DF28" s="160">
        <v>0</v>
      </c>
      <c r="DG28" s="165">
        <v>0</v>
      </c>
      <c r="DH28" s="164">
        <v>0</v>
      </c>
      <c r="DI28" s="159">
        <v>0</v>
      </c>
      <c r="DJ28" s="160">
        <v>0</v>
      </c>
      <c r="DK28" s="165">
        <v>0</v>
      </c>
      <c r="DL28" s="162">
        <v>0</v>
      </c>
      <c r="DM28" s="160">
        <v>0</v>
      </c>
      <c r="DN28" s="160">
        <v>0</v>
      </c>
      <c r="DO28" s="160">
        <v>0</v>
      </c>
      <c r="DP28" s="160">
        <v>0</v>
      </c>
      <c r="DQ28" s="160">
        <v>0</v>
      </c>
      <c r="DR28" s="165">
        <v>0</v>
      </c>
      <c r="DS28" s="164">
        <v>0</v>
      </c>
      <c r="DT28" s="159">
        <v>8</v>
      </c>
      <c r="DU28" s="160">
        <v>9</v>
      </c>
      <c r="DV28" s="165">
        <v>17</v>
      </c>
      <c r="DW28" s="162">
        <v>0</v>
      </c>
      <c r="DX28" s="160">
        <v>14</v>
      </c>
      <c r="DY28" s="160">
        <v>14</v>
      </c>
      <c r="DZ28" s="160">
        <v>3</v>
      </c>
      <c r="EA28" s="160">
        <v>10</v>
      </c>
      <c r="EB28" s="160">
        <v>4</v>
      </c>
      <c r="EC28" s="165">
        <v>45</v>
      </c>
      <c r="ED28" s="164">
        <v>62</v>
      </c>
      <c r="EE28" s="159">
        <v>1</v>
      </c>
      <c r="EF28" s="160">
        <v>1</v>
      </c>
      <c r="EG28" s="165">
        <v>2</v>
      </c>
      <c r="EH28" s="162">
        <v>0</v>
      </c>
      <c r="EI28" s="160">
        <v>2</v>
      </c>
      <c r="EJ28" s="160">
        <v>2</v>
      </c>
      <c r="EK28" s="160">
        <v>2</v>
      </c>
      <c r="EL28" s="160">
        <v>1</v>
      </c>
      <c r="EM28" s="160">
        <v>1</v>
      </c>
      <c r="EN28" s="165">
        <v>8</v>
      </c>
      <c r="EO28" s="164">
        <v>10</v>
      </c>
      <c r="EP28" s="159">
        <v>10</v>
      </c>
      <c r="EQ28" s="160">
        <v>11</v>
      </c>
      <c r="ER28" s="165">
        <v>21</v>
      </c>
      <c r="ES28" s="162">
        <v>0</v>
      </c>
      <c r="ET28" s="160">
        <v>28</v>
      </c>
      <c r="EU28" s="160">
        <v>18</v>
      </c>
      <c r="EV28" s="160">
        <v>8</v>
      </c>
      <c r="EW28" s="160">
        <v>10</v>
      </c>
      <c r="EX28" s="160">
        <v>3</v>
      </c>
      <c r="EY28" s="165">
        <v>67</v>
      </c>
      <c r="EZ28" s="164">
        <v>88</v>
      </c>
    </row>
    <row r="29" spans="2:156" ht="21" customHeight="1" x14ac:dyDescent="0.2">
      <c r="B29" s="166" t="s">
        <v>27</v>
      </c>
      <c r="C29" s="159">
        <v>0</v>
      </c>
      <c r="D29" s="160">
        <v>0</v>
      </c>
      <c r="E29" s="161">
        <v>0</v>
      </c>
      <c r="F29" s="162">
        <v>0</v>
      </c>
      <c r="G29" s="160">
        <v>4</v>
      </c>
      <c r="H29" s="160">
        <v>6</v>
      </c>
      <c r="I29" s="160">
        <v>3</v>
      </c>
      <c r="J29" s="160">
        <v>3</v>
      </c>
      <c r="K29" s="160">
        <v>3</v>
      </c>
      <c r="L29" s="163">
        <v>19</v>
      </c>
      <c r="M29" s="164">
        <v>19</v>
      </c>
      <c r="N29" s="159">
        <v>0</v>
      </c>
      <c r="O29" s="160">
        <v>0</v>
      </c>
      <c r="P29" s="165">
        <v>0</v>
      </c>
      <c r="Q29" s="162">
        <v>0</v>
      </c>
      <c r="R29" s="160">
        <v>0</v>
      </c>
      <c r="S29" s="160">
        <v>0</v>
      </c>
      <c r="T29" s="160">
        <v>1</v>
      </c>
      <c r="U29" s="160">
        <v>2</v>
      </c>
      <c r="V29" s="160">
        <v>0</v>
      </c>
      <c r="W29" s="165">
        <v>3</v>
      </c>
      <c r="X29" s="164">
        <v>3</v>
      </c>
      <c r="Y29" s="159">
        <v>3</v>
      </c>
      <c r="Z29" s="160">
        <v>5</v>
      </c>
      <c r="AA29" s="165">
        <v>8</v>
      </c>
      <c r="AB29" s="162">
        <v>0</v>
      </c>
      <c r="AC29" s="160">
        <v>3</v>
      </c>
      <c r="AD29" s="160">
        <v>3</v>
      </c>
      <c r="AE29" s="160">
        <v>6</v>
      </c>
      <c r="AF29" s="160">
        <v>2</v>
      </c>
      <c r="AG29" s="160">
        <v>4</v>
      </c>
      <c r="AH29" s="165">
        <v>18</v>
      </c>
      <c r="AI29" s="164">
        <v>26</v>
      </c>
      <c r="AJ29" s="159">
        <v>0</v>
      </c>
      <c r="AK29" s="160">
        <v>0</v>
      </c>
      <c r="AL29" s="165">
        <v>0</v>
      </c>
      <c r="AM29" s="162">
        <v>0</v>
      </c>
      <c r="AN29" s="160">
        <v>0</v>
      </c>
      <c r="AO29" s="160">
        <v>0</v>
      </c>
      <c r="AP29" s="160">
        <v>0</v>
      </c>
      <c r="AQ29" s="160">
        <v>0</v>
      </c>
      <c r="AR29" s="160">
        <v>0</v>
      </c>
      <c r="AS29" s="165">
        <v>0</v>
      </c>
      <c r="AT29" s="164">
        <v>0</v>
      </c>
      <c r="AU29" s="159">
        <v>2</v>
      </c>
      <c r="AV29" s="160">
        <v>1</v>
      </c>
      <c r="AW29" s="165">
        <v>3</v>
      </c>
      <c r="AX29" s="162">
        <v>0</v>
      </c>
      <c r="AY29" s="160">
        <v>10</v>
      </c>
      <c r="AZ29" s="160">
        <v>5</v>
      </c>
      <c r="BA29" s="160">
        <v>7</v>
      </c>
      <c r="BB29" s="160">
        <v>5</v>
      </c>
      <c r="BC29" s="160">
        <v>5</v>
      </c>
      <c r="BD29" s="163">
        <v>32</v>
      </c>
      <c r="BE29" s="164">
        <v>35</v>
      </c>
      <c r="BF29" s="159">
        <v>0</v>
      </c>
      <c r="BG29" s="160">
        <v>0</v>
      </c>
      <c r="BH29" s="165">
        <v>0</v>
      </c>
      <c r="BI29" s="162">
        <v>0</v>
      </c>
      <c r="BJ29" s="160">
        <v>5</v>
      </c>
      <c r="BK29" s="160">
        <v>6</v>
      </c>
      <c r="BL29" s="160">
        <v>1</v>
      </c>
      <c r="BM29" s="160">
        <v>4</v>
      </c>
      <c r="BN29" s="160">
        <v>0</v>
      </c>
      <c r="BO29" s="165">
        <v>16</v>
      </c>
      <c r="BP29" s="164">
        <v>16</v>
      </c>
      <c r="BQ29" s="159">
        <v>4</v>
      </c>
      <c r="BR29" s="160">
        <v>2</v>
      </c>
      <c r="BS29" s="165">
        <v>6</v>
      </c>
      <c r="BT29" s="162">
        <v>0</v>
      </c>
      <c r="BU29" s="160">
        <v>1</v>
      </c>
      <c r="BV29" s="160">
        <v>2</v>
      </c>
      <c r="BW29" s="160">
        <v>0</v>
      </c>
      <c r="BX29" s="160">
        <v>0</v>
      </c>
      <c r="BY29" s="160">
        <v>1</v>
      </c>
      <c r="BZ29" s="165">
        <v>4</v>
      </c>
      <c r="CA29" s="164">
        <v>10</v>
      </c>
      <c r="CB29" s="159">
        <v>0</v>
      </c>
      <c r="CC29" s="160">
        <v>0</v>
      </c>
      <c r="CD29" s="165">
        <v>0</v>
      </c>
      <c r="CE29" s="162">
        <v>0</v>
      </c>
      <c r="CF29" s="160">
        <v>0</v>
      </c>
      <c r="CG29" s="160">
        <v>1</v>
      </c>
      <c r="CH29" s="160">
        <v>0</v>
      </c>
      <c r="CI29" s="160">
        <v>0</v>
      </c>
      <c r="CJ29" s="160">
        <v>0</v>
      </c>
      <c r="CK29" s="165">
        <v>1</v>
      </c>
      <c r="CL29" s="164">
        <v>1</v>
      </c>
      <c r="CM29" s="159">
        <v>0</v>
      </c>
      <c r="CN29" s="160">
        <v>0</v>
      </c>
      <c r="CO29" s="165">
        <v>0</v>
      </c>
      <c r="CP29" s="162">
        <v>0</v>
      </c>
      <c r="CQ29" s="160">
        <v>0</v>
      </c>
      <c r="CR29" s="160">
        <v>0</v>
      </c>
      <c r="CS29" s="160">
        <v>0</v>
      </c>
      <c r="CT29" s="160">
        <v>0</v>
      </c>
      <c r="CU29" s="160">
        <v>0</v>
      </c>
      <c r="CV29" s="165">
        <v>0</v>
      </c>
      <c r="CW29" s="164">
        <v>0</v>
      </c>
      <c r="CX29" s="159">
        <v>0</v>
      </c>
      <c r="CY29" s="160">
        <v>0</v>
      </c>
      <c r="CZ29" s="165">
        <v>0</v>
      </c>
      <c r="DA29" s="162">
        <v>0</v>
      </c>
      <c r="DB29" s="160">
        <v>0</v>
      </c>
      <c r="DC29" s="160">
        <v>0</v>
      </c>
      <c r="DD29" s="160">
        <v>0</v>
      </c>
      <c r="DE29" s="160">
        <v>0</v>
      </c>
      <c r="DF29" s="160">
        <v>0</v>
      </c>
      <c r="DG29" s="165">
        <v>0</v>
      </c>
      <c r="DH29" s="164">
        <v>0</v>
      </c>
      <c r="DI29" s="159">
        <v>0</v>
      </c>
      <c r="DJ29" s="160">
        <v>0</v>
      </c>
      <c r="DK29" s="165">
        <v>0</v>
      </c>
      <c r="DL29" s="162">
        <v>0</v>
      </c>
      <c r="DM29" s="160">
        <v>0</v>
      </c>
      <c r="DN29" s="160">
        <v>0</v>
      </c>
      <c r="DO29" s="160">
        <v>0</v>
      </c>
      <c r="DP29" s="160">
        <v>0</v>
      </c>
      <c r="DQ29" s="160">
        <v>0</v>
      </c>
      <c r="DR29" s="165">
        <v>0</v>
      </c>
      <c r="DS29" s="164">
        <v>0</v>
      </c>
      <c r="DT29" s="159">
        <v>10</v>
      </c>
      <c r="DU29" s="160">
        <v>17</v>
      </c>
      <c r="DV29" s="165">
        <v>27</v>
      </c>
      <c r="DW29" s="162">
        <v>0</v>
      </c>
      <c r="DX29" s="160">
        <v>4</v>
      </c>
      <c r="DY29" s="160">
        <v>12</v>
      </c>
      <c r="DZ29" s="160">
        <v>8</v>
      </c>
      <c r="EA29" s="160">
        <v>4</v>
      </c>
      <c r="EB29" s="160">
        <v>5</v>
      </c>
      <c r="EC29" s="165">
        <v>33</v>
      </c>
      <c r="ED29" s="164">
        <v>60</v>
      </c>
      <c r="EE29" s="159">
        <v>2</v>
      </c>
      <c r="EF29" s="160">
        <v>0</v>
      </c>
      <c r="EG29" s="165">
        <v>2</v>
      </c>
      <c r="EH29" s="162">
        <v>0</v>
      </c>
      <c r="EI29" s="160">
        <v>6</v>
      </c>
      <c r="EJ29" s="160">
        <v>1</v>
      </c>
      <c r="EK29" s="160">
        <v>1</v>
      </c>
      <c r="EL29" s="160">
        <v>2</v>
      </c>
      <c r="EM29" s="160">
        <v>0</v>
      </c>
      <c r="EN29" s="165">
        <v>10</v>
      </c>
      <c r="EO29" s="164">
        <v>12</v>
      </c>
      <c r="EP29" s="159">
        <v>15</v>
      </c>
      <c r="EQ29" s="160">
        <v>19</v>
      </c>
      <c r="ER29" s="165">
        <v>34</v>
      </c>
      <c r="ES29" s="162">
        <v>0</v>
      </c>
      <c r="ET29" s="160">
        <v>10</v>
      </c>
      <c r="EU29" s="160">
        <v>14</v>
      </c>
      <c r="EV29" s="160">
        <v>8</v>
      </c>
      <c r="EW29" s="160">
        <v>5</v>
      </c>
      <c r="EX29" s="160">
        <v>5</v>
      </c>
      <c r="EY29" s="165">
        <v>42</v>
      </c>
      <c r="EZ29" s="164">
        <v>76</v>
      </c>
    </row>
    <row r="30" spans="2:156" ht="21" customHeight="1" x14ac:dyDescent="0.2">
      <c r="B30" s="166" t="s">
        <v>28</v>
      </c>
      <c r="C30" s="159">
        <v>0</v>
      </c>
      <c r="D30" s="160">
        <v>0</v>
      </c>
      <c r="E30" s="161">
        <v>0</v>
      </c>
      <c r="F30" s="162">
        <v>0</v>
      </c>
      <c r="G30" s="160">
        <v>0</v>
      </c>
      <c r="H30" s="160">
        <v>0</v>
      </c>
      <c r="I30" s="160">
        <v>1</v>
      </c>
      <c r="J30" s="160">
        <v>0</v>
      </c>
      <c r="K30" s="160">
        <v>0</v>
      </c>
      <c r="L30" s="163">
        <v>1</v>
      </c>
      <c r="M30" s="164">
        <v>1</v>
      </c>
      <c r="N30" s="159">
        <v>0</v>
      </c>
      <c r="O30" s="160">
        <v>0</v>
      </c>
      <c r="P30" s="165">
        <v>0</v>
      </c>
      <c r="Q30" s="162">
        <v>0</v>
      </c>
      <c r="R30" s="160">
        <v>0</v>
      </c>
      <c r="S30" s="160">
        <v>0</v>
      </c>
      <c r="T30" s="160">
        <v>0</v>
      </c>
      <c r="U30" s="160">
        <v>0</v>
      </c>
      <c r="V30" s="160">
        <v>0</v>
      </c>
      <c r="W30" s="165">
        <v>0</v>
      </c>
      <c r="X30" s="164">
        <v>0</v>
      </c>
      <c r="Y30" s="159">
        <v>0</v>
      </c>
      <c r="Z30" s="160">
        <v>0</v>
      </c>
      <c r="AA30" s="165">
        <v>0</v>
      </c>
      <c r="AB30" s="162">
        <v>0</v>
      </c>
      <c r="AC30" s="160">
        <v>1</v>
      </c>
      <c r="AD30" s="160">
        <v>0</v>
      </c>
      <c r="AE30" s="160">
        <v>1</v>
      </c>
      <c r="AF30" s="160">
        <v>1</v>
      </c>
      <c r="AG30" s="160">
        <v>0</v>
      </c>
      <c r="AH30" s="165">
        <v>3</v>
      </c>
      <c r="AI30" s="164">
        <v>3</v>
      </c>
      <c r="AJ30" s="159">
        <v>0</v>
      </c>
      <c r="AK30" s="160">
        <v>0</v>
      </c>
      <c r="AL30" s="165">
        <v>0</v>
      </c>
      <c r="AM30" s="162">
        <v>0</v>
      </c>
      <c r="AN30" s="160">
        <v>0</v>
      </c>
      <c r="AO30" s="160">
        <v>0</v>
      </c>
      <c r="AP30" s="160">
        <v>0</v>
      </c>
      <c r="AQ30" s="160">
        <v>0</v>
      </c>
      <c r="AR30" s="160">
        <v>0</v>
      </c>
      <c r="AS30" s="165">
        <v>0</v>
      </c>
      <c r="AT30" s="164">
        <v>0</v>
      </c>
      <c r="AU30" s="159">
        <v>0</v>
      </c>
      <c r="AV30" s="160">
        <v>0</v>
      </c>
      <c r="AW30" s="165">
        <v>0</v>
      </c>
      <c r="AX30" s="162">
        <v>0</v>
      </c>
      <c r="AY30" s="160">
        <v>3</v>
      </c>
      <c r="AZ30" s="160">
        <v>2</v>
      </c>
      <c r="BA30" s="160">
        <v>2</v>
      </c>
      <c r="BB30" s="160">
        <v>0</v>
      </c>
      <c r="BC30" s="160">
        <v>1</v>
      </c>
      <c r="BD30" s="163">
        <v>8</v>
      </c>
      <c r="BE30" s="164">
        <v>8</v>
      </c>
      <c r="BF30" s="159">
        <v>0</v>
      </c>
      <c r="BG30" s="160">
        <v>0</v>
      </c>
      <c r="BH30" s="165">
        <v>0</v>
      </c>
      <c r="BI30" s="162">
        <v>0</v>
      </c>
      <c r="BJ30" s="160">
        <v>2</v>
      </c>
      <c r="BK30" s="160">
        <v>3</v>
      </c>
      <c r="BL30" s="160">
        <v>1</v>
      </c>
      <c r="BM30" s="160">
        <v>0</v>
      </c>
      <c r="BN30" s="160">
        <v>0</v>
      </c>
      <c r="BO30" s="165">
        <v>6</v>
      </c>
      <c r="BP30" s="164">
        <v>6</v>
      </c>
      <c r="BQ30" s="159">
        <v>0</v>
      </c>
      <c r="BR30" s="160">
        <v>0</v>
      </c>
      <c r="BS30" s="165">
        <v>0</v>
      </c>
      <c r="BT30" s="162">
        <v>0</v>
      </c>
      <c r="BU30" s="160">
        <v>1</v>
      </c>
      <c r="BV30" s="160">
        <v>0</v>
      </c>
      <c r="BW30" s="160">
        <v>0</v>
      </c>
      <c r="BX30" s="160">
        <v>0</v>
      </c>
      <c r="BY30" s="160">
        <v>0</v>
      </c>
      <c r="BZ30" s="165">
        <v>1</v>
      </c>
      <c r="CA30" s="164">
        <v>1</v>
      </c>
      <c r="CB30" s="159">
        <v>0</v>
      </c>
      <c r="CC30" s="160">
        <v>0</v>
      </c>
      <c r="CD30" s="165">
        <v>0</v>
      </c>
      <c r="CE30" s="162">
        <v>0</v>
      </c>
      <c r="CF30" s="160">
        <v>0</v>
      </c>
      <c r="CG30" s="160">
        <v>1</v>
      </c>
      <c r="CH30" s="160">
        <v>0</v>
      </c>
      <c r="CI30" s="160">
        <v>0</v>
      </c>
      <c r="CJ30" s="160">
        <v>0</v>
      </c>
      <c r="CK30" s="165">
        <v>1</v>
      </c>
      <c r="CL30" s="164">
        <v>1</v>
      </c>
      <c r="CM30" s="159">
        <v>0</v>
      </c>
      <c r="CN30" s="160">
        <v>0</v>
      </c>
      <c r="CO30" s="165">
        <v>0</v>
      </c>
      <c r="CP30" s="162">
        <v>0</v>
      </c>
      <c r="CQ30" s="160">
        <v>0</v>
      </c>
      <c r="CR30" s="160">
        <v>0</v>
      </c>
      <c r="CS30" s="160">
        <v>1</v>
      </c>
      <c r="CT30" s="160">
        <v>0</v>
      </c>
      <c r="CU30" s="160">
        <v>1</v>
      </c>
      <c r="CV30" s="165">
        <v>2</v>
      </c>
      <c r="CW30" s="164">
        <v>2</v>
      </c>
      <c r="CX30" s="159">
        <v>0</v>
      </c>
      <c r="CY30" s="160">
        <v>0</v>
      </c>
      <c r="CZ30" s="165">
        <v>0</v>
      </c>
      <c r="DA30" s="162">
        <v>0</v>
      </c>
      <c r="DB30" s="160">
        <v>0</v>
      </c>
      <c r="DC30" s="160">
        <v>0</v>
      </c>
      <c r="DD30" s="160">
        <v>0</v>
      </c>
      <c r="DE30" s="160">
        <v>0</v>
      </c>
      <c r="DF30" s="160">
        <v>0</v>
      </c>
      <c r="DG30" s="165">
        <v>0</v>
      </c>
      <c r="DH30" s="164">
        <v>0</v>
      </c>
      <c r="DI30" s="159">
        <v>0</v>
      </c>
      <c r="DJ30" s="160">
        <v>0</v>
      </c>
      <c r="DK30" s="165">
        <v>0</v>
      </c>
      <c r="DL30" s="162">
        <v>0</v>
      </c>
      <c r="DM30" s="160">
        <v>0</v>
      </c>
      <c r="DN30" s="160">
        <v>0</v>
      </c>
      <c r="DO30" s="160">
        <v>0</v>
      </c>
      <c r="DP30" s="160">
        <v>0</v>
      </c>
      <c r="DQ30" s="160">
        <v>0</v>
      </c>
      <c r="DR30" s="165">
        <v>0</v>
      </c>
      <c r="DS30" s="164">
        <v>0</v>
      </c>
      <c r="DT30" s="159">
        <v>0</v>
      </c>
      <c r="DU30" s="160">
        <v>1</v>
      </c>
      <c r="DV30" s="165">
        <v>1</v>
      </c>
      <c r="DW30" s="162">
        <v>0</v>
      </c>
      <c r="DX30" s="160">
        <v>5</v>
      </c>
      <c r="DY30" s="160">
        <v>4</v>
      </c>
      <c r="DZ30" s="160">
        <v>3</v>
      </c>
      <c r="EA30" s="160">
        <v>1</v>
      </c>
      <c r="EB30" s="160">
        <v>0</v>
      </c>
      <c r="EC30" s="165">
        <v>13</v>
      </c>
      <c r="ED30" s="164">
        <v>14</v>
      </c>
      <c r="EE30" s="159">
        <v>0</v>
      </c>
      <c r="EF30" s="160">
        <v>0</v>
      </c>
      <c r="EG30" s="165">
        <v>0</v>
      </c>
      <c r="EH30" s="162">
        <v>0</v>
      </c>
      <c r="EI30" s="160">
        <v>3</v>
      </c>
      <c r="EJ30" s="160">
        <v>0</v>
      </c>
      <c r="EK30" s="160">
        <v>1</v>
      </c>
      <c r="EL30" s="160">
        <v>0</v>
      </c>
      <c r="EM30" s="160">
        <v>0</v>
      </c>
      <c r="EN30" s="165">
        <v>4</v>
      </c>
      <c r="EO30" s="164">
        <v>4</v>
      </c>
      <c r="EP30" s="159">
        <v>0</v>
      </c>
      <c r="EQ30" s="160">
        <v>1</v>
      </c>
      <c r="ER30" s="165">
        <v>1</v>
      </c>
      <c r="ES30" s="162">
        <v>0</v>
      </c>
      <c r="ET30" s="160">
        <v>10</v>
      </c>
      <c r="EU30" s="160">
        <v>5</v>
      </c>
      <c r="EV30" s="160">
        <v>3</v>
      </c>
      <c r="EW30" s="160">
        <v>1</v>
      </c>
      <c r="EX30" s="160">
        <v>1</v>
      </c>
      <c r="EY30" s="165">
        <v>20</v>
      </c>
      <c r="EZ30" s="164">
        <v>21</v>
      </c>
    </row>
    <row r="31" spans="2:156" ht="21" customHeight="1" x14ac:dyDescent="0.2">
      <c r="B31" s="166" t="s">
        <v>29</v>
      </c>
      <c r="C31" s="159">
        <v>0</v>
      </c>
      <c r="D31" s="160">
        <v>0</v>
      </c>
      <c r="E31" s="161">
        <v>0</v>
      </c>
      <c r="F31" s="162">
        <v>0</v>
      </c>
      <c r="G31" s="160">
        <v>0</v>
      </c>
      <c r="H31" s="160">
        <v>2</v>
      </c>
      <c r="I31" s="160">
        <v>1</v>
      </c>
      <c r="J31" s="160">
        <v>1</v>
      </c>
      <c r="K31" s="160">
        <v>0</v>
      </c>
      <c r="L31" s="163">
        <v>4</v>
      </c>
      <c r="M31" s="164">
        <v>4</v>
      </c>
      <c r="N31" s="159">
        <v>0</v>
      </c>
      <c r="O31" s="160">
        <v>0</v>
      </c>
      <c r="P31" s="165">
        <v>0</v>
      </c>
      <c r="Q31" s="162">
        <v>0</v>
      </c>
      <c r="R31" s="160">
        <v>0</v>
      </c>
      <c r="S31" s="160">
        <v>0</v>
      </c>
      <c r="T31" s="160">
        <v>0</v>
      </c>
      <c r="U31" s="160">
        <v>0</v>
      </c>
      <c r="V31" s="160">
        <v>0</v>
      </c>
      <c r="W31" s="165">
        <v>0</v>
      </c>
      <c r="X31" s="164">
        <v>0</v>
      </c>
      <c r="Y31" s="159">
        <v>1</v>
      </c>
      <c r="Z31" s="160">
        <v>1</v>
      </c>
      <c r="AA31" s="165">
        <v>2</v>
      </c>
      <c r="AB31" s="162">
        <v>0</v>
      </c>
      <c r="AC31" s="160">
        <v>1</v>
      </c>
      <c r="AD31" s="160">
        <v>1</v>
      </c>
      <c r="AE31" s="160">
        <v>4</v>
      </c>
      <c r="AF31" s="160">
        <v>0</v>
      </c>
      <c r="AG31" s="160">
        <v>0</v>
      </c>
      <c r="AH31" s="165">
        <v>6</v>
      </c>
      <c r="AI31" s="164">
        <v>8</v>
      </c>
      <c r="AJ31" s="159">
        <v>0</v>
      </c>
      <c r="AK31" s="160">
        <v>0</v>
      </c>
      <c r="AL31" s="165">
        <v>0</v>
      </c>
      <c r="AM31" s="162">
        <v>0</v>
      </c>
      <c r="AN31" s="160">
        <v>0</v>
      </c>
      <c r="AO31" s="160">
        <v>1</v>
      </c>
      <c r="AP31" s="160">
        <v>0</v>
      </c>
      <c r="AQ31" s="160">
        <v>0</v>
      </c>
      <c r="AR31" s="160">
        <v>0</v>
      </c>
      <c r="AS31" s="165">
        <v>1</v>
      </c>
      <c r="AT31" s="164">
        <v>1</v>
      </c>
      <c r="AU31" s="159">
        <v>1</v>
      </c>
      <c r="AV31" s="160">
        <v>0</v>
      </c>
      <c r="AW31" s="165">
        <v>1</v>
      </c>
      <c r="AX31" s="162">
        <v>0</v>
      </c>
      <c r="AY31" s="160">
        <v>1</v>
      </c>
      <c r="AZ31" s="160">
        <v>0</v>
      </c>
      <c r="BA31" s="160">
        <v>1</v>
      </c>
      <c r="BB31" s="160">
        <v>1</v>
      </c>
      <c r="BC31" s="160">
        <v>0</v>
      </c>
      <c r="BD31" s="163">
        <v>3</v>
      </c>
      <c r="BE31" s="164">
        <v>4</v>
      </c>
      <c r="BF31" s="159">
        <v>0</v>
      </c>
      <c r="BG31" s="160">
        <v>0</v>
      </c>
      <c r="BH31" s="165">
        <v>0</v>
      </c>
      <c r="BI31" s="162">
        <v>0</v>
      </c>
      <c r="BJ31" s="160">
        <v>0</v>
      </c>
      <c r="BK31" s="160">
        <v>3</v>
      </c>
      <c r="BL31" s="160">
        <v>2</v>
      </c>
      <c r="BM31" s="160">
        <v>0</v>
      </c>
      <c r="BN31" s="160">
        <v>0</v>
      </c>
      <c r="BO31" s="165">
        <v>5</v>
      </c>
      <c r="BP31" s="164">
        <v>5</v>
      </c>
      <c r="BQ31" s="159">
        <v>0</v>
      </c>
      <c r="BR31" s="160">
        <v>0</v>
      </c>
      <c r="BS31" s="165">
        <v>0</v>
      </c>
      <c r="BT31" s="162">
        <v>0</v>
      </c>
      <c r="BU31" s="160">
        <v>1</v>
      </c>
      <c r="BV31" s="160">
        <v>0</v>
      </c>
      <c r="BW31" s="160">
        <v>1</v>
      </c>
      <c r="BX31" s="160">
        <v>1</v>
      </c>
      <c r="BY31" s="160">
        <v>0</v>
      </c>
      <c r="BZ31" s="165">
        <v>3</v>
      </c>
      <c r="CA31" s="164">
        <v>3</v>
      </c>
      <c r="CB31" s="159">
        <v>0</v>
      </c>
      <c r="CC31" s="160">
        <v>0</v>
      </c>
      <c r="CD31" s="165">
        <v>0</v>
      </c>
      <c r="CE31" s="162">
        <v>0</v>
      </c>
      <c r="CF31" s="160">
        <v>0</v>
      </c>
      <c r="CG31" s="160">
        <v>1</v>
      </c>
      <c r="CH31" s="160">
        <v>0</v>
      </c>
      <c r="CI31" s="160">
        <v>0</v>
      </c>
      <c r="CJ31" s="160">
        <v>0</v>
      </c>
      <c r="CK31" s="165">
        <v>1</v>
      </c>
      <c r="CL31" s="164">
        <v>1</v>
      </c>
      <c r="CM31" s="159">
        <v>0</v>
      </c>
      <c r="CN31" s="160">
        <v>0</v>
      </c>
      <c r="CO31" s="165">
        <v>0</v>
      </c>
      <c r="CP31" s="162">
        <v>0</v>
      </c>
      <c r="CQ31" s="160">
        <v>0</v>
      </c>
      <c r="CR31" s="160">
        <v>0</v>
      </c>
      <c r="CS31" s="160">
        <v>1</v>
      </c>
      <c r="CT31" s="160">
        <v>0</v>
      </c>
      <c r="CU31" s="160">
        <v>0</v>
      </c>
      <c r="CV31" s="165">
        <v>1</v>
      </c>
      <c r="CW31" s="164">
        <v>1</v>
      </c>
      <c r="CX31" s="159">
        <v>0</v>
      </c>
      <c r="CY31" s="160">
        <v>0</v>
      </c>
      <c r="CZ31" s="165">
        <v>0</v>
      </c>
      <c r="DA31" s="162">
        <v>0</v>
      </c>
      <c r="DB31" s="160">
        <v>0</v>
      </c>
      <c r="DC31" s="160">
        <v>0</v>
      </c>
      <c r="DD31" s="160">
        <v>0</v>
      </c>
      <c r="DE31" s="160">
        <v>0</v>
      </c>
      <c r="DF31" s="160">
        <v>0</v>
      </c>
      <c r="DG31" s="165">
        <v>0</v>
      </c>
      <c r="DH31" s="164">
        <v>0</v>
      </c>
      <c r="DI31" s="159">
        <v>0</v>
      </c>
      <c r="DJ31" s="160">
        <v>0</v>
      </c>
      <c r="DK31" s="165">
        <v>0</v>
      </c>
      <c r="DL31" s="162">
        <v>0</v>
      </c>
      <c r="DM31" s="160">
        <v>0</v>
      </c>
      <c r="DN31" s="160">
        <v>0</v>
      </c>
      <c r="DO31" s="160">
        <v>0</v>
      </c>
      <c r="DP31" s="160">
        <v>0</v>
      </c>
      <c r="DQ31" s="160">
        <v>0</v>
      </c>
      <c r="DR31" s="165">
        <v>0</v>
      </c>
      <c r="DS31" s="164">
        <v>0</v>
      </c>
      <c r="DT31" s="159">
        <v>1</v>
      </c>
      <c r="DU31" s="160">
        <v>3</v>
      </c>
      <c r="DV31" s="165">
        <v>4</v>
      </c>
      <c r="DW31" s="162">
        <v>0</v>
      </c>
      <c r="DX31" s="160">
        <v>2</v>
      </c>
      <c r="DY31" s="160">
        <v>2</v>
      </c>
      <c r="DZ31" s="160">
        <v>5</v>
      </c>
      <c r="EA31" s="160">
        <v>2</v>
      </c>
      <c r="EB31" s="160">
        <v>0</v>
      </c>
      <c r="EC31" s="165">
        <v>11</v>
      </c>
      <c r="ED31" s="164">
        <v>15</v>
      </c>
      <c r="EE31" s="159">
        <v>1</v>
      </c>
      <c r="EF31" s="160">
        <v>0</v>
      </c>
      <c r="EG31" s="165">
        <v>1</v>
      </c>
      <c r="EH31" s="162">
        <v>0</v>
      </c>
      <c r="EI31" s="160">
        <v>2</v>
      </c>
      <c r="EJ31" s="160">
        <v>0</v>
      </c>
      <c r="EK31" s="160">
        <v>0</v>
      </c>
      <c r="EL31" s="160">
        <v>0</v>
      </c>
      <c r="EM31" s="160">
        <v>0</v>
      </c>
      <c r="EN31" s="165">
        <v>2</v>
      </c>
      <c r="EO31" s="164">
        <v>3</v>
      </c>
      <c r="EP31" s="159">
        <v>1</v>
      </c>
      <c r="EQ31" s="160">
        <v>3</v>
      </c>
      <c r="ER31" s="165">
        <v>4</v>
      </c>
      <c r="ES31" s="162">
        <v>0</v>
      </c>
      <c r="ET31" s="160">
        <v>2</v>
      </c>
      <c r="EU31" s="160">
        <v>5</v>
      </c>
      <c r="EV31" s="160">
        <v>5</v>
      </c>
      <c r="EW31" s="160">
        <v>2</v>
      </c>
      <c r="EX31" s="160">
        <v>0</v>
      </c>
      <c r="EY31" s="165">
        <v>14</v>
      </c>
      <c r="EZ31" s="164">
        <v>18</v>
      </c>
    </row>
    <row r="32" spans="2:156" ht="21" customHeight="1" x14ac:dyDescent="0.2">
      <c r="B32" s="166" t="s">
        <v>30</v>
      </c>
      <c r="C32" s="159">
        <v>0</v>
      </c>
      <c r="D32" s="160">
        <v>0</v>
      </c>
      <c r="E32" s="161">
        <v>0</v>
      </c>
      <c r="F32" s="162">
        <v>0</v>
      </c>
      <c r="G32" s="160">
        <v>1</v>
      </c>
      <c r="H32" s="160">
        <v>0</v>
      </c>
      <c r="I32" s="160">
        <v>1</v>
      </c>
      <c r="J32" s="160">
        <v>1</v>
      </c>
      <c r="K32" s="160">
        <v>1</v>
      </c>
      <c r="L32" s="163">
        <v>4</v>
      </c>
      <c r="M32" s="164">
        <v>4</v>
      </c>
      <c r="N32" s="159">
        <v>0</v>
      </c>
      <c r="O32" s="160">
        <v>0</v>
      </c>
      <c r="P32" s="165">
        <v>0</v>
      </c>
      <c r="Q32" s="162">
        <v>0</v>
      </c>
      <c r="R32" s="160">
        <v>0</v>
      </c>
      <c r="S32" s="160">
        <v>0</v>
      </c>
      <c r="T32" s="160">
        <v>0</v>
      </c>
      <c r="U32" s="160">
        <v>1</v>
      </c>
      <c r="V32" s="160">
        <v>0</v>
      </c>
      <c r="W32" s="165">
        <v>1</v>
      </c>
      <c r="X32" s="164">
        <v>1</v>
      </c>
      <c r="Y32" s="159">
        <v>1</v>
      </c>
      <c r="Z32" s="160">
        <v>1</v>
      </c>
      <c r="AA32" s="165">
        <v>2</v>
      </c>
      <c r="AB32" s="162">
        <v>0</v>
      </c>
      <c r="AC32" s="160">
        <v>0</v>
      </c>
      <c r="AD32" s="160">
        <v>1</v>
      </c>
      <c r="AE32" s="160">
        <v>2</v>
      </c>
      <c r="AF32" s="160">
        <v>2</v>
      </c>
      <c r="AG32" s="160">
        <v>1</v>
      </c>
      <c r="AH32" s="165">
        <v>6</v>
      </c>
      <c r="AI32" s="164">
        <v>8</v>
      </c>
      <c r="AJ32" s="159">
        <v>0</v>
      </c>
      <c r="AK32" s="160">
        <v>0</v>
      </c>
      <c r="AL32" s="165">
        <v>0</v>
      </c>
      <c r="AM32" s="162">
        <v>0</v>
      </c>
      <c r="AN32" s="160">
        <v>0</v>
      </c>
      <c r="AO32" s="160">
        <v>0</v>
      </c>
      <c r="AP32" s="160">
        <v>0</v>
      </c>
      <c r="AQ32" s="160">
        <v>0</v>
      </c>
      <c r="AR32" s="160">
        <v>0</v>
      </c>
      <c r="AS32" s="165">
        <v>0</v>
      </c>
      <c r="AT32" s="164">
        <v>0</v>
      </c>
      <c r="AU32" s="159">
        <v>0</v>
      </c>
      <c r="AV32" s="160">
        <v>0</v>
      </c>
      <c r="AW32" s="165">
        <v>0</v>
      </c>
      <c r="AX32" s="162">
        <v>0</v>
      </c>
      <c r="AY32" s="160">
        <v>0</v>
      </c>
      <c r="AZ32" s="160">
        <v>3</v>
      </c>
      <c r="BA32" s="160">
        <v>2</v>
      </c>
      <c r="BB32" s="160">
        <v>1</v>
      </c>
      <c r="BC32" s="160">
        <v>0</v>
      </c>
      <c r="BD32" s="163">
        <v>6</v>
      </c>
      <c r="BE32" s="164">
        <v>6</v>
      </c>
      <c r="BF32" s="159">
        <v>0</v>
      </c>
      <c r="BG32" s="160">
        <v>0</v>
      </c>
      <c r="BH32" s="165">
        <v>0</v>
      </c>
      <c r="BI32" s="162">
        <v>0</v>
      </c>
      <c r="BJ32" s="160">
        <v>2</v>
      </c>
      <c r="BK32" s="160">
        <v>1</v>
      </c>
      <c r="BL32" s="160">
        <v>0</v>
      </c>
      <c r="BM32" s="160">
        <v>1</v>
      </c>
      <c r="BN32" s="160">
        <v>1</v>
      </c>
      <c r="BO32" s="165">
        <v>5</v>
      </c>
      <c r="BP32" s="164">
        <v>5</v>
      </c>
      <c r="BQ32" s="159">
        <v>0</v>
      </c>
      <c r="BR32" s="160">
        <v>1</v>
      </c>
      <c r="BS32" s="165">
        <v>1</v>
      </c>
      <c r="BT32" s="162">
        <v>0</v>
      </c>
      <c r="BU32" s="160">
        <v>1</v>
      </c>
      <c r="BV32" s="160">
        <v>0</v>
      </c>
      <c r="BW32" s="160">
        <v>0</v>
      </c>
      <c r="BX32" s="160">
        <v>0</v>
      </c>
      <c r="BY32" s="160">
        <v>0</v>
      </c>
      <c r="BZ32" s="165">
        <v>1</v>
      </c>
      <c r="CA32" s="164">
        <v>2</v>
      </c>
      <c r="CB32" s="159">
        <v>0</v>
      </c>
      <c r="CC32" s="160">
        <v>0</v>
      </c>
      <c r="CD32" s="165">
        <v>0</v>
      </c>
      <c r="CE32" s="162">
        <v>0</v>
      </c>
      <c r="CF32" s="160">
        <v>1</v>
      </c>
      <c r="CG32" s="160">
        <v>0</v>
      </c>
      <c r="CH32" s="160">
        <v>1</v>
      </c>
      <c r="CI32" s="160">
        <v>0</v>
      </c>
      <c r="CJ32" s="160">
        <v>0</v>
      </c>
      <c r="CK32" s="165">
        <v>2</v>
      </c>
      <c r="CL32" s="164">
        <v>2</v>
      </c>
      <c r="CM32" s="159">
        <v>0</v>
      </c>
      <c r="CN32" s="160">
        <v>0</v>
      </c>
      <c r="CO32" s="165">
        <v>0</v>
      </c>
      <c r="CP32" s="162">
        <v>0</v>
      </c>
      <c r="CQ32" s="160">
        <v>0</v>
      </c>
      <c r="CR32" s="160">
        <v>0</v>
      </c>
      <c r="CS32" s="160">
        <v>0</v>
      </c>
      <c r="CT32" s="160">
        <v>0</v>
      </c>
      <c r="CU32" s="160">
        <v>0</v>
      </c>
      <c r="CV32" s="165">
        <v>0</v>
      </c>
      <c r="CW32" s="164">
        <v>0</v>
      </c>
      <c r="CX32" s="159">
        <v>0</v>
      </c>
      <c r="CY32" s="160">
        <v>0</v>
      </c>
      <c r="CZ32" s="165">
        <v>0</v>
      </c>
      <c r="DA32" s="162">
        <v>0</v>
      </c>
      <c r="DB32" s="160">
        <v>0</v>
      </c>
      <c r="DC32" s="160">
        <v>0</v>
      </c>
      <c r="DD32" s="160">
        <v>0</v>
      </c>
      <c r="DE32" s="160">
        <v>0</v>
      </c>
      <c r="DF32" s="160">
        <v>0</v>
      </c>
      <c r="DG32" s="165">
        <v>0</v>
      </c>
      <c r="DH32" s="164">
        <v>0</v>
      </c>
      <c r="DI32" s="159">
        <v>0</v>
      </c>
      <c r="DJ32" s="160">
        <v>0</v>
      </c>
      <c r="DK32" s="165">
        <v>0</v>
      </c>
      <c r="DL32" s="162">
        <v>0</v>
      </c>
      <c r="DM32" s="160">
        <v>0</v>
      </c>
      <c r="DN32" s="160">
        <v>0</v>
      </c>
      <c r="DO32" s="160">
        <v>0</v>
      </c>
      <c r="DP32" s="160">
        <v>0</v>
      </c>
      <c r="DQ32" s="160">
        <v>0</v>
      </c>
      <c r="DR32" s="165">
        <v>0</v>
      </c>
      <c r="DS32" s="164">
        <v>0</v>
      </c>
      <c r="DT32" s="159">
        <v>0</v>
      </c>
      <c r="DU32" s="160">
        <v>1</v>
      </c>
      <c r="DV32" s="165">
        <v>1</v>
      </c>
      <c r="DW32" s="162">
        <v>0</v>
      </c>
      <c r="DX32" s="160">
        <v>2</v>
      </c>
      <c r="DY32" s="160">
        <v>1</v>
      </c>
      <c r="DZ32" s="160">
        <v>2</v>
      </c>
      <c r="EA32" s="160">
        <v>2</v>
      </c>
      <c r="EB32" s="160">
        <v>1</v>
      </c>
      <c r="EC32" s="165">
        <v>8</v>
      </c>
      <c r="ED32" s="164">
        <v>9</v>
      </c>
      <c r="EE32" s="159">
        <v>0</v>
      </c>
      <c r="EF32" s="160">
        <v>0</v>
      </c>
      <c r="EG32" s="165">
        <v>0</v>
      </c>
      <c r="EH32" s="162">
        <v>0</v>
      </c>
      <c r="EI32" s="160">
        <v>0</v>
      </c>
      <c r="EJ32" s="160">
        <v>4</v>
      </c>
      <c r="EK32" s="160">
        <v>0</v>
      </c>
      <c r="EL32" s="160">
        <v>1</v>
      </c>
      <c r="EM32" s="160">
        <v>0</v>
      </c>
      <c r="EN32" s="165">
        <v>5</v>
      </c>
      <c r="EO32" s="164">
        <v>5</v>
      </c>
      <c r="EP32" s="159">
        <v>1</v>
      </c>
      <c r="EQ32" s="160">
        <v>2</v>
      </c>
      <c r="ER32" s="165">
        <v>3</v>
      </c>
      <c r="ES32" s="162">
        <v>0</v>
      </c>
      <c r="ET32" s="160">
        <v>3</v>
      </c>
      <c r="EU32" s="160">
        <v>2</v>
      </c>
      <c r="EV32" s="160">
        <v>2</v>
      </c>
      <c r="EW32" s="160">
        <v>2</v>
      </c>
      <c r="EX32" s="160">
        <v>1</v>
      </c>
      <c r="EY32" s="165">
        <v>10</v>
      </c>
      <c r="EZ32" s="164">
        <v>13</v>
      </c>
    </row>
    <row r="33" spans="2:156" ht="21" customHeight="1" x14ac:dyDescent="0.2">
      <c r="B33" s="166" t="s">
        <v>31</v>
      </c>
      <c r="C33" s="159">
        <v>0</v>
      </c>
      <c r="D33" s="160">
        <v>0</v>
      </c>
      <c r="E33" s="161">
        <v>0</v>
      </c>
      <c r="F33" s="162">
        <v>0</v>
      </c>
      <c r="G33" s="160">
        <v>1</v>
      </c>
      <c r="H33" s="160">
        <v>1</v>
      </c>
      <c r="I33" s="160">
        <v>1</v>
      </c>
      <c r="J33" s="160">
        <v>0</v>
      </c>
      <c r="K33" s="160">
        <v>0</v>
      </c>
      <c r="L33" s="163">
        <v>3</v>
      </c>
      <c r="M33" s="164">
        <v>3</v>
      </c>
      <c r="N33" s="159">
        <v>0</v>
      </c>
      <c r="O33" s="160">
        <v>0</v>
      </c>
      <c r="P33" s="165">
        <v>0</v>
      </c>
      <c r="Q33" s="162">
        <v>0</v>
      </c>
      <c r="R33" s="160">
        <v>0</v>
      </c>
      <c r="S33" s="160">
        <v>1</v>
      </c>
      <c r="T33" s="160">
        <v>0</v>
      </c>
      <c r="U33" s="160">
        <v>0</v>
      </c>
      <c r="V33" s="160">
        <v>0</v>
      </c>
      <c r="W33" s="165">
        <v>1</v>
      </c>
      <c r="X33" s="164">
        <v>1</v>
      </c>
      <c r="Y33" s="159">
        <v>0</v>
      </c>
      <c r="Z33" s="160">
        <v>0</v>
      </c>
      <c r="AA33" s="165">
        <v>0</v>
      </c>
      <c r="AB33" s="162">
        <v>0</v>
      </c>
      <c r="AC33" s="160">
        <v>0</v>
      </c>
      <c r="AD33" s="160">
        <v>1</v>
      </c>
      <c r="AE33" s="160">
        <v>2</v>
      </c>
      <c r="AF33" s="160">
        <v>0</v>
      </c>
      <c r="AG33" s="160">
        <v>0</v>
      </c>
      <c r="AH33" s="165">
        <v>3</v>
      </c>
      <c r="AI33" s="164">
        <v>3</v>
      </c>
      <c r="AJ33" s="159">
        <v>0</v>
      </c>
      <c r="AK33" s="160">
        <v>0</v>
      </c>
      <c r="AL33" s="165">
        <v>0</v>
      </c>
      <c r="AM33" s="162">
        <v>0</v>
      </c>
      <c r="AN33" s="160">
        <v>0</v>
      </c>
      <c r="AO33" s="160">
        <v>0</v>
      </c>
      <c r="AP33" s="160">
        <v>0</v>
      </c>
      <c r="AQ33" s="160">
        <v>0</v>
      </c>
      <c r="AR33" s="160">
        <v>0</v>
      </c>
      <c r="AS33" s="165">
        <v>0</v>
      </c>
      <c r="AT33" s="164">
        <v>0</v>
      </c>
      <c r="AU33" s="159">
        <v>0</v>
      </c>
      <c r="AV33" s="160">
        <v>0</v>
      </c>
      <c r="AW33" s="165">
        <v>0</v>
      </c>
      <c r="AX33" s="162">
        <v>0</v>
      </c>
      <c r="AY33" s="160">
        <v>0</v>
      </c>
      <c r="AZ33" s="160">
        <v>1</v>
      </c>
      <c r="BA33" s="160">
        <v>1</v>
      </c>
      <c r="BB33" s="160">
        <v>2</v>
      </c>
      <c r="BC33" s="160">
        <v>1</v>
      </c>
      <c r="BD33" s="163">
        <v>5</v>
      </c>
      <c r="BE33" s="164">
        <v>5</v>
      </c>
      <c r="BF33" s="159">
        <v>0</v>
      </c>
      <c r="BG33" s="160">
        <v>0</v>
      </c>
      <c r="BH33" s="165">
        <v>0</v>
      </c>
      <c r="BI33" s="162">
        <v>0</v>
      </c>
      <c r="BJ33" s="160">
        <v>2</v>
      </c>
      <c r="BK33" s="160">
        <v>3</v>
      </c>
      <c r="BL33" s="160">
        <v>0</v>
      </c>
      <c r="BM33" s="160">
        <v>1</v>
      </c>
      <c r="BN33" s="160">
        <v>0</v>
      </c>
      <c r="BO33" s="165">
        <v>6</v>
      </c>
      <c r="BP33" s="164">
        <v>6</v>
      </c>
      <c r="BQ33" s="159">
        <v>0</v>
      </c>
      <c r="BR33" s="160">
        <v>0</v>
      </c>
      <c r="BS33" s="165">
        <v>0</v>
      </c>
      <c r="BT33" s="162">
        <v>0</v>
      </c>
      <c r="BU33" s="160">
        <v>1</v>
      </c>
      <c r="BV33" s="160">
        <v>2</v>
      </c>
      <c r="BW33" s="160">
        <v>1</v>
      </c>
      <c r="BX33" s="160">
        <v>0</v>
      </c>
      <c r="BY33" s="160">
        <v>0</v>
      </c>
      <c r="BZ33" s="165">
        <v>4</v>
      </c>
      <c r="CA33" s="164">
        <v>4</v>
      </c>
      <c r="CB33" s="159">
        <v>0</v>
      </c>
      <c r="CC33" s="160">
        <v>0</v>
      </c>
      <c r="CD33" s="165">
        <v>0</v>
      </c>
      <c r="CE33" s="162">
        <v>0</v>
      </c>
      <c r="CF33" s="160">
        <v>1</v>
      </c>
      <c r="CG33" s="160">
        <v>0</v>
      </c>
      <c r="CH33" s="160">
        <v>0</v>
      </c>
      <c r="CI33" s="160">
        <v>1</v>
      </c>
      <c r="CJ33" s="160">
        <v>0</v>
      </c>
      <c r="CK33" s="165">
        <v>2</v>
      </c>
      <c r="CL33" s="164">
        <v>2</v>
      </c>
      <c r="CM33" s="159">
        <v>0</v>
      </c>
      <c r="CN33" s="160">
        <v>0</v>
      </c>
      <c r="CO33" s="165">
        <v>0</v>
      </c>
      <c r="CP33" s="162">
        <v>0</v>
      </c>
      <c r="CQ33" s="160">
        <v>0</v>
      </c>
      <c r="CR33" s="160">
        <v>0</v>
      </c>
      <c r="CS33" s="160">
        <v>0</v>
      </c>
      <c r="CT33" s="160">
        <v>0</v>
      </c>
      <c r="CU33" s="160">
        <v>0</v>
      </c>
      <c r="CV33" s="165">
        <v>0</v>
      </c>
      <c r="CW33" s="164">
        <v>0</v>
      </c>
      <c r="CX33" s="159">
        <v>0</v>
      </c>
      <c r="CY33" s="160">
        <v>0</v>
      </c>
      <c r="CZ33" s="165">
        <v>0</v>
      </c>
      <c r="DA33" s="162">
        <v>0</v>
      </c>
      <c r="DB33" s="160">
        <v>0</v>
      </c>
      <c r="DC33" s="160">
        <v>0</v>
      </c>
      <c r="DD33" s="160">
        <v>0</v>
      </c>
      <c r="DE33" s="160">
        <v>0</v>
      </c>
      <c r="DF33" s="160">
        <v>0</v>
      </c>
      <c r="DG33" s="165">
        <v>0</v>
      </c>
      <c r="DH33" s="164">
        <v>0</v>
      </c>
      <c r="DI33" s="159">
        <v>0</v>
      </c>
      <c r="DJ33" s="160">
        <v>0</v>
      </c>
      <c r="DK33" s="165">
        <v>0</v>
      </c>
      <c r="DL33" s="162">
        <v>0</v>
      </c>
      <c r="DM33" s="160">
        <v>0</v>
      </c>
      <c r="DN33" s="160">
        <v>0</v>
      </c>
      <c r="DO33" s="160">
        <v>0</v>
      </c>
      <c r="DP33" s="160">
        <v>0</v>
      </c>
      <c r="DQ33" s="160">
        <v>0</v>
      </c>
      <c r="DR33" s="165">
        <v>0</v>
      </c>
      <c r="DS33" s="164">
        <v>0</v>
      </c>
      <c r="DT33" s="159">
        <v>2</v>
      </c>
      <c r="DU33" s="160">
        <v>1</v>
      </c>
      <c r="DV33" s="165">
        <v>3</v>
      </c>
      <c r="DW33" s="162">
        <v>0</v>
      </c>
      <c r="DX33" s="160">
        <v>3</v>
      </c>
      <c r="DY33" s="160">
        <v>6</v>
      </c>
      <c r="DZ33" s="160">
        <v>2</v>
      </c>
      <c r="EA33" s="160">
        <v>2</v>
      </c>
      <c r="EB33" s="160">
        <v>0</v>
      </c>
      <c r="EC33" s="165">
        <v>13</v>
      </c>
      <c r="ED33" s="164">
        <v>16</v>
      </c>
      <c r="EE33" s="159">
        <v>0</v>
      </c>
      <c r="EF33" s="160">
        <v>0</v>
      </c>
      <c r="EG33" s="165">
        <v>0</v>
      </c>
      <c r="EH33" s="162">
        <v>0</v>
      </c>
      <c r="EI33" s="160">
        <v>0</v>
      </c>
      <c r="EJ33" s="160">
        <v>0</v>
      </c>
      <c r="EK33" s="160">
        <v>1</v>
      </c>
      <c r="EL33" s="160">
        <v>0</v>
      </c>
      <c r="EM33" s="160">
        <v>0</v>
      </c>
      <c r="EN33" s="165">
        <v>1</v>
      </c>
      <c r="EO33" s="164">
        <v>1</v>
      </c>
      <c r="EP33" s="159">
        <v>2</v>
      </c>
      <c r="EQ33" s="160">
        <v>1</v>
      </c>
      <c r="ER33" s="165">
        <v>3</v>
      </c>
      <c r="ES33" s="162">
        <v>0</v>
      </c>
      <c r="ET33" s="160">
        <v>6</v>
      </c>
      <c r="EU33" s="160">
        <v>5</v>
      </c>
      <c r="EV33" s="160">
        <v>2</v>
      </c>
      <c r="EW33" s="160">
        <v>2</v>
      </c>
      <c r="EX33" s="160">
        <v>0</v>
      </c>
      <c r="EY33" s="165">
        <v>15</v>
      </c>
      <c r="EZ33" s="164">
        <v>18</v>
      </c>
    </row>
    <row r="34" spans="2:156" ht="21" customHeight="1" x14ac:dyDescent="0.2">
      <c r="B34" s="166" t="s">
        <v>32</v>
      </c>
      <c r="C34" s="159">
        <v>0</v>
      </c>
      <c r="D34" s="160">
        <v>0</v>
      </c>
      <c r="E34" s="161">
        <v>0</v>
      </c>
      <c r="F34" s="162">
        <v>0</v>
      </c>
      <c r="G34" s="160">
        <v>2</v>
      </c>
      <c r="H34" s="160">
        <v>2</v>
      </c>
      <c r="I34" s="160">
        <v>1</v>
      </c>
      <c r="J34" s="160">
        <v>0</v>
      </c>
      <c r="K34" s="160">
        <v>1</v>
      </c>
      <c r="L34" s="163">
        <v>6</v>
      </c>
      <c r="M34" s="164">
        <v>6</v>
      </c>
      <c r="N34" s="159">
        <v>0</v>
      </c>
      <c r="O34" s="160">
        <v>0</v>
      </c>
      <c r="P34" s="165">
        <v>0</v>
      </c>
      <c r="Q34" s="162">
        <v>0</v>
      </c>
      <c r="R34" s="160">
        <v>0</v>
      </c>
      <c r="S34" s="160">
        <v>0</v>
      </c>
      <c r="T34" s="160">
        <v>1</v>
      </c>
      <c r="U34" s="160">
        <v>0</v>
      </c>
      <c r="V34" s="160">
        <v>1</v>
      </c>
      <c r="W34" s="165">
        <v>2</v>
      </c>
      <c r="X34" s="164">
        <v>2</v>
      </c>
      <c r="Y34" s="159">
        <v>1</v>
      </c>
      <c r="Z34" s="160">
        <v>0</v>
      </c>
      <c r="AA34" s="165">
        <v>1</v>
      </c>
      <c r="AB34" s="162">
        <v>0</v>
      </c>
      <c r="AC34" s="160">
        <v>1</v>
      </c>
      <c r="AD34" s="160">
        <v>3</v>
      </c>
      <c r="AE34" s="160">
        <v>0</v>
      </c>
      <c r="AF34" s="160">
        <v>0</v>
      </c>
      <c r="AG34" s="160">
        <v>1</v>
      </c>
      <c r="AH34" s="165">
        <v>5</v>
      </c>
      <c r="AI34" s="164">
        <v>6</v>
      </c>
      <c r="AJ34" s="159">
        <v>0</v>
      </c>
      <c r="AK34" s="160">
        <v>0</v>
      </c>
      <c r="AL34" s="165">
        <v>0</v>
      </c>
      <c r="AM34" s="162">
        <v>0</v>
      </c>
      <c r="AN34" s="160">
        <v>1</v>
      </c>
      <c r="AO34" s="160">
        <v>0</v>
      </c>
      <c r="AP34" s="160">
        <v>0</v>
      </c>
      <c r="AQ34" s="160">
        <v>0</v>
      </c>
      <c r="AR34" s="160">
        <v>0</v>
      </c>
      <c r="AS34" s="165">
        <v>1</v>
      </c>
      <c r="AT34" s="164">
        <v>1</v>
      </c>
      <c r="AU34" s="159">
        <v>0</v>
      </c>
      <c r="AV34" s="160">
        <v>0</v>
      </c>
      <c r="AW34" s="165">
        <v>0</v>
      </c>
      <c r="AX34" s="162">
        <v>0</v>
      </c>
      <c r="AY34" s="160">
        <v>1</v>
      </c>
      <c r="AZ34" s="160">
        <v>2</v>
      </c>
      <c r="BA34" s="160">
        <v>2</v>
      </c>
      <c r="BB34" s="160">
        <v>3</v>
      </c>
      <c r="BC34" s="160">
        <v>0</v>
      </c>
      <c r="BD34" s="163">
        <v>8</v>
      </c>
      <c r="BE34" s="164">
        <v>8</v>
      </c>
      <c r="BF34" s="159">
        <v>0</v>
      </c>
      <c r="BG34" s="160">
        <v>0</v>
      </c>
      <c r="BH34" s="165">
        <v>0</v>
      </c>
      <c r="BI34" s="162">
        <v>0</v>
      </c>
      <c r="BJ34" s="160">
        <v>2</v>
      </c>
      <c r="BK34" s="160">
        <v>4</v>
      </c>
      <c r="BL34" s="160">
        <v>2</v>
      </c>
      <c r="BM34" s="160">
        <v>1</v>
      </c>
      <c r="BN34" s="160">
        <v>0</v>
      </c>
      <c r="BO34" s="165">
        <v>9</v>
      </c>
      <c r="BP34" s="164">
        <v>9</v>
      </c>
      <c r="BQ34" s="159">
        <v>1</v>
      </c>
      <c r="BR34" s="160">
        <v>0</v>
      </c>
      <c r="BS34" s="165">
        <v>1</v>
      </c>
      <c r="BT34" s="162">
        <v>0</v>
      </c>
      <c r="BU34" s="160">
        <v>0</v>
      </c>
      <c r="BV34" s="160">
        <v>1</v>
      </c>
      <c r="BW34" s="160">
        <v>0</v>
      </c>
      <c r="BX34" s="160">
        <v>0</v>
      </c>
      <c r="BY34" s="160">
        <v>0</v>
      </c>
      <c r="BZ34" s="165">
        <v>1</v>
      </c>
      <c r="CA34" s="164">
        <v>2</v>
      </c>
      <c r="CB34" s="159">
        <v>0</v>
      </c>
      <c r="CC34" s="160">
        <v>0</v>
      </c>
      <c r="CD34" s="165">
        <v>0</v>
      </c>
      <c r="CE34" s="162">
        <v>0</v>
      </c>
      <c r="CF34" s="160">
        <v>0</v>
      </c>
      <c r="CG34" s="160">
        <v>0</v>
      </c>
      <c r="CH34" s="160">
        <v>2</v>
      </c>
      <c r="CI34" s="160">
        <v>0</v>
      </c>
      <c r="CJ34" s="160">
        <v>0</v>
      </c>
      <c r="CK34" s="165">
        <v>2</v>
      </c>
      <c r="CL34" s="164">
        <v>2</v>
      </c>
      <c r="CM34" s="159">
        <v>0</v>
      </c>
      <c r="CN34" s="160">
        <v>0</v>
      </c>
      <c r="CO34" s="165">
        <v>0</v>
      </c>
      <c r="CP34" s="162">
        <v>0</v>
      </c>
      <c r="CQ34" s="160">
        <v>0</v>
      </c>
      <c r="CR34" s="160">
        <v>0</v>
      </c>
      <c r="CS34" s="160">
        <v>0</v>
      </c>
      <c r="CT34" s="160">
        <v>0</v>
      </c>
      <c r="CU34" s="160">
        <v>0</v>
      </c>
      <c r="CV34" s="165">
        <v>0</v>
      </c>
      <c r="CW34" s="164">
        <v>0</v>
      </c>
      <c r="CX34" s="159">
        <v>0</v>
      </c>
      <c r="CY34" s="160">
        <v>0</v>
      </c>
      <c r="CZ34" s="165">
        <v>0</v>
      </c>
      <c r="DA34" s="162">
        <v>0</v>
      </c>
      <c r="DB34" s="160">
        <v>0</v>
      </c>
      <c r="DC34" s="160">
        <v>0</v>
      </c>
      <c r="DD34" s="160">
        <v>0</v>
      </c>
      <c r="DE34" s="160">
        <v>0</v>
      </c>
      <c r="DF34" s="160">
        <v>0</v>
      </c>
      <c r="DG34" s="165">
        <v>0</v>
      </c>
      <c r="DH34" s="164">
        <v>0</v>
      </c>
      <c r="DI34" s="159">
        <v>0</v>
      </c>
      <c r="DJ34" s="160">
        <v>0</v>
      </c>
      <c r="DK34" s="165">
        <v>0</v>
      </c>
      <c r="DL34" s="162">
        <v>0</v>
      </c>
      <c r="DM34" s="160">
        <v>0</v>
      </c>
      <c r="DN34" s="160">
        <v>0</v>
      </c>
      <c r="DO34" s="160">
        <v>0</v>
      </c>
      <c r="DP34" s="160">
        <v>0</v>
      </c>
      <c r="DQ34" s="160">
        <v>0</v>
      </c>
      <c r="DR34" s="165">
        <v>0</v>
      </c>
      <c r="DS34" s="164">
        <v>0</v>
      </c>
      <c r="DT34" s="159">
        <v>1</v>
      </c>
      <c r="DU34" s="160">
        <v>2</v>
      </c>
      <c r="DV34" s="165">
        <v>3</v>
      </c>
      <c r="DW34" s="162">
        <v>0</v>
      </c>
      <c r="DX34" s="160">
        <v>6</v>
      </c>
      <c r="DY34" s="160">
        <v>5</v>
      </c>
      <c r="DZ34" s="160">
        <v>3</v>
      </c>
      <c r="EA34" s="160">
        <v>1</v>
      </c>
      <c r="EB34" s="160">
        <v>1</v>
      </c>
      <c r="EC34" s="165">
        <v>16</v>
      </c>
      <c r="ED34" s="164">
        <v>19</v>
      </c>
      <c r="EE34" s="159">
        <v>0</v>
      </c>
      <c r="EF34" s="160">
        <v>0</v>
      </c>
      <c r="EG34" s="165">
        <v>0</v>
      </c>
      <c r="EH34" s="162">
        <v>0</v>
      </c>
      <c r="EI34" s="160">
        <v>1</v>
      </c>
      <c r="EJ34" s="160">
        <v>1</v>
      </c>
      <c r="EK34" s="160">
        <v>0</v>
      </c>
      <c r="EL34" s="160">
        <v>2</v>
      </c>
      <c r="EM34" s="160">
        <v>0</v>
      </c>
      <c r="EN34" s="165">
        <v>4</v>
      </c>
      <c r="EO34" s="164">
        <v>4</v>
      </c>
      <c r="EP34" s="159">
        <v>3</v>
      </c>
      <c r="EQ34" s="160">
        <v>2</v>
      </c>
      <c r="ER34" s="165">
        <v>5</v>
      </c>
      <c r="ES34" s="162">
        <v>0</v>
      </c>
      <c r="ET34" s="160">
        <v>6</v>
      </c>
      <c r="EU34" s="160">
        <v>9</v>
      </c>
      <c r="EV34" s="160">
        <v>4</v>
      </c>
      <c r="EW34" s="160">
        <v>1</v>
      </c>
      <c r="EX34" s="160">
        <v>1</v>
      </c>
      <c r="EY34" s="165">
        <v>21</v>
      </c>
      <c r="EZ34" s="164">
        <v>26</v>
      </c>
    </row>
    <row r="35" spans="2:156" ht="21" customHeight="1" x14ac:dyDescent="0.2">
      <c r="B35" s="166" t="s">
        <v>33</v>
      </c>
      <c r="C35" s="159">
        <v>0</v>
      </c>
      <c r="D35" s="160">
        <v>0</v>
      </c>
      <c r="E35" s="161">
        <v>0</v>
      </c>
      <c r="F35" s="162">
        <v>0</v>
      </c>
      <c r="G35" s="160">
        <v>2</v>
      </c>
      <c r="H35" s="160">
        <v>0</v>
      </c>
      <c r="I35" s="160">
        <v>1</v>
      </c>
      <c r="J35" s="160">
        <v>0</v>
      </c>
      <c r="K35" s="160">
        <v>0</v>
      </c>
      <c r="L35" s="163">
        <v>3</v>
      </c>
      <c r="M35" s="164">
        <v>3</v>
      </c>
      <c r="N35" s="159">
        <v>0</v>
      </c>
      <c r="O35" s="160">
        <v>0</v>
      </c>
      <c r="P35" s="165">
        <v>0</v>
      </c>
      <c r="Q35" s="162">
        <v>0</v>
      </c>
      <c r="R35" s="160">
        <v>0</v>
      </c>
      <c r="S35" s="160">
        <v>0</v>
      </c>
      <c r="T35" s="160">
        <v>0</v>
      </c>
      <c r="U35" s="160">
        <v>0</v>
      </c>
      <c r="V35" s="160">
        <v>0</v>
      </c>
      <c r="W35" s="165">
        <v>0</v>
      </c>
      <c r="X35" s="164">
        <v>0</v>
      </c>
      <c r="Y35" s="159">
        <v>0</v>
      </c>
      <c r="Z35" s="160">
        <v>0</v>
      </c>
      <c r="AA35" s="165">
        <v>0</v>
      </c>
      <c r="AB35" s="162">
        <v>0</v>
      </c>
      <c r="AC35" s="160">
        <v>1</v>
      </c>
      <c r="AD35" s="160">
        <v>0</v>
      </c>
      <c r="AE35" s="160">
        <v>1</v>
      </c>
      <c r="AF35" s="160">
        <v>0</v>
      </c>
      <c r="AG35" s="160">
        <v>0</v>
      </c>
      <c r="AH35" s="165">
        <v>2</v>
      </c>
      <c r="AI35" s="164">
        <v>2</v>
      </c>
      <c r="AJ35" s="159">
        <v>2</v>
      </c>
      <c r="AK35" s="160">
        <v>2</v>
      </c>
      <c r="AL35" s="165">
        <v>4</v>
      </c>
      <c r="AM35" s="162">
        <v>0</v>
      </c>
      <c r="AN35" s="160">
        <v>2</v>
      </c>
      <c r="AO35" s="160">
        <v>0</v>
      </c>
      <c r="AP35" s="160">
        <v>2</v>
      </c>
      <c r="AQ35" s="160">
        <v>0</v>
      </c>
      <c r="AR35" s="160">
        <v>0</v>
      </c>
      <c r="AS35" s="165">
        <v>4</v>
      </c>
      <c r="AT35" s="164">
        <v>8</v>
      </c>
      <c r="AU35" s="159">
        <v>0</v>
      </c>
      <c r="AV35" s="160">
        <v>0</v>
      </c>
      <c r="AW35" s="165">
        <v>0</v>
      </c>
      <c r="AX35" s="162">
        <v>0</v>
      </c>
      <c r="AY35" s="160">
        <v>1</v>
      </c>
      <c r="AZ35" s="160">
        <v>0</v>
      </c>
      <c r="BA35" s="160">
        <v>1</v>
      </c>
      <c r="BB35" s="160">
        <v>0</v>
      </c>
      <c r="BC35" s="160">
        <v>1</v>
      </c>
      <c r="BD35" s="163">
        <v>3</v>
      </c>
      <c r="BE35" s="164">
        <v>3</v>
      </c>
      <c r="BF35" s="159">
        <v>0</v>
      </c>
      <c r="BG35" s="160">
        <v>0</v>
      </c>
      <c r="BH35" s="165">
        <v>0</v>
      </c>
      <c r="BI35" s="162">
        <v>0</v>
      </c>
      <c r="BJ35" s="160">
        <v>0</v>
      </c>
      <c r="BK35" s="160">
        <v>0</v>
      </c>
      <c r="BL35" s="160">
        <v>0</v>
      </c>
      <c r="BM35" s="160">
        <v>0</v>
      </c>
      <c r="BN35" s="160">
        <v>0</v>
      </c>
      <c r="BO35" s="165">
        <v>0</v>
      </c>
      <c r="BP35" s="164">
        <v>0</v>
      </c>
      <c r="BQ35" s="159">
        <v>0</v>
      </c>
      <c r="BR35" s="160">
        <v>0</v>
      </c>
      <c r="BS35" s="165">
        <v>0</v>
      </c>
      <c r="BT35" s="162">
        <v>0</v>
      </c>
      <c r="BU35" s="160">
        <v>0</v>
      </c>
      <c r="BV35" s="160">
        <v>0</v>
      </c>
      <c r="BW35" s="160">
        <v>0</v>
      </c>
      <c r="BX35" s="160">
        <v>0</v>
      </c>
      <c r="BY35" s="160">
        <v>0</v>
      </c>
      <c r="BZ35" s="165">
        <v>0</v>
      </c>
      <c r="CA35" s="164">
        <v>0</v>
      </c>
      <c r="CB35" s="159">
        <v>0</v>
      </c>
      <c r="CC35" s="160">
        <v>0</v>
      </c>
      <c r="CD35" s="165">
        <v>0</v>
      </c>
      <c r="CE35" s="162">
        <v>0</v>
      </c>
      <c r="CF35" s="160">
        <v>1</v>
      </c>
      <c r="CG35" s="160">
        <v>0</v>
      </c>
      <c r="CH35" s="160">
        <v>0</v>
      </c>
      <c r="CI35" s="160">
        <v>0</v>
      </c>
      <c r="CJ35" s="160">
        <v>1</v>
      </c>
      <c r="CK35" s="165">
        <v>2</v>
      </c>
      <c r="CL35" s="164">
        <v>2</v>
      </c>
      <c r="CM35" s="159">
        <v>0</v>
      </c>
      <c r="CN35" s="160">
        <v>0</v>
      </c>
      <c r="CO35" s="165">
        <v>0</v>
      </c>
      <c r="CP35" s="162">
        <v>0</v>
      </c>
      <c r="CQ35" s="160">
        <v>0</v>
      </c>
      <c r="CR35" s="160">
        <v>0</v>
      </c>
      <c r="CS35" s="160">
        <v>0</v>
      </c>
      <c r="CT35" s="160">
        <v>0</v>
      </c>
      <c r="CU35" s="160">
        <v>0</v>
      </c>
      <c r="CV35" s="165">
        <v>0</v>
      </c>
      <c r="CW35" s="164">
        <v>0</v>
      </c>
      <c r="CX35" s="159">
        <v>0</v>
      </c>
      <c r="CY35" s="160">
        <v>0</v>
      </c>
      <c r="CZ35" s="165">
        <v>0</v>
      </c>
      <c r="DA35" s="162">
        <v>0</v>
      </c>
      <c r="DB35" s="160">
        <v>0</v>
      </c>
      <c r="DC35" s="160">
        <v>0</v>
      </c>
      <c r="DD35" s="160">
        <v>0</v>
      </c>
      <c r="DE35" s="160">
        <v>0</v>
      </c>
      <c r="DF35" s="160">
        <v>0</v>
      </c>
      <c r="DG35" s="165">
        <v>0</v>
      </c>
      <c r="DH35" s="164">
        <v>0</v>
      </c>
      <c r="DI35" s="159">
        <v>0</v>
      </c>
      <c r="DJ35" s="160">
        <v>0</v>
      </c>
      <c r="DK35" s="165">
        <v>0</v>
      </c>
      <c r="DL35" s="162">
        <v>0</v>
      </c>
      <c r="DM35" s="160">
        <v>0</v>
      </c>
      <c r="DN35" s="160">
        <v>0</v>
      </c>
      <c r="DO35" s="160">
        <v>0</v>
      </c>
      <c r="DP35" s="160">
        <v>0</v>
      </c>
      <c r="DQ35" s="160">
        <v>0</v>
      </c>
      <c r="DR35" s="165">
        <v>0</v>
      </c>
      <c r="DS35" s="164">
        <v>0</v>
      </c>
      <c r="DT35" s="159">
        <v>2</v>
      </c>
      <c r="DU35" s="160">
        <v>0</v>
      </c>
      <c r="DV35" s="165">
        <v>2</v>
      </c>
      <c r="DW35" s="162">
        <v>0</v>
      </c>
      <c r="DX35" s="160">
        <v>3</v>
      </c>
      <c r="DY35" s="160">
        <v>0</v>
      </c>
      <c r="DZ35" s="160">
        <v>0</v>
      </c>
      <c r="EA35" s="160">
        <v>0</v>
      </c>
      <c r="EB35" s="160">
        <v>0</v>
      </c>
      <c r="EC35" s="165">
        <v>3</v>
      </c>
      <c r="ED35" s="164">
        <v>5</v>
      </c>
      <c r="EE35" s="159">
        <v>0</v>
      </c>
      <c r="EF35" s="160">
        <v>0</v>
      </c>
      <c r="EG35" s="165">
        <v>0</v>
      </c>
      <c r="EH35" s="162">
        <v>0</v>
      </c>
      <c r="EI35" s="160">
        <v>0</v>
      </c>
      <c r="EJ35" s="160">
        <v>0</v>
      </c>
      <c r="EK35" s="160">
        <v>0</v>
      </c>
      <c r="EL35" s="160">
        <v>0</v>
      </c>
      <c r="EM35" s="160">
        <v>1</v>
      </c>
      <c r="EN35" s="165">
        <v>1</v>
      </c>
      <c r="EO35" s="164">
        <v>1</v>
      </c>
      <c r="EP35" s="159">
        <v>2</v>
      </c>
      <c r="EQ35" s="160">
        <v>2</v>
      </c>
      <c r="ER35" s="165">
        <v>4</v>
      </c>
      <c r="ES35" s="162">
        <v>0</v>
      </c>
      <c r="ET35" s="160">
        <v>3</v>
      </c>
      <c r="EU35" s="160">
        <v>0</v>
      </c>
      <c r="EV35" s="160">
        <v>2</v>
      </c>
      <c r="EW35" s="160">
        <v>0</v>
      </c>
      <c r="EX35" s="160">
        <v>1</v>
      </c>
      <c r="EY35" s="165">
        <v>6</v>
      </c>
      <c r="EZ35" s="164">
        <v>10</v>
      </c>
    </row>
    <row r="36" spans="2:156" ht="21" customHeight="1" x14ac:dyDescent="0.2">
      <c r="B36" s="166" t="s">
        <v>34</v>
      </c>
      <c r="C36" s="159">
        <v>0</v>
      </c>
      <c r="D36" s="160">
        <v>0</v>
      </c>
      <c r="E36" s="161">
        <v>0</v>
      </c>
      <c r="F36" s="162">
        <v>0</v>
      </c>
      <c r="G36" s="160">
        <v>0</v>
      </c>
      <c r="H36" s="160">
        <v>0</v>
      </c>
      <c r="I36" s="160">
        <v>0</v>
      </c>
      <c r="J36" s="160">
        <v>0</v>
      </c>
      <c r="K36" s="160">
        <v>0</v>
      </c>
      <c r="L36" s="163">
        <v>0</v>
      </c>
      <c r="M36" s="164">
        <v>0</v>
      </c>
      <c r="N36" s="159">
        <v>0</v>
      </c>
      <c r="O36" s="160">
        <v>0</v>
      </c>
      <c r="P36" s="165">
        <v>0</v>
      </c>
      <c r="Q36" s="162">
        <v>0</v>
      </c>
      <c r="R36" s="160">
        <v>0</v>
      </c>
      <c r="S36" s="160">
        <v>0</v>
      </c>
      <c r="T36" s="160">
        <v>0</v>
      </c>
      <c r="U36" s="160">
        <v>0</v>
      </c>
      <c r="V36" s="160">
        <v>0</v>
      </c>
      <c r="W36" s="165">
        <v>0</v>
      </c>
      <c r="X36" s="164">
        <v>0</v>
      </c>
      <c r="Y36" s="159">
        <v>0</v>
      </c>
      <c r="Z36" s="160">
        <v>0</v>
      </c>
      <c r="AA36" s="165">
        <v>0</v>
      </c>
      <c r="AB36" s="162">
        <v>0</v>
      </c>
      <c r="AC36" s="160">
        <v>0</v>
      </c>
      <c r="AD36" s="160">
        <v>2</v>
      </c>
      <c r="AE36" s="160">
        <v>0</v>
      </c>
      <c r="AF36" s="160">
        <v>0</v>
      </c>
      <c r="AG36" s="160">
        <v>1</v>
      </c>
      <c r="AH36" s="165">
        <v>3</v>
      </c>
      <c r="AI36" s="164">
        <v>3</v>
      </c>
      <c r="AJ36" s="159">
        <v>0</v>
      </c>
      <c r="AK36" s="160">
        <v>0</v>
      </c>
      <c r="AL36" s="165">
        <v>0</v>
      </c>
      <c r="AM36" s="162">
        <v>0</v>
      </c>
      <c r="AN36" s="160">
        <v>0</v>
      </c>
      <c r="AO36" s="160">
        <v>0</v>
      </c>
      <c r="AP36" s="160">
        <v>0</v>
      </c>
      <c r="AQ36" s="160">
        <v>0</v>
      </c>
      <c r="AR36" s="160">
        <v>1</v>
      </c>
      <c r="AS36" s="165">
        <v>1</v>
      </c>
      <c r="AT36" s="164">
        <v>1</v>
      </c>
      <c r="AU36" s="159">
        <v>0</v>
      </c>
      <c r="AV36" s="160">
        <v>0</v>
      </c>
      <c r="AW36" s="165">
        <v>0</v>
      </c>
      <c r="AX36" s="162">
        <v>0</v>
      </c>
      <c r="AY36" s="160">
        <v>1</v>
      </c>
      <c r="AZ36" s="160">
        <v>4</v>
      </c>
      <c r="BA36" s="160">
        <v>1</v>
      </c>
      <c r="BB36" s="160">
        <v>2</v>
      </c>
      <c r="BC36" s="160">
        <v>1</v>
      </c>
      <c r="BD36" s="163">
        <v>9</v>
      </c>
      <c r="BE36" s="164">
        <v>9</v>
      </c>
      <c r="BF36" s="159">
        <v>0</v>
      </c>
      <c r="BG36" s="160">
        <v>0</v>
      </c>
      <c r="BH36" s="165">
        <v>0</v>
      </c>
      <c r="BI36" s="162">
        <v>0</v>
      </c>
      <c r="BJ36" s="160">
        <v>1</v>
      </c>
      <c r="BK36" s="160">
        <v>1</v>
      </c>
      <c r="BL36" s="160">
        <v>0</v>
      </c>
      <c r="BM36" s="160">
        <v>0</v>
      </c>
      <c r="BN36" s="160">
        <v>0</v>
      </c>
      <c r="BO36" s="165">
        <v>2</v>
      </c>
      <c r="BP36" s="164">
        <v>2</v>
      </c>
      <c r="BQ36" s="159">
        <v>0</v>
      </c>
      <c r="BR36" s="160">
        <v>0</v>
      </c>
      <c r="BS36" s="165">
        <v>0</v>
      </c>
      <c r="BT36" s="162">
        <v>0</v>
      </c>
      <c r="BU36" s="160">
        <v>0</v>
      </c>
      <c r="BV36" s="160">
        <v>0</v>
      </c>
      <c r="BW36" s="160">
        <v>0</v>
      </c>
      <c r="BX36" s="160">
        <v>0</v>
      </c>
      <c r="BY36" s="160">
        <v>0</v>
      </c>
      <c r="BZ36" s="165">
        <v>0</v>
      </c>
      <c r="CA36" s="164">
        <v>0</v>
      </c>
      <c r="CB36" s="159">
        <v>0</v>
      </c>
      <c r="CC36" s="160">
        <v>0</v>
      </c>
      <c r="CD36" s="165">
        <v>0</v>
      </c>
      <c r="CE36" s="162">
        <v>0</v>
      </c>
      <c r="CF36" s="160">
        <v>0</v>
      </c>
      <c r="CG36" s="160">
        <v>0</v>
      </c>
      <c r="CH36" s="160">
        <v>0</v>
      </c>
      <c r="CI36" s="160">
        <v>0</v>
      </c>
      <c r="CJ36" s="160">
        <v>0</v>
      </c>
      <c r="CK36" s="165">
        <v>0</v>
      </c>
      <c r="CL36" s="164">
        <v>0</v>
      </c>
      <c r="CM36" s="159">
        <v>0</v>
      </c>
      <c r="CN36" s="160">
        <v>0</v>
      </c>
      <c r="CO36" s="165">
        <v>0</v>
      </c>
      <c r="CP36" s="162">
        <v>0</v>
      </c>
      <c r="CQ36" s="160">
        <v>0</v>
      </c>
      <c r="CR36" s="160">
        <v>0</v>
      </c>
      <c r="CS36" s="160">
        <v>0</v>
      </c>
      <c r="CT36" s="160">
        <v>0</v>
      </c>
      <c r="CU36" s="160">
        <v>0</v>
      </c>
      <c r="CV36" s="165">
        <v>0</v>
      </c>
      <c r="CW36" s="164">
        <v>0</v>
      </c>
      <c r="CX36" s="159">
        <v>0</v>
      </c>
      <c r="CY36" s="160">
        <v>0</v>
      </c>
      <c r="CZ36" s="165">
        <v>0</v>
      </c>
      <c r="DA36" s="162">
        <v>0</v>
      </c>
      <c r="DB36" s="160">
        <v>0</v>
      </c>
      <c r="DC36" s="160">
        <v>0</v>
      </c>
      <c r="DD36" s="160">
        <v>0</v>
      </c>
      <c r="DE36" s="160">
        <v>0</v>
      </c>
      <c r="DF36" s="160">
        <v>0</v>
      </c>
      <c r="DG36" s="165">
        <v>0</v>
      </c>
      <c r="DH36" s="164">
        <v>0</v>
      </c>
      <c r="DI36" s="159">
        <v>0</v>
      </c>
      <c r="DJ36" s="160">
        <v>0</v>
      </c>
      <c r="DK36" s="165">
        <v>0</v>
      </c>
      <c r="DL36" s="162">
        <v>0</v>
      </c>
      <c r="DM36" s="160">
        <v>0</v>
      </c>
      <c r="DN36" s="160">
        <v>0</v>
      </c>
      <c r="DO36" s="160">
        <v>0</v>
      </c>
      <c r="DP36" s="160">
        <v>0</v>
      </c>
      <c r="DQ36" s="160">
        <v>0</v>
      </c>
      <c r="DR36" s="165">
        <v>0</v>
      </c>
      <c r="DS36" s="164">
        <v>0</v>
      </c>
      <c r="DT36" s="159">
        <v>0</v>
      </c>
      <c r="DU36" s="160">
        <v>0</v>
      </c>
      <c r="DV36" s="165">
        <v>0</v>
      </c>
      <c r="DW36" s="162">
        <v>0</v>
      </c>
      <c r="DX36" s="160">
        <v>2</v>
      </c>
      <c r="DY36" s="160">
        <v>6</v>
      </c>
      <c r="DZ36" s="160">
        <v>1</v>
      </c>
      <c r="EA36" s="160">
        <v>0</v>
      </c>
      <c r="EB36" s="160">
        <v>1</v>
      </c>
      <c r="EC36" s="165">
        <v>10</v>
      </c>
      <c r="ED36" s="164">
        <v>10</v>
      </c>
      <c r="EE36" s="159">
        <v>0</v>
      </c>
      <c r="EF36" s="160">
        <v>0</v>
      </c>
      <c r="EG36" s="165">
        <v>0</v>
      </c>
      <c r="EH36" s="162">
        <v>0</v>
      </c>
      <c r="EI36" s="160">
        <v>0</v>
      </c>
      <c r="EJ36" s="160">
        <v>1</v>
      </c>
      <c r="EK36" s="160">
        <v>0</v>
      </c>
      <c r="EL36" s="160">
        <v>2</v>
      </c>
      <c r="EM36" s="160">
        <v>0</v>
      </c>
      <c r="EN36" s="165">
        <v>3</v>
      </c>
      <c r="EO36" s="164">
        <v>3</v>
      </c>
      <c r="EP36" s="159">
        <v>0</v>
      </c>
      <c r="EQ36" s="160">
        <v>0</v>
      </c>
      <c r="ER36" s="165">
        <v>0</v>
      </c>
      <c r="ES36" s="162">
        <v>0</v>
      </c>
      <c r="ET36" s="160">
        <v>4</v>
      </c>
      <c r="EU36" s="160">
        <v>6</v>
      </c>
      <c r="EV36" s="160">
        <v>1</v>
      </c>
      <c r="EW36" s="160">
        <v>0</v>
      </c>
      <c r="EX36" s="160">
        <v>1</v>
      </c>
      <c r="EY36" s="165">
        <v>12</v>
      </c>
      <c r="EZ36" s="164">
        <v>12</v>
      </c>
    </row>
    <row r="37" spans="2:156" ht="21" customHeight="1" x14ac:dyDescent="0.2">
      <c r="B37" s="166" t="s">
        <v>35</v>
      </c>
      <c r="C37" s="159">
        <v>0</v>
      </c>
      <c r="D37" s="160">
        <v>0</v>
      </c>
      <c r="E37" s="161">
        <v>0</v>
      </c>
      <c r="F37" s="162">
        <v>0</v>
      </c>
      <c r="G37" s="160">
        <v>2</v>
      </c>
      <c r="H37" s="160">
        <v>6</v>
      </c>
      <c r="I37" s="160">
        <v>0</v>
      </c>
      <c r="J37" s="160">
        <v>0</v>
      </c>
      <c r="K37" s="160">
        <v>0</v>
      </c>
      <c r="L37" s="163">
        <v>8</v>
      </c>
      <c r="M37" s="164">
        <v>8</v>
      </c>
      <c r="N37" s="159">
        <v>0</v>
      </c>
      <c r="O37" s="160">
        <v>0</v>
      </c>
      <c r="P37" s="165">
        <v>0</v>
      </c>
      <c r="Q37" s="162">
        <v>0</v>
      </c>
      <c r="R37" s="160">
        <v>0</v>
      </c>
      <c r="S37" s="160">
        <v>0</v>
      </c>
      <c r="T37" s="160">
        <v>1</v>
      </c>
      <c r="U37" s="160">
        <v>0</v>
      </c>
      <c r="V37" s="160">
        <v>1</v>
      </c>
      <c r="W37" s="165">
        <v>2</v>
      </c>
      <c r="X37" s="164">
        <v>2</v>
      </c>
      <c r="Y37" s="159">
        <v>0</v>
      </c>
      <c r="Z37" s="160">
        <v>1</v>
      </c>
      <c r="AA37" s="165">
        <v>1</v>
      </c>
      <c r="AB37" s="162">
        <v>0</v>
      </c>
      <c r="AC37" s="160">
        <v>2</v>
      </c>
      <c r="AD37" s="160">
        <v>4</v>
      </c>
      <c r="AE37" s="160">
        <v>1</v>
      </c>
      <c r="AF37" s="160">
        <v>0</v>
      </c>
      <c r="AG37" s="160">
        <v>2</v>
      </c>
      <c r="AH37" s="165">
        <v>9</v>
      </c>
      <c r="AI37" s="164">
        <v>10</v>
      </c>
      <c r="AJ37" s="159">
        <v>0</v>
      </c>
      <c r="AK37" s="160">
        <v>1</v>
      </c>
      <c r="AL37" s="165">
        <v>1</v>
      </c>
      <c r="AM37" s="162">
        <v>0</v>
      </c>
      <c r="AN37" s="160">
        <v>1</v>
      </c>
      <c r="AO37" s="160">
        <v>0</v>
      </c>
      <c r="AP37" s="160">
        <v>0</v>
      </c>
      <c r="AQ37" s="160">
        <v>0</v>
      </c>
      <c r="AR37" s="160">
        <v>1</v>
      </c>
      <c r="AS37" s="165">
        <v>2</v>
      </c>
      <c r="AT37" s="164">
        <v>3</v>
      </c>
      <c r="AU37" s="159">
        <v>1</v>
      </c>
      <c r="AV37" s="160">
        <v>0</v>
      </c>
      <c r="AW37" s="165">
        <v>1</v>
      </c>
      <c r="AX37" s="162">
        <v>0</v>
      </c>
      <c r="AY37" s="160">
        <v>6</v>
      </c>
      <c r="AZ37" s="160">
        <v>6</v>
      </c>
      <c r="BA37" s="160">
        <v>2</v>
      </c>
      <c r="BB37" s="160">
        <v>3</v>
      </c>
      <c r="BC37" s="160">
        <v>2</v>
      </c>
      <c r="BD37" s="163">
        <v>19</v>
      </c>
      <c r="BE37" s="164">
        <v>20</v>
      </c>
      <c r="BF37" s="159">
        <v>0</v>
      </c>
      <c r="BG37" s="160">
        <v>0</v>
      </c>
      <c r="BH37" s="165">
        <v>0</v>
      </c>
      <c r="BI37" s="162">
        <v>0</v>
      </c>
      <c r="BJ37" s="160">
        <v>4</v>
      </c>
      <c r="BK37" s="160">
        <v>3</v>
      </c>
      <c r="BL37" s="160">
        <v>0</v>
      </c>
      <c r="BM37" s="160">
        <v>0</v>
      </c>
      <c r="BN37" s="160">
        <v>0</v>
      </c>
      <c r="BO37" s="165">
        <v>7</v>
      </c>
      <c r="BP37" s="164">
        <v>7</v>
      </c>
      <c r="BQ37" s="159">
        <v>2</v>
      </c>
      <c r="BR37" s="160">
        <v>0</v>
      </c>
      <c r="BS37" s="165">
        <v>2</v>
      </c>
      <c r="BT37" s="162">
        <v>0</v>
      </c>
      <c r="BU37" s="160">
        <v>4</v>
      </c>
      <c r="BV37" s="160">
        <v>3</v>
      </c>
      <c r="BW37" s="160">
        <v>0</v>
      </c>
      <c r="BX37" s="160">
        <v>1</v>
      </c>
      <c r="BY37" s="160">
        <v>0</v>
      </c>
      <c r="BZ37" s="165">
        <v>8</v>
      </c>
      <c r="CA37" s="164">
        <v>10</v>
      </c>
      <c r="CB37" s="159">
        <v>0</v>
      </c>
      <c r="CC37" s="160">
        <v>0</v>
      </c>
      <c r="CD37" s="165">
        <v>0</v>
      </c>
      <c r="CE37" s="162">
        <v>0</v>
      </c>
      <c r="CF37" s="160">
        <v>0</v>
      </c>
      <c r="CG37" s="160">
        <v>0</v>
      </c>
      <c r="CH37" s="160">
        <v>0</v>
      </c>
      <c r="CI37" s="160">
        <v>0</v>
      </c>
      <c r="CJ37" s="160">
        <v>1</v>
      </c>
      <c r="CK37" s="165">
        <v>1</v>
      </c>
      <c r="CL37" s="164">
        <v>1</v>
      </c>
      <c r="CM37" s="159">
        <v>0</v>
      </c>
      <c r="CN37" s="160">
        <v>0</v>
      </c>
      <c r="CO37" s="165">
        <v>0</v>
      </c>
      <c r="CP37" s="162">
        <v>0</v>
      </c>
      <c r="CQ37" s="160">
        <v>0</v>
      </c>
      <c r="CR37" s="160">
        <v>0</v>
      </c>
      <c r="CS37" s="160">
        <v>0</v>
      </c>
      <c r="CT37" s="160">
        <v>0</v>
      </c>
      <c r="CU37" s="160">
        <v>0</v>
      </c>
      <c r="CV37" s="165">
        <v>0</v>
      </c>
      <c r="CW37" s="164">
        <v>0</v>
      </c>
      <c r="CX37" s="159">
        <v>0</v>
      </c>
      <c r="CY37" s="160">
        <v>0</v>
      </c>
      <c r="CZ37" s="165">
        <v>0</v>
      </c>
      <c r="DA37" s="162">
        <v>0</v>
      </c>
      <c r="DB37" s="160">
        <v>0</v>
      </c>
      <c r="DC37" s="160">
        <v>0</v>
      </c>
      <c r="DD37" s="160">
        <v>0</v>
      </c>
      <c r="DE37" s="160">
        <v>0</v>
      </c>
      <c r="DF37" s="160">
        <v>0</v>
      </c>
      <c r="DG37" s="165">
        <v>0</v>
      </c>
      <c r="DH37" s="164">
        <v>0</v>
      </c>
      <c r="DI37" s="159">
        <v>0</v>
      </c>
      <c r="DJ37" s="160">
        <v>0</v>
      </c>
      <c r="DK37" s="165">
        <v>0</v>
      </c>
      <c r="DL37" s="162">
        <v>0</v>
      </c>
      <c r="DM37" s="160">
        <v>0</v>
      </c>
      <c r="DN37" s="160">
        <v>0</v>
      </c>
      <c r="DO37" s="160">
        <v>0</v>
      </c>
      <c r="DP37" s="160">
        <v>0</v>
      </c>
      <c r="DQ37" s="160">
        <v>0</v>
      </c>
      <c r="DR37" s="165">
        <v>0</v>
      </c>
      <c r="DS37" s="164">
        <v>0</v>
      </c>
      <c r="DT37" s="159">
        <v>3</v>
      </c>
      <c r="DU37" s="160">
        <v>0</v>
      </c>
      <c r="DV37" s="165">
        <v>3</v>
      </c>
      <c r="DW37" s="162">
        <v>0</v>
      </c>
      <c r="DX37" s="160">
        <v>6</v>
      </c>
      <c r="DY37" s="160">
        <v>9</v>
      </c>
      <c r="DZ37" s="160">
        <v>1</v>
      </c>
      <c r="EA37" s="160">
        <v>1</v>
      </c>
      <c r="EB37" s="160">
        <v>2</v>
      </c>
      <c r="EC37" s="165">
        <v>19</v>
      </c>
      <c r="ED37" s="164">
        <v>22</v>
      </c>
      <c r="EE37" s="159">
        <v>1</v>
      </c>
      <c r="EF37" s="160">
        <v>0</v>
      </c>
      <c r="EG37" s="165">
        <v>1</v>
      </c>
      <c r="EH37" s="162">
        <v>0</v>
      </c>
      <c r="EI37" s="160">
        <v>4</v>
      </c>
      <c r="EJ37" s="160">
        <v>1</v>
      </c>
      <c r="EK37" s="160">
        <v>0</v>
      </c>
      <c r="EL37" s="160">
        <v>3</v>
      </c>
      <c r="EM37" s="160">
        <v>0</v>
      </c>
      <c r="EN37" s="165">
        <v>8</v>
      </c>
      <c r="EO37" s="164">
        <v>9</v>
      </c>
      <c r="EP37" s="159">
        <v>4</v>
      </c>
      <c r="EQ37" s="160">
        <v>2</v>
      </c>
      <c r="ER37" s="165">
        <v>6</v>
      </c>
      <c r="ES37" s="162">
        <v>0</v>
      </c>
      <c r="ET37" s="160">
        <v>12</v>
      </c>
      <c r="EU37" s="160">
        <v>9</v>
      </c>
      <c r="EV37" s="160">
        <v>1</v>
      </c>
      <c r="EW37" s="160">
        <v>0</v>
      </c>
      <c r="EX37" s="160">
        <v>2</v>
      </c>
      <c r="EY37" s="165">
        <v>24</v>
      </c>
      <c r="EZ37" s="164">
        <v>30</v>
      </c>
    </row>
    <row r="38" spans="2:156" ht="21" customHeight="1" x14ac:dyDescent="0.2">
      <c r="B38" s="166" t="s">
        <v>36</v>
      </c>
      <c r="C38" s="159">
        <v>0</v>
      </c>
      <c r="D38" s="160">
        <v>0</v>
      </c>
      <c r="E38" s="161">
        <v>0</v>
      </c>
      <c r="F38" s="162">
        <v>0</v>
      </c>
      <c r="G38" s="160">
        <v>2</v>
      </c>
      <c r="H38" s="160">
        <v>0</v>
      </c>
      <c r="I38" s="160">
        <v>0</v>
      </c>
      <c r="J38" s="160">
        <v>1</v>
      </c>
      <c r="K38" s="160">
        <v>1</v>
      </c>
      <c r="L38" s="163">
        <v>4</v>
      </c>
      <c r="M38" s="164">
        <v>4</v>
      </c>
      <c r="N38" s="159">
        <v>0</v>
      </c>
      <c r="O38" s="160">
        <v>0</v>
      </c>
      <c r="P38" s="165">
        <v>0</v>
      </c>
      <c r="Q38" s="162">
        <v>0</v>
      </c>
      <c r="R38" s="160">
        <v>0</v>
      </c>
      <c r="S38" s="160">
        <v>0</v>
      </c>
      <c r="T38" s="160">
        <v>0</v>
      </c>
      <c r="U38" s="160">
        <v>0</v>
      </c>
      <c r="V38" s="160">
        <v>1</v>
      </c>
      <c r="W38" s="165">
        <v>1</v>
      </c>
      <c r="X38" s="164">
        <v>1</v>
      </c>
      <c r="Y38" s="159">
        <v>0</v>
      </c>
      <c r="Z38" s="160">
        <v>1</v>
      </c>
      <c r="AA38" s="165">
        <v>1</v>
      </c>
      <c r="AB38" s="162">
        <v>0</v>
      </c>
      <c r="AC38" s="160">
        <v>4</v>
      </c>
      <c r="AD38" s="160">
        <v>0</v>
      </c>
      <c r="AE38" s="160">
        <v>0</v>
      </c>
      <c r="AF38" s="160">
        <v>0</v>
      </c>
      <c r="AG38" s="160">
        <v>1</v>
      </c>
      <c r="AH38" s="165">
        <v>5</v>
      </c>
      <c r="AI38" s="164">
        <v>6</v>
      </c>
      <c r="AJ38" s="159">
        <v>0</v>
      </c>
      <c r="AK38" s="160">
        <v>0</v>
      </c>
      <c r="AL38" s="165">
        <v>0</v>
      </c>
      <c r="AM38" s="162">
        <v>0</v>
      </c>
      <c r="AN38" s="160">
        <v>0</v>
      </c>
      <c r="AO38" s="160">
        <v>1</v>
      </c>
      <c r="AP38" s="160">
        <v>0</v>
      </c>
      <c r="AQ38" s="160">
        <v>0</v>
      </c>
      <c r="AR38" s="160">
        <v>0</v>
      </c>
      <c r="AS38" s="165">
        <v>1</v>
      </c>
      <c r="AT38" s="164">
        <v>1</v>
      </c>
      <c r="AU38" s="159">
        <v>0</v>
      </c>
      <c r="AV38" s="160">
        <v>0</v>
      </c>
      <c r="AW38" s="165">
        <v>0</v>
      </c>
      <c r="AX38" s="162">
        <v>0</v>
      </c>
      <c r="AY38" s="160">
        <v>3</v>
      </c>
      <c r="AZ38" s="160">
        <v>2</v>
      </c>
      <c r="BA38" s="160">
        <v>0</v>
      </c>
      <c r="BB38" s="160">
        <v>2</v>
      </c>
      <c r="BC38" s="160">
        <v>1</v>
      </c>
      <c r="BD38" s="163">
        <v>8</v>
      </c>
      <c r="BE38" s="164">
        <v>8</v>
      </c>
      <c r="BF38" s="159">
        <v>0</v>
      </c>
      <c r="BG38" s="160">
        <v>0</v>
      </c>
      <c r="BH38" s="165">
        <v>0</v>
      </c>
      <c r="BI38" s="162">
        <v>0</v>
      </c>
      <c r="BJ38" s="160">
        <v>0</v>
      </c>
      <c r="BK38" s="160">
        <v>2</v>
      </c>
      <c r="BL38" s="160">
        <v>0</v>
      </c>
      <c r="BM38" s="160">
        <v>0</v>
      </c>
      <c r="BN38" s="160">
        <v>0</v>
      </c>
      <c r="BO38" s="165">
        <v>2</v>
      </c>
      <c r="BP38" s="164">
        <v>2</v>
      </c>
      <c r="BQ38" s="159">
        <v>0</v>
      </c>
      <c r="BR38" s="160">
        <v>1</v>
      </c>
      <c r="BS38" s="165">
        <v>1</v>
      </c>
      <c r="BT38" s="162">
        <v>0</v>
      </c>
      <c r="BU38" s="160">
        <v>1</v>
      </c>
      <c r="BV38" s="160">
        <v>1</v>
      </c>
      <c r="BW38" s="160">
        <v>0</v>
      </c>
      <c r="BX38" s="160">
        <v>0</v>
      </c>
      <c r="BY38" s="160">
        <v>0</v>
      </c>
      <c r="BZ38" s="165">
        <v>2</v>
      </c>
      <c r="CA38" s="164">
        <v>3</v>
      </c>
      <c r="CB38" s="159">
        <v>0</v>
      </c>
      <c r="CC38" s="160">
        <v>0</v>
      </c>
      <c r="CD38" s="165">
        <v>0</v>
      </c>
      <c r="CE38" s="162">
        <v>0</v>
      </c>
      <c r="CF38" s="160">
        <v>0</v>
      </c>
      <c r="CG38" s="160">
        <v>1</v>
      </c>
      <c r="CH38" s="160">
        <v>0</v>
      </c>
      <c r="CI38" s="160">
        <v>0</v>
      </c>
      <c r="CJ38" s="160">
        <v>0</v>
      </c>
      <c r="CK38" s="165">
        <v>1</v>
      </c>
      <c r="CL38" s="164">
        <v>1</v>
      </c>
      <c r="CM38" s="159">
        <v>0</v>
      </c>
      <c r="CN38" s="160">
        <v>0</v>
      </c>
      <c r="CO38" s="165">
        <v>0</v>
      </c>
      <c r="CP38" s="162">
        <v>0</v>
      </c>
      <c r="CQ38" s="160">
        <v>0</v>
      </c>
      <c r="CR38" s="160">
        <v>0</v>
      </c>
      <c r="CS38" s="160">
        <v>0</v>
      </c>
      <c r="CT38" s="160">
        <v>0</v>
      </c>
      <c r="CU38" s="160">
        <v>0</v>
      </c>
      <c r="CV38" s="165">
        <v>0</v>
      </c>
      <c r="CW38" s="164">
        <v>0</v>
      </c>
      <c r="CX38" s="159">
        <v>0</v>
      </c>
      <c r="CY38" s="160">
        <v>0</v>
      </c>
      <c r="CZ38" s="165">
        <v>0</v>
      </c>
      <c r="DA38" s="162">
        <v>0</v>
      </c>
      <c r="DB38" s="160">
        <v>0</v>
      </c>
      <c r="DC38" s="160">
        <v>0</v>
      </c>
      <c r="DD38" s="160">
        <v>0</v>
      </c>
      <c r="DE38" s="160">
        <v>0</v>
      </c>
      <c r="DF38" s="160">
        <v>0</v>
      </c>
      <c r="DG38" s="165">
        <v>0</v>
      </c>
      <c r="DH38" s="164">
        <v>0</v>
      </c>
      <c r="DI38" s="159">
        <v>0</v>
      </c>
      <c r="DJ38" s="160">
        <v>0</v>
      </c>
      <c r="DK38" s="165">
        <v>0</v>
      </c>
      <c r="DL38" s="162">
        <v>0</v>
      </c>
      <c r="DM38" s="160">
        <v>0</v>
      </c>
      <c r="DN38" s="160">
        <v>0</v>
      </c>
      <c r="DO38" s="160">
        <v>0</v>
      </c>
      <c r="DP38" s="160">
        <v>0</v>
      </c>
      <c r="DQ38" s="160">
        <v>0</v>
      </c>
      <c r="DR38" s="165">
        <v>0</v>
      </c>
      <c r="DS38" s="164">
        <v>0</v>
      </c>
      <c r="DT38" s="159">
        <v>2</v>
      </c>
      <c r="DU38" s="160">
        <v>3</v>
      </c>
      <c r="DV38" s="165">
        <v>5</v>
      </c>
      <c r="DW38" s="162">
        <v>0</v>
      </c>
      <c r="DX38" s="160">
        <v>8</v>
      </c>
      <c r="DY38" s="160">
        <v>4</v>
      </c>
      <c r="DZ38" s="160">
        <v>1</v>
      </c>
      <c r="EA38" s="160">
        <v>1</v>
      </c>
      <c r="EB38" s="160">
        <v>1</v>
      </c>
      <c r="EC38" s="165">
        <v>15</v>
      </c>
      <c r="ED38" s="164">
        <v>20</v>
      </c>
      <c r="EE38" s="159">
        <v>0</v>
      </c>
      <c r="EF38" s="160">
        <v>0</v>
      </c>
      <c r="EG38" s="165">
        <v>0</v>
      </c>
      <c r="EH38" s="162">
        <v>0</v>
      </c>
      <c r="EI38" s="160">
        <v>3</v>
      </c>
      <c r="EJ38" s="160">
        <v>1</v>
      </c>
      <c r="EK38" s="160">
        <v>1</v>
      </c>
      <c r="EL38" s="160">
        <v>1</v>
      </c>
      <c r="EM38" s="160">
        <v>0</v>
      </c>
      <c r="EN38" s="165">
        <v>6</v>
      </c>
      <c r="EO38" s="164">
        <v>6</v>
      </c>
      <c r="EP38" s="159">
        <v>2</v>
      </c>
      <c r="EQ38" s="160">
        <v>5</v>
      </c>
      <c r="ER38" s="165">
        <v>7</v>
      </c>
      <c r="ES38" s="162">
        <v>0</v>
      </c>
      <c r="ET38" s="160">
        <v>12</v>
      </c>
      <c r="EU38" s="160">
        <v>6</v>
      </c>
      <c r="EV38" s="160">
        <v>2</v>
      </c>
      <c r="EW38" s="160">
        <v>1</v>
      </c>
      <c r="EX38" s="160">
        <v>2</v>
      </c>
      <c r="EY38" s="165">
        <v>23</v>
      </c>
      <c r="EZ38" s="164">
        <v>30</v>
      </c>
    </row>
    <row r="39" spans="2:156" ht="21" customHeight="1" thickBot="1" x14ac:dyDescent="0.25">
      <c r="B39" s="167" t="s">
        <v>37</v>
      </c>
      <c r="C39" s="168">
        <v>0</v>
      </c>
      <c r="D39" s="169">
        <v>0</v>
      </c>
      <c r="E39" s="170">
        <v>0</v>
      </c>
      <c r="F39" s="171">
        <v>0</v>
      </c>
      <c r="G39" s="169">
        <v>0</v>
      </c>
      <c r="H39" s="169">
        <v>0</v>
      </c>
      <c r="I39" s="169">
        <v>0</v>
      </c>
      <c r="J39" s="169">
        <v>0</v>
      </c>
      <c r="K39" s="169">
        <v>0</v>
      </c>
      <c r="L39" s="172">
        <v>0</v>
      </c>
      <c r="M39" s="173">
        <v>0</v>
      </c>
      <c r="N39" s="168">
        <v>0</v>
      </c>
      <c r="O39" s="169">
        <v>0</v>
      </c>
      <c r="P39" s="174">
        <v>0</v>
      </c>
      <c r="Q39" s="171">
        <v>0</v>
      </c>
      <c r="R39" s="169">
        <v>0</v>
      </c>
      <c r="S39" s="169">
        <v>0</v>
      </c>
      <c r="T39" s="169">
        <v>0</v>
      </c>
      <c r="U39" s="169">
        <v>0</v>
      </c>
      <c r="V39" s="169">
        <v>0</v>
      </c>
      <c r="W39" s="174">
        <v>0</v>
      </c>
      <c r="X39" s="173">
        <v>0</v>
      </c>
      <c r="Y39" s="168">
        <v>0</v>
      </c>
      <c r="Z39" s="169">
        <v>0</v>
      </c>
      <c r="AA39" s="174">
        <v>0</v>
      </c>
      <c r="AB39" s="171">
        <v>0</v>
      </c>
      <c r="AC39" s="169">
        <v>0</v>
      </c>
      <c r="AD39" s="169">
        <v>0</v>
      </c>
      <c r="AE39" s="169">
        <v>0</v>
      </c>
      <c r="AF39" s="169">
        <v>0</v>
      </c>
      <c r="AG39" s="169">
        <v>0</v>
      </c>
      <c r="AH39" s="174">
        <v>0</v>
      </c>
      <c r="AI39" s="173">
        <v>0</v>
      </c>
      <c r="AJ39" s="168">
        <v>0</v>
      </c>
      <c r="AK39" s="169">
        <v>0</v>
      </c>
      <c r="AL39" s="174">
        <v>0</v>
      </c>
      <c r="AM39" s="171">
        <v>0</v>
      </c>
      <c r="AN39" s="169">
        <v>0</v>
      </c>
      <c r="AO39" s="169">
        <v>0</v>
      </c>
      <c r="AP39" s="169">
        <v>0</v>
      </c>
      <c r="AQ39" s="169">
        <v>0</v>
      </c>
      <c r="AR39" s="169">
        <v>0</v>
      </c>
      <c r="AS39" s="174">
        <v>0</v>
      </c>
      <c r="AT39" s="173">
        <v>0</v>
      </c>
      <c r="AU39" s="168">
        <v>0</v>
      </c>
      <c r="AV39" s="169">
        <v>0</v>
      </c>
      <c r="AW39" s="174">
        <v>0</v>
      </c>
      <c r="AX39" s="171">
        <v>0</v>
      </c>
      <c r="AY39" s="169">
        <v>0</v>
      </c>
      <c r="AZ39" s="169">
        <v>0</v>
      </c>
      <c r="BA39" s="169">
        <v>0</v>
      </c>
      <c r="BB39" s="169">
        <v>0</v>
      </c>
      <c r="BC39" s="169">
        <v>0</v>
      </c>
      <c r="BD39" s="172">
        <v>0</v>
      </c>
      <c r="BE39" s="173">
        <v>0</v>
      </c>
      <c r="BF39" s="168">
        <v>0</v>
      </c>
      <c r="BG39" s="169">
        <v>0</v>
      </c>
      <c r="BH39" s="174">
        <v>0</v>
      </c>
      <c r="BI39" s="171">
        <v>0</v>
      </c>
      <c r="BJ39" s="169">
        <v>0</v>
      </c>
      <c r="BK39" s="169">
        <v>0</v>
      </c>
      <c r="BL39" s="169">
        <v>0</v>
      </c>
      <c r="BM39" s="169">
        <v>0</v>
      </c>
      <c r="BN39" s="169">
        <v>0</v>
      </c>
      <c r="BO39" s="174">
        <v>0</v>
      </c>
      <c r="BP39" s="173">
        <v>0</v>
      </c>
      <c r="BQ39" s="168">
        <v>0</v>
      </c>
      <c r="BR39" s="169">
        <v>0</v>
      </c>
      <c r="BS39" s="174">
        <v>0</v>
      </c>
      <c r="BT39" s="171">
        <v>0</v>
      </c>
      <c r="BU39" s="169">
        <v>1</v>
      </c>
      <c r="BV39" s="169">
        <v>1</v>
      </c>
      <c r="BW39" s="169">
        <v>0</v>
      </c>
      <c r="BX39" s="169">
        <v>0</v>
      </c>
      <c r="BY39" s="169">
        <v>0</v>
      </c>
      <c r="BZ39" s="174">
        <v>2</v>
      </c>
      <c r="CA39" s="173">
        <v>2</v>
      </c>
      <c r="CB39" s="168">
        <v>0</v>
      </c>
      <c r="CC39" s="169">
        <v>0</v>
      </c>
      <c r="CD39" s="174">
        <v>0</v>
      </c>
      <c r="CE39" s="171">
        <v>0</v>
      </c>
      <c r="CF39" s="169">
        <v>0</v>
      </c>
      <c r="CG39" s="169">
        <v>0</v>
      </c>
      <c r="CH39" s="169">
        <v>0</v>
      </c>
      <c r="CI39" s="169">
        <v>0</v>
      </c>
      <c r="CJ39" s="169">
        <v>0</v>
      </c>
      <c r="CK39" s="174">
        <v>0</v>
      </c>
      <c r="CL39" s="173">
        <v>0</v>
      </c>
      <c r="CM39" s="168">
        <v>0</v>
      </c>
      <c r="CN39" s="169">
        <v>0</v>
      </c>
      <c r="CO39" s="174">
        <v>0</v>
      </c>
      <c r="CP39" s="171">
        <v>0</v>
      </c>
      <c r="CQ39" s="169">
        <v>0</v>
      </c>
      <c r="CR39" s="169">
        <v>0</v>
      </c>
      <c r="CS39" s="169">
        <v>0</v>
      </c>
      <c r="CT39" s="169">
        <v>0</v>
      </c>
      <c r="CU39" s="169">
        <v>0</v>
      </c>
      <c r="CV39" s="174">
        <v>0</v>
      </c>
      <c r="CW39" s="173">
        <v>0</v>
      </c>
      <c r="CX39" s="168">
        <v>0</v>
      </c>
      <c r="CY39" s="169">
        <v>0</v>
      </c>
      <c r="CZ39" s="174">
        <v>0</v>
      </c>
      <c r="DA39" s="171">
        <v>0</v>
      </c>
      <c r="DB39" s="169">
        <v>0</v>
      </c>
      <c r="DC39" s="169">
        <v>0</v>
      </c>
      <c r="DD39" s="169">
        <v>0</v>
      </c>
      <c r="DE39" s="169">
        <v>0</v>
      </c>
      <c r="DF39" s="169">
        <v>0</v>
      </c>
      <c r="DG39" s="174">
        <v>0</v>
      </c>
      <c r="DH39" s="173">
        <v>0</v>
      </c>
      <c r="DI39" s="168">
        <v>0</v>
      </c>
      <c r="DJ39" s="169">
        <v>0</v>
      </c>
      <c r="DK39" s="174">
        <v>0</v>
      </c>
      <c r="DL39" s="171">
        <v>0</v>
      </c>
      <c r="DM39" s="169">
        <v>0</v>
      </c>
      <c r="DN39" s="169">
        <v>0</v>
      </c>
      <c r="DO39" s="169">
        <v>0</v>
      </c>
      <c r="DP39" s="169">
        <v>0</v>
      </c>
      <c r="DQ39" s="169">
        <v>0</v>
      </c>
      <c r="DR39" s="174">
        <v>0</v>
      </c>
      <c r="DS39" s="173">
        <v>0</v>
      </c>
      <c r="DT39" s="168">
        <v>0</v>
      </c>
      <c r="DU39" s="169">
        <v>0</v>
      </c>
      <c r="DV39" s="174">
        <v>0</v>
      </c>
      <c r="DW39" s="171">
        <v>0</v>
      </c>
      <c r="DX39" s="169">
        <v>1</v>
      </c>
      <c r="DY39" s="169">
        <v>2</v>
      </c>
      <c r="DZ39" s="169">
        <v>0</v>
      </c>
      <c r="EA39" s="169">
        <v>0</v>
      </c>
      <c r="EB39" s="169">
        <v>0</v>
      </c>
      <c r="EC39" s="174">
        <v>3</v>
      </c>
      <c r="ED39" s="173">
        <v>3</v>
      </c>
      <c r="EE39" s="168">
        <v>0</v>
      </c>
      <c r="EF39" s="169">
        <v>0</v>
      </c>
      <c r="EG39" s="174">
        <v>0</v>
      </c>
      <c r="EH39" s="171">
        <v>0</v>
      </c>
      <c r="EI39" s="169">
        <v>0</v>
      </c>
      <c r="EJ39" s="169">
        <v>0</v>
      </c>
      <c r="EK39" s="169">
        <v>0</v>
      </c>
      <c r="EL39" s="169">
        <v>0</v>
      </c>
      <c r="EM39" s="169">
        <v>0</v>
      </c>
      <c r="EN39" s="174">
        <v>0</v>
      </c>
      <c r="EO39" s="173">
        <v>0</v>
      </c>
      <c r="EP39" s="168">
        <v>0</v>
      </c>
      <c r="EQ39" s="169">
        <v>0</v>
      </c>
      <c r="ER39" s="174">
        <v>0</v>
      </c>
      <c r="ES39" s="171">
        <v>0</v>
      </c>
      <c r="ET39" s="169">
        <v>1</v>
      </c>
      <c r="EU39" s="169">
        <v>2</v>
      </c>
      <c r="EV39" s="169">
        <v>0</v>
      </c>
      <c r="EW39" s="169">
        <v>0</v>
      </c>
      <c r="EX39" s="169">
        <v>0</v>
      </c>
      <c r="EY39" s="174">
        <v>3</v>
      </c>
      <c r="EZ39" s="173">
        <v>3</v>
      </c>
    </row>
  </sheetData>
  <mergeCells count="59">
    <mergeCell ref="DL4:DR4"/>
    <mergeCell ref="DS4:DS5"/>
    <mergeCell ref="I1:J1"/>
    <mergeCell ref="L1:M1"/>
    <mergeCell ref="AU3:BE3"/>
    <mergeCell ref="BF3:BP3"/>
    <mergeCell ref="BQ3:CA3"/>
    <mergeCell ref="BE4:BE5"/>
    <mergeCell ref="CX3:DH3"/>
    <mergeCell ref="CW4:CW5"/>
    <mergeCell ref="BF4:BH4"/>
    <mergeCell ref="BI4:BO4"/>
    <mergeCell ref="BP4:BP5"/>
    <mergeCell ref="BQ4:BS4"/>
    <mergeCell ref="BT4:BZ4"/>
    <mergeCell ref="CA4:CA5"/>
    <mergeCell ref="B3:B5"/>
    <mergeCell ref="C3:M3"/>
    <mergeCell ref="N3:X3"/>
    <mergeCell ref="X4:X5"/>
    <mergeCell ref="AJ3:AT3"/>
    <mergeCell ref="Y3:AI3"/>
    <mergeCell ref="Y4:AA4"/>
    <mergeCell ref="AB4:AH4"/>
    <mergeCell ref="AI4:AI5"/>
    <mergeCell ref="C4:E4"/>
    <mergeCell ref="F4:L4"/>
    <mergeCell ref="M4:M5"/>
    <mergeCell ref="N4:P4"/>
    <mergeCell ref="Q4:W4"/>
    <mergeCell ref="DT3:ED3"/>
    <mergeCell ref="EE3:EO3"/>
    <mergeCell ref="EP3:EZ3"/>
    <mergeCell ref="CB3:CL3"/>
    <mergeCell ref="CM3:CW3"/>
    <mergeCell ref="DI3:DS3"/>
    <mergeCell ref="CB4:CD4"/>
    <mergeCell ref="CE4:CK4"/>
    <mergeCell ref="AJ4:AL4"/>
    <mergeCell ref="AM4:AS4"/>
    <mergeCell ref="AT4:AT5"/>
    <mergeCell ref="AU4:AW4"/>
    <mergeCell ref="AX4:BD4"/>
    <mergeCell ref="CL4:CL5"/>
    <mergeCell ref="CM4:CO4"/>
    <mergeCell ref="CP4:CV4"/>
    <mergeCell ref="EZ4:EZ5"/>
    <mergeCell ref="CX4:CZ4"/>
    <mergeCell ref="DA4:DG4"/>
    <mergeCell ref="DH4:DH5"/>
    <mergeCell ref="DT4:DV4"/>
    <mergeCell ref="DW4:EC4"/>
    <mergeCell ref="ED4:ED5"/>
    <mergeCell ref="EE4:EG4"/>
    <mergeCell ref="EH4:EN4"/>
    <mergeCell ref="EO4:EO5"/>
    <mergeCell ref="EP4:ER4"/>
    <mergeCell ref="ES4:EY4"/>
    <mergeCell ref="DI4:DK4"/>
  </mergeCells>
  <phoneticPr fontId="4"/>
  <pageMargins left="0.70866141732283472" right="0.70866141732283472" top="0.74803149606299213" bottom="0.74803149606299213" header="0.31496062992125984" footer="0.31496062992125984"/>
  <pageSetup paperSize="9" scale="33" orientation="landscape" r:id="rId1"/>
  <headerFooter>
    <oddFooter>&amp;L&amp;20&amp;A&amp;C&amp;P/&amp;N</oddFooter>
  </headerFooter>
  <colBreaks count="3" manualBreakCount="3">
    <brk id="46" max="1048575" man="1"/>
    <brk id="90" max="1048575" man="1"/>
    <brk id="134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EZ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.33203125" style="175" customWidth="1"/>
    <col min="6" max="6" width="7.6640625" style="175" customWidth="1"/>
    <col min="7" max="7" width="10.21875" style="175" customWidth="1"/>
    <col min="8" max="8" width="10.44140625" style="175" customWidth="1"/>
    <col min="9" max="16" width="9" style="175"/>
    <col min="17" max="17" width="7.21875" style="175" customWidth="1"/>
    <col min="18" max="27" width="9" style="175"/>
    <col min="28" max="28" width="7.6640625" style="175" customWidth="1"/>
    <col min="29" max="38" width="9" style="175"/>
    <col min="39" max="39" width="7.6640625" style="175" customWidth="1"/>
    <col min="40" max="49" width="9" style="175"/>
    <col min="50" max="50" width="7.21875" style="175" customWidth="1"/>
    <col min="51" max="60" width="9" style="175"/>
    <col min="61" max="61" width="7.21875" style="175" customWidth="1"/>
    <col min="62" max="71" width="9" style="175"/>
    <col min="72" max="72" width="7.33203125" style="175" customWidth="1"/>
    <col min="73" max="82" width="9" style="175"/>
    <col min="83" max="83" width="7.44140625" style="175" customWidth="1"/>
    <col min="84" max="93" width="9" style="175"/>
    <col min="94" max="94" width="7.6640625" style="175" customWidth="1"/>
    <col min="95" max="104" width="9" style="175"/>
    <col min="105" max="105" width="7.44140625" style="175" customWidth="1"/>
    <col min="106" max="115" width="9" style="175"/>
    <col min="116" max="116" width="7.44140625" style="175" customWidth="1"/>
    <col min="117" max="126" width="9" style="175"/>
    <col min="127" max="127" width="7.44140625" style="175" customWidth="1"/>
    <col min="128" max="137" width="9" style="175"/>
    <col min="138" max="138" width="7.33203125" style="175" customWidth="1"/>
    <col min="139" max="148" width="9" style="175"/>
    <col min="149" max="149" width="7.77734375" style="175" customWidth="1"/>
    <col min="150" max="16384" width="9" style="175"/>
  </cols>
  <sheetData>
    <row r="1" spans="2:156" ht="24" customHeight="1" x14ac:dyDescent="0.2">
      <c r="B1" s="142" t="s">
        <v>120</v>
      </c>
      <c r="I1" s="442">
        <f>第１表!F2</f>
        <v>7</v>
      </c>
      <c r="J1" s="442"/>
      <c r="K1" s="18">
        <f>第１表!G2</f>
        <v>2</v>
      </c>
      <c r="L1" s="447">
        <f>IF(K1&lt;3,K1+12-2,K1-2)</f>
        <v>12</v>
      </c>
      <c r="M1" s="447"/>
    </row>
    <row r="2" spans="2:156" ht="24" customHeight="1" thickBot="1" x14ac:dyDescent="0.25">
      <c r="B2" s="142" t="s">
        <v>150</v>
      </c>
      <c r="G2" s="17"/>
      <c r="H2" s="18"/>
      <c r="J2" s="176"/>
      <c r="K2" s="176"/>
    </row>
    <row r="3" spans="2:156" ht="21" customHeight="1" thickBot="1" x14ac:dyDescent="0.25">
      <c r="B3" s="478"/>
      <c r="C3" s="472" t="s">
        <v>70</v>
      </c>
      <c r="D3" s="473"/>
      <c r="E3" s="473"/>
      <c r="F3" s="473"/>
      <c r="G3" s="473"/>
      <c r="H3" s="473"/>
      <c r="I3" s="473"/>
      <c r="J3" s="473"/>
      <c r="K3" s="473"/>
      <c r="L3" s="473"/>
      <c r="M3" s="474"/>
      <c r="N3" s="472" t="s">
        <v>71</v>
      </c>
      <c r="O3" s="473"/>
      <c r="P3" s="473"/>
      <c r="Q3" s="473"/>
      <c r="R3" s="473"/>
      <c r="S3" s="473"/>
      <c r="T3" s="473"/>
      <c r="U3" s="473"/>
      <c r="V3" s="473"/>
      <c r="W3" s="473"/>
      <c r="X3" s="474"/>
      <c r="Y3" s="472" t="s">
        <v>72</v>
      </c>
      <c r="Z3" s="473"/>
      <c r="AA3" s="473"/>
      <c r="AB3" s="473"/>
      <c r="AC3" s="473"/>
      <c r="AD3" s="473"/>
      <c r="AE3" s="473"/>
      <c r="AF3" s="473"/>
      <c r="AG3" s="473"/>
      <c r="AH3" s="473"/>
      <c r="AI3" s="474"/>
      <c r="AJ3" s="472" t="s">
        <v>73</v>
      </c>
      <c r="AK3" s="473"/>
      <c r="AL3" s="473"/>
      <c r="AM3" s="473"/>
      <c r="AN3" s="473"/>
      <c r="AO3" s="473"/>
      <c r="AP3" s="473"/>
      <c r="AQ3" s="473"/>
      <c r="AR3" s="473"/>
      <c r="AS3" s="473"/>
      <c r="AT3" s="474"/>
      <c r="AU3" s="472" t="s">
        <v>74</v>
      </c>
      <c r="AV3" s="473"/>
      <c r="AW3" s="473"/>
      <c r="AX3" s="473"/>
      <c r="AY3" s="473"/>
      <c r="AZ3" s="473"/>
      <c r="BA3" s="473"/>
      <c r="BB3" s="473"/>
      <c r="BC3" s="473"/>
      <c r="BD3" s="473"/>
      <c r="BE3" s="474"/>
      <c r="BF3" s="472" t="s">
        <v>75</v>
      </c>
      <c r="BG3" s="473"/>
      <c r="BH3" s="473"/>
      <c r="BI3" s="473"/>
      <c r="BJ3" s="473"/>
      <c r="BK3" s="473"/>
      <c r="BL3" s="473"/>
      <c r="BM3" s="473"/>
      <c r="BN3" s="473"/>
      <c r="BO3" s="473"/>
      <c r="BP3" s="474"/>
      <c r="BQ3" s="472" t="s">
        <v>76</v>
      </c>
      <c r="BR3" s="473"/>
      <c r="BS3" s="473"/>
      <c r="BT3" s="473"/>
      <c r="BU3" s="473"/>
      <c r="BV3" s="473"/>
      <c r="BW3" s="473"/>
      <c r="BX3" s="473"/>
      <c r="BY3" s="473"/>
      <c r="BZ3" s="473"/>
      <c r="CA3" s="474"/>
      <c r="CB3" s="472" t="s">
        <v>77</v>
      </c>
      <c r="CC3" s="473"/>
      <c r="CD3" s="473"/>
      <c r="CE3" s="473"/>
      <c r="CF3" s="473"/>
      <c r="CG3" s="473"/>
      <c r="CH3" s="473"/>
      <c r="CI3" s="473"/>
      <c r="CJ3" s="473"/>
      <c r="CK3" s="473"/>
      <c r="CL3" s="474"/>
      <c r="CM3" s="472" t="s">
        <v>78</v>
      </c>
      <c r="CN3" s="473"/>
      <c r="CO3" s="473"/>
      <c r="CP3" s="473"/>
      <c r="CQ3" s="473"/>
      <c r="CR3" s="473"/>
      <c r="CS3" s="473"/>
      <c r="CT3" s="473"/>
      <c r="CU3" s="473"/>
      <c r="CV3" s="473"/>
      <c r="CW3" s="474"/>
      <c r="CX3" s="472" t="s">
        <v>79</v>
      </c>
      <c r="CY3" s="473"/>
      <c r="CZ3" s="473"/>
      <c r="DA3" s="473"/>
      <c r="DB3" s="473"/>
      <c r="DC3" s="473"/>
      <c r="DD3" s="473"/>
      <c r="DE3" s="473"/>
      <c r="DF3" s="473"/>
      <c r="DG3" s="473"/>
      <c r="DH3" s="474"/>
      <c r="DI3" s="472" t="s">
        <v>148</v>
      </c>
      <c r="DJ3" s="473"/>
      <c r="DK3" s="473"/>
      <c r="DL3" s="473"/>
      <c r="DM3" s="473"/>
      <c r="DN3" s="473"/>
      <c r="DO3" s="473"/>
      <c r="DP3" s="473"/>
      <c r="DQ3" s="473"/>
      <c r="DR3" s="473"/>
      <c r="DS3" s="474"/>
      <c r="DT3" s="472" t="s">
        <v>80</v>
      </c>
      <c r="DU3" s="473"/>
      <c r="DV3" s="473"/>
      <c r="DW3" s="473"/>
      <c r="DX3" s="473"/>
      <c r="DY3" s="473"/>
      <c r="DZ3" s="473"/>
      <c r="EA3" s="473"/>
      <c r="EB3" s="473"/>
      <c r="EC3" s="473"/>
      <c r="ED3" s="474"/>
      <c r="EE3" s="472" t="s">
        <v>68</v>
      </c>
      <c r="EF3" s="473"/>
      <c r="EG3" s="473"/>
      <c r="EH3" s="473"/>
      <c r="EI3" s="473"/>
      <c r="EJ3" s="473"/>
      <c r="EK3" s="473"/>
      <c r="EL3" s="473"/>
      <c r="EM3" s="473"/>
      <c r="EN3" s="473"/>
      <c r="EO3" s="474"/>
      <c r="EP3" s="475" t="s">
        <v>69</v>
      </c>
      <c r="EQ3" s="476"/>
      <c r="ER3" s="476"/>
      <c r="ES3" s="476"/>
      <c r="ET3" s="476"/>
      <c r="EU3" s="476"/>
      <c r="EV3" s="476"/>
      <c r="EW3" s="476"/>
      <c r="EX3" s="476"/>
      <c r="EY3" s="476"/>
      <c r="EZ3" s="477"/>
    </row>
    <row r="4" spans="2:156" ht="21" customHeight="1" x14ac:dyDescent="0.2">
      <c r="B4" s="479"/>
      <c r="C4" s="465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65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67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65" t="s">
        <v>61</v>
      </c>
      <c r="AV4" s="466"/>
      <c r="AW4" s="467"/>
      <c r="AX4" s="468" t="s">
        <v>62</v>
      </c>
      <c r="AY4" s="466"/>
      <c r="AZ4" s="466"/>
      <c r="BA4" s="466"/>
      <c r="BB4" s="466"/>
      <c r="BC4" s="466"/>
      <c r="BD4" s="471"/>
      <c r="BE4" s="469" t="s">
        <v>52</v>
      </c>
      <c r="BF4" s="465" t="s">
        <v>61</v>
      </c>
      <c r="BG4" s="466"/>
      <c r="BH4" s="467"/>
      <c r="BI4" s="468" t="s">
        <v>62</v>
      </c>
      <c r="BJ4" s="466"/>
      <c r="BK4" s="466"/>
      <c r="BL4" s="466"/>
      <c r="BM4" s="466"/>
      <c r="BN4" s="466"/>
      <c r="BO4" s="467"/>
      <c r="BP4" s="469" t="s">
        <v>52</v>
      </c>
      <c r="BQ4" s="465" t="s">
        <v>61</v>
      </c>
      <c r="BR4" s="466"/>
      <c r="BS4" s="467"/>
      <c r="BT4" s="468" t="s">
        <v>62</v>
      </c>
      <c r="BU4" s="466"/>
      <c r="BV4" s="466"/>
      <c r="BW4" s="466"/>
      <c r="BX4" s="466"/>
      <c r="BY4" s="466"/>
      <c r="BZ4" s="467"/>
      <c r="CA4" s="469" t="s">
        <v>52</v>
      </c>
      <c r="CB4" s="465" t="s">
        <v>61</v>
      </c>
      <c r="CC4" s="466"/>
      <c r="CD4" s="467"/>
      <c r="CE4" s="468" t="s">
        <v>62</v>
      </c>
      <c r="CF4" s="466"/>
      <c r="CG4" s="466"/>
      <c r="CH4" s="466"/>
      <c r="CI4" s="466"/>
      <c r="CJ4" s="466"/>
      <c r="CK4" s="467"/>
      <c r="CL4" s="469" t="s">
        <v>52</v>
      </c>
      <c r="CM4" s="465" t="s">
        <v>61</v>
      </c>
      <c r="CN4" s="466"/>
      <c r="CO4" s="467"/>
      <c r="CP4" s="468" t="s">
        <v>62</v>
      </c>
      <c r="CQ4" s="466"/>
      <c r="CR4" s="466"/>
      <c r="CS4" s="466"/>
      <c r="CT4" s="466"/>
      <c r="CU4" s="466"/>
      <c r="CV4" s="467"/>
      <c r="CW4" s="469" t="s">
        <v>52</v>
      </c>
      <c r="CX4" s="465" t="s">
        <v>61</v>
      </c>
      <c r="CY4" s="466"/>
      <c r="CZ4" s="467"/>
      <c r="DA4" s="468" t="s">
        <v>62</v>
      </c>
      <c r="DB4" s="466"/>
      <c r="DC4" s="466"/>
      <c r="DD4" s="466"/>
      <c r="DE4" s="466"/>
      <c r="DF4" s="466"/>
      <c r="DG4" s="467"/>
      <c r="DH4" s="469" t="s">
        <v>52</v>
      </c>
      <c r="DI4" s="465" t="s">
        <v>61</v>
      </c>
      <c r="DJ4" s="466"/>
      <c r="DK4" s="467"/>
      <c r="DL4" s="468" t="s">
        <v>62</v>
      </c>
      <c r="DM4" s="466"/>
      <c r="DN4" s="466"/>
      <c r="DO4" s="466"/>
      <c r="DP4" s="466"/>
      <c r="DQ4" s="466"/>
      <c r="DR4" s="467"/>
      <c r="DS4" s="469" t="s">
        <v>52</v>
      </c>
      <c r="DT4" s="465" t="s">
        <v>61</v>
      </c>
      <c r="DU4" s="466"/>
      <c r="DV4" s="467"/>
      <c r="DW4" s="468" t="s">
        <v>62</v>
      </c>
      <c r="DX4" s="466"/>
      <c r="DY4" s="466"/>
      <c r="DZ4" s="466"/>
      <c r="EA4" s="466"/>
      <c r="EB4" s="466"/>
      <c r="EC4" s="467"/>
      <c r="ED4" s="469" t="s">
        <v>52</v>
      </c>
      <c r="EE4" s="465" t="s">
        <v>61</v>
      </c>
      <c r="EF4" s="466"/>
      <c r="EG4" s="467"/>
      <c r="EH4" s="468" t="s">
        <v>62</v>
      </c>
      <c r="EI4" s="466"/>
      <c r="EJ4" s="466"/>
      <c r="EK4" s="466"/>
      <c r="EL4" s="466"/>
      <c r="EM4" s="466"/>
      <c r="EN4" s="467"/>
      <c r="EO4" s="469" t="s">
        <v>52</v>
      </c>
      <c r="EP4" s="465" t="s">
        <v>61</v>
      </c>
      <c r="EQ4" s="466"/>
      <c r="ER4" s="467"/>
      <c r="ES4" s="468" t="s">
        <v>62</v>
      </c>
      <c r="ET4" s="466"/>
      <c r="EU4" s="466"/>
      <c r="EV4" s="466"/>
      <c r="EW4" s="466"/>
      <c r="EX4" s="466"/>
      <c r="EY4" s="467"/>
      <c r="EZ4" s="469" t="s">
        <v>52</v>
      </c>
    </row>
    <row r="5" spans="2:156" ht="30" customHeight="1" thickBot="1" x14ac:dyDescent="0.25">
      <c r="B5" s="480"/>
      <c r="C5" s="177" t="s">
        <v>43</v>
      </c>
      <c r="D5" s="178" t="s">
        <v>158</v>
      </c>
      <c r="E5" s="179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177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2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2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1" t="s">
        <v>45</v>
      </c>
      <c r="BE5" s="470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70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70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70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70"/>
      <c r="CX5" s="177" t="s">
        <v>43</v>
      </c>
      <c r="CY5" s="178" t="s">
        <v>44</v>
      </c>
      <c r="CZ5" s="182" t="s">
        <v>45</v>
      </c>
      <c r="DA5" s="180" t="s">
        <v>83</v>
      </c>
      <c r="DB5" s="178" t="s">
        <v>47</v>
      </c>
      <c r="DC5" s="178" t="s">
        <v>48</v>
      </c>
      <c r="DD5" s="178" t="s">
        <v>49</v>
      </c>
      <c r="DE5" s="178" t="s">
        <v>50</v>
      </c>
      <c r="DF5" s="178" t="s">
        <v>51</v>
      </c>
      <c r="DG5" s="182" t="s">
        <v>45</v>
      </c>
      <c r="DH5" s="470"/>
      <c r="DI5" s="177" t="s">
        <v>43</v>
      </c>
      <c r="DJ5" s="178" t="s">
        <v>44</v>
      </c>
      <c r="DK5" s="182" t="s">
        <v>45</v>
      </c>
      <c r="DL5" s="180" t="s">
        <v>83</v>
      </c>
      <c r="DM5" s="178" t="s">
        <v>47</v>
      </c>
      <c r="DN5" s="178" t="s">
        <v>48</v>
      </c>
      <c r="DO5" s="178" t="s">
        <v>49</v>
      </c>
      <c r="DP5" s="178" t="s">
        <v>50</v>
      </c>
      <c r="DQ5" s="178" t="s">
        <v>51</v>
      </c>
      <c r="DR5" s="182" t="s">
        <v>45</v>
      </c>
      <c r="DS5" s="470"/>
      <c r="DT5" s="177" t="s">
        <v>43</v>
      </c>
      <c r="DU5" s="178" t="s">
        <v>44</v>
      </c>
      <c r="DV5" s="182" t="s">
        <v>45</v>
      </c>
      <c r="DW5" s="180" t="s">
        <v>83</v>
      </c>
      <c r="DX5" s="178" t="s">
        <v>47</v>
      </c>
      <c r="DY5" s="178" t="s">
        <v>48</v>
      </c>
      <c r="DZ5" s="178" t="s">
        <v>49</v>
      </c>
      <c r="EA5" s="178" t="s">
        <v>50</v>
      </c>
      <c r="EB5" s="178" t="s">
        <v>51</v>
      </c>
      <c r="EC5" s="182" t="s">
        <v>45</v>
      </c>
      <c r="ED5" s="470"/>
      <c r="EE5" s="177" t="s">
        <v>43</v>
      </c>
      <c r="EF5" s="178" t="s">
        <v>44</v>
      </c>
      <c r="EG5" s="182" t="s">
        <v>45</v>
      </c>
      <c r="EH5" s="180" t="s">
        <v>83</v>
      </c>
      <c r="EI5" s="178" t="s">
        <v>47</v>
      </c>
      <c r="EJ5" s="178" t="s">
        <v>48</v>
      </c>
      <c r="EK5" s="178" t="s">
        <v>49</v>
      </c>
      <c r="EL5" s="178" t="s">
        <v>50</v>
      </c>
      <c r="EM5" s="178" t="s">
        <v>51</v>
      </c>
      <c r="EN5" s="182" t="s">
        <v>45</v>
      </c>
      <c r="EO5" s="470"/>
      <c r="EP5" s="177" t="s">
        <v>43</v>
      </c>
      <c r="EQ5" s="178" t="s">
        <v>44</v>
      </c>
      <c r="ER5" s="182" t="s">
        <v>45</v>
      </c>
      <c r="ES5" s="180" t="s">
        <v>83</v>
      </c>
      <c r="ET5" s="178" t="s">
        <v>47</v>
      </c>
      <c r="EU5" s="178" t="s">
        <v>48</v>
      </c>
      <c r="EV5" s="178" t="s">
        <v>49</v>
      </c>
      <c r="EW5" s="178" t="s">
        <v>50</v>
      </c>
      <c r="EX5" s="178" t="s">
        <v>51</v>
      </c>
      <c r="EY5" s="182" t="s">
        <v>45</v>
      </c>
      <c r="EZ5" s="470"/>
    </row>
    <row r="6" spans="2:156" ht="21" customHeight="1" x14ac:dyDescent="0.2">
      <c r="B6" s="84" t="s">
        <v>4</v>
      </c>
      <c r="C6" s="183">
        <v>0</v>
      </c>
      <c r="D6" s="184">
        <v>0</v>
      </c>
      <c r="E6" s="185">
        <v>0</v>
      </c>
      <c r="F6" s="186">
        <v>0</v>
      </c>
      <c r="G6" s="184">
        <v>1234</v>
      </c>
      <c r="H6" s="184">
        <v>1422</v>
      </c>
      <c r="I6" s="184">
        <v>738</v>
      </c>
      <c r="J6" s="184">
        <v>549</v>
      </c>
      <c r="K6" s="184">
        <v>384</v>
      </c>
      <c r="L6" s="187">
        <v>4327</v>
      </c>
      <c r="M6" s="188">
        <v>4327</v>
      </c>
      <c r="N6" s="183">
        <v>0</v>
      </c>
      <c r="O6" s="184">
        <v>1</v>
      </c>
      <c r="P6" s="189">
        <v>1</v>
      </c>
      <c r="Q6" s="186">
        <v>0</v>
      </c>
      <c r="R6" s="184">
        <v>9</v>
      </c>
      <c r="S6" s="184">
        <v>38</v>
      </c>
      <c r="T6" s="184">
        <v>56</v>
      </c>
      <c r="U6" s="184">
        <v>110</v>
      </c>
      <c r="V6" s="184">
        <v>170</v>
      </c>
      <c r="W6" s="189">
        <v>383</v>
      </c>
      <c r="X6" s="188">
        <v>384</v>
      </c>
      <c r="Y6" s="183">
        <v>220</v>
      </c>
      <c r="Z6" s="184">
        <v>461</v>
      </c>
      <c r="AA6" s="189">
        <v>681</v>
      </c>
      <c r="AB6" s="186">
        <v>0</v>
      </c>
      <c r="AC6" s="184">
        <v>1006</v>
      </c>
      <c r="AD6" s="184">
        <v>1490</v>
      </c>
      <c r="AE6" s="184">
        <v>821</v>
      </c>
      <c r="AF6" s="184">
        <v>586</v>
      </c>
      <c r="AG6" s="184">
        <v>355</v>
      </c>
      <c r="AH6" s="189">
        <v>4258</v>
      </c>
      <c r="AI6" s="188">
        <v>4939</v>
      </c>
      <c r="AJ6" s="183">
        <v>26</v>
      </c>
      <c r="AK6" s="184">
        <v>51</v>
      </c>
      <c r="AL6" s="189">
        <v>77</v>
      </c>
      <c r="AM6" s="186">
        <v>0</v>
      </c>
      <c r="AN6" s="184">
        <v>93</v>
      </c>
      <c r="AO6" s="184">
        <v>131</v>
      </c>
      <c r="AP6" s="184">
        <v>87</v>
      </c>
      <c r="AQ6" s="184">
        <v>41</v>
      </c>
      <c r="AR6" s="184">
        <v>41</v>
      </c>
      <c r="AS6" s="189">
        <v>393</v>
      </c>
      <c r="AT6" s="188">
        <v>470</v>
      </c>
      <c r="AU6" s="183">
        <v>306</v>
      </c>
      <c r="AV6" s="184">
        <v>386</v>
      </c>
      <c r="AW6" s="189">
        <v>692</v>
      </c>
      <c r="AX6" s="186">
        <v>0</v>
      </c>
      <c r="AY6" s="184">
        <v>1552</v>
      </c>
      <c r="AZ6" s="184">
        <v>1891</v>
      </c>
      <c r="BA6" s="184">
        <v>1496</v>
      </c>
      <c r="BB6" s="184">
        <v>1386</v>
      </c>
      <c r="BC6" s="184">
        <v>839</v>
      </c>
      <c r="BD6" s="187">
        <v>7164</v>
      </c>
      <c r="BE6" s="188">
        <v>7856</v>
      </c>
      <c r="BF6" s="183">
        <v>0</v>
      </c>
      <c r="BG6" s="184">
        <v>0</v>
      </c>
      <c r="BH6" s="189">
        <v>0</v>
      </c>
      <c r="BI6" s="186">
        <v>0</v>
      </c>
      <c r="BJ6" s="184">
        <v>1724</v>
      </c>
      <c r="BK6" s="184">
        <v>1566</v>
      </c>
      <c r="BL6" s="184">
        <v>747</v>
      </c>
      <c r="BM6" s="184">
        <v>347</v>
      </c>
      <c r="BN6" s="184">
        <v>155</v>
      </c>
      <c r="BO6" s="189">
        <v>4539</v>
      </c>
      <c r="BP6" s="188">
        <v>4539</v>
      </c>
      <c r="BQ6" s="183">
        <v>147</v>
      </c>
      <c r="BR6" s="184">
        <v>193</v>
      </c>
      <c r="BS6" s="189">
        <v>340</v>
      </c>
      <c r="BT6" s="186">
        <v>0</v>
      </c>
      <c r="BU6" s="184">
        <v>406</v>
      </c>
      <c r="BV6" s="184">
        <v>532</v>
      </c>
      <c r="BW6" s="184">
        <v>304</v>
      </c>
      <c r="BX6" s="184">
        <v>163</v>
      </c>
      <c r="BY6" s="184">
        <v>52</v>
      </c>
      <c r="BZ6" s="189">
        <v>1457</v>
      </c>
      <c r="CA6" s="188">
        <v>1797</v>
      </c>
      <c r="CB6" s="183">
        <v>3</v>
      </c>
      <c r="CC6" s="184">
        <v>20</v>
      </c>
      <c r="CD6" s="189">
        <v>23</v>
      </c>
      <c r="CE6" s="186">
        <v>0</v>
      </c>
      <c r="CF6" s="184">
        <v>175</v>
      </c>
      <c r="CG6" s="184">
        <v>269</v>
      </c>
      <c r="CH6" s="184">
        <v>316</v>
      </c>
      <c r="CI6" s="184">
        <v>194</v>
      </c>
      <c r="CJ6" s="184">
        <v>88</v>
      </c>
      <c r="CK6" s="189">
        <v>1042</v>
      </c>
      <c r="CL6" s="188">
        <v>1065</v>
      </c>
      <c r="CM6" s="183">
        <v>0</v>
      </c>
      <c r="CN6" s="184">
        <v>4</v>
      </c>
      <c r="CO6" s="189">
        <v>4</v>
      </c>
      <c r="CP6" s="186">
        <v>0</v>
      </c>
      <c r="CQ6" s="184">
        <v>21</v>
      </c>
      <c r="CR6" s="184">
        <v>52</v>
      </c>
      <c r="CS6" s="184">
        <v>48</v>
      </c>
      <c r="CT6" s="184">
        <v>44</v>
      </c>
      <c r="CU6" s="184">
        <v>23</v>
      </c>
      <c r="CV6" s="189">
        <v>188</v>
      </c>
      <c r="CW6" s="188">
        <v>192</v>
      </c>
      <c r="CX6" s="183">
        <v>0</v>
      </c>
      <c r="CY6" s="184">
        <v>0</v>
      </c>
      <c r="CZ6" s="189">
        <v>0</v>
      </c>
      <c r="DA6" s="186">
        <v>0</v>
      </c>
      <c r="DB6" s="184">
        <v>0</v>
      </c>
      <c r="DC6" s="184">
        <v>0</v>
      </c>
      <c r="DD6" s="184">
        <v>0</v>
      </c>
      <c r="DE6" s="184">
        <v>0</v>
      </c>
      <c r="DF6" s="184">
        <v>0</v>
      </c>
      <c r="DG6" s="189">
        <v>0</v>
      </c>
      <c r="DH6" s="188">
        <v>0</v>
      </c>
      <c r="DI6" s="183">
        <v>0</v>
      </c>
      <c r="DJ6" s="184">
        <v>0</v>
      </c>
      <c r="DK6" s="189">
        <v>0</v>
      </c>
      <c r="DL6" s="186">
        <v>0</v>
      </c>
      <c r="DM6" s="184">
        <v>0</v>
      </c>
      <c r="DN6" s="184">
        <v>0</v>
      </c>
      <c r="DO6" s="184">
        <v>0</v>
      </c>
      <c r="DP6" s="184">
        <v>0</v>
      </c>
      <c r="DQ6" s="184">
        <v>0</v>
      </c>
      <c r="DR6" s="189">
        <v>0</v>
      </c>
      <c r="DS6" s="188">
        <v>0</v>
      </c>
      <c r="DT6" s="183">
        <v>687</v>
      </c>
      <c r="DU6" s="184">
        <v>1430</v>
      </c>
      <c r="DV6" s="189">
        <v>2117</v>
      </c>
      <c r="DW6" s="186">
        <v>0</v>
      </c>
      <c r="DX6" s="184">
        <v>1936</v>
      </c>
      <c r="DY6" s="184">
        <v>3335</v>
      </c>
      <c r="DZ6" s="184">
        <v>1846</v>
      </c>
      <c r="EA6" s="184">
        <v>1248</v>
      </c>
      <c r="EB6" s="184">
        <v>720</v>
      </c>
      <c r="EC6" s="189">
        <v>9085</v>
      </c>
      <c r="ED6" s="188">
        <v>11202</v>
      </c>
      <c r="EE6" s="183">
        <v>176</v>
      </c>
      <c r="EF6" s="184">
        <v>134</v>
      </c>
      <c r="EG6" s="189">
        <v>310</v>
      </c>
      <c r="EH6" s="186">
        <v>0</v>
      </c>
      <c r="EI6" s="184">
        <v>600</v>
      </c>
      <c r="EJ6" s="184">
        <v>596</v>
      </c>
      <c r="EK6" s="184">
        <v>448</v>
      </c>
      <c r="EL6" s="184">
        <v>512</v>
      </c>
      <c r="EM6" s="184">
        <v>231</v>
      </c>
      <c r="EN6" s="189">
        <v>2387</v>
      </c>
      <c r="EO6" s="188">
        <v>2697</v>
      </c>
      <c r="EP6" s="183">
        <v>998</v>
      </c>
      <c r="EQ6" s="184">
        <v>1811</v>
      </c>
      <c r="ER6" s="189">
        <v>2809</v>
      </c>
      <c r="ES6" s="186">
        <v>0</v>
      </c>
      <c r="ET6" s="184">
        <v>4447</v>
      </c>
      <c r="EU6" s="184">
        <v>4591</v>
      </c>
      <c r="EV6" s="184">
        <v>2229</v>
      </c>
      <c r="EW6" s="184">
        <v>1331</v>
      </c>
      <c r="EX6" s="184">
        <v>725</v>
      </c>
      <c r="EY6" s="189">
        <v>13323</v>
      </c>
      <c r="EZ6" s="188">
        <v>16132</v>
      </c>
    </row>
    <row r="7" spans="2:156" ht="21" customHeight="1" x14ac:dyDescent="0.2">
      <c r="B7" s="95" t="s">
        <v>5</v>
      </c>
      <c r="C7" s="190">
        <v>0</v>
      </c>
      <c r="D7" s="191">
        <v>0</v>
      </c>
      <c r="E7" s="192">
        <v>0</v>
      </c>
      <c r="F7" s="193">
        <v>0</v>
      </c>
      <c r="G7" s="191">
        <v>505</v>
      </c>
      <c r="H7" s="191">
        <v>711</v>
      </c>
      <c r="I7" s="191">
        <v>361</v>
      </c>
      <c r="J7" s="191">
        <v>243</v>
      </c>
      <c r="K7" s="191">
        <v>161</v>
      </c>
      <c r="L7" s="194">
        <v>1981</v>
      </c>
      <c r="M7" s="195">
        <v>1981</v>
      </c>
      <c r="N7" s="190">
        <v>0</v>
      </c>
      <c r="O7" s="191">
        <v>1</v>
      </c>
      <c r="P7" s="196">
        <v>1</v>
      </c>
      <c r="Q7" s="193">
        <v>0</v>
      </c>
      <c r="R7" s="191">
        <v>2</v>
      </c>
      <c r="S7" s="191">
        <v>20</v>
      </c>
      <c r="T7" s="191">
        <v>26</v>
      </c>
      <c r="U7" s="191">
        <v>52</v>
      </c>
      <c r="V7" s="191">
        <v>79</v>
      </c>
      <c r="W7" s="196">
        <v>179</v>
      </c>
      <c r="X7" s="195">
        <v>180</v>
      </c>
      <c r="Y7" s="190">
        <v>91</v>
      </c>
      <c r="Z7" s="191">
        <v>255</v>
      </c>
      <c r="AA7" s="196">
        <v>346</v>
      </c>
      <c r="AB7" s="193">
        <v>0</v>
      </c>
      <c r="AC7" s="191">
        <v>386</v>
      </c>
      <c r="AD7" s="191">
        <v>772</v>
      </c>
      <c r="AE7" s="191">
        <v>409</v>
      </c>
      <c r="AF7" s="191">
        <v>295</v>
      </c>
      <c r="AG7" s="191">
        <v>155</v>
      </c>
      <c r="AH7" s="196">
        <v>2017</v>
      </c>
      <c r="AI7" s="195">
        <v>2363</v>
      </c>
      <c r="AJ7" s="190">
        <v>10</v>
      </c>
      <c r="AK7" s="191">
        <v>26</v>
      </c>
      <c r="AL7" s="196">
        <v>36</v>
      </c>
      <c r="AM7" s="193">
        <v>0</v>
      </c>
      <c r="AN7" s="191">
        <v>28</v>
      </c>
      <c r="AO7" s="191">
        <v>49</v>
      </c>
      <c r="AP7" s="191">
        <v>42</v>
      </c>
      <c r="AQ7" s="191">
        <v>22</v>
      </c>
      <c r="AR7" s="191">
        <v>17</v>
      </c>
      <c r="AS7" s="196">
        <v>158</v>
      </c>
      <c r="AT7" s="195">
        <v>194</v>
      </c>
      <c r="AU7" s="190">
        <v>119</v>
      </c>
      <c r="AV7" s="191">
        <v>209</v>
      </c>
      <c r="AW7" s="196">
        <v>328</v>
      </c>
      <c r="AX7" s="193">
        <v>0</v>
      </c>
      <c r="AY7" s="191">
        <v>579</v>
      </c>
      <c r="AZ7" s="191">
        <v>874</v>
      </c>
      <c r="BA7" s="191">
        <v>671</v>
      </c>
      <c r="BB7" s="191">
        <v>623</v>
      </c>
      <c r="BC7" s="191">
        <v>365</v>
      </c>
      <c r="BD7" s="194">
        <v>3112</v>
      </c>
      <c r="BE7" s="195">
        <v>3440</v>
      </c>
      <c r="BF7" s="190">
        <v>0</v>
      </c>
      <c r="BG7" s="191">
        <v>0</v>
      </c>
      <c r="BH7" s="196">
        <v>0</v>
      </c>
      <c r="BI7" s="193">
        <v>0</v>
      </c>
      <c r="BJ7" s="191">
        <v>598</v>
      </c>
      <c r="BK7" s="191">
        <v>643</v>
      </c>
      <c r="BL7" s="191">
        <v>316</v>
      </c>
      <c r="BM7" s="191">
        <v>137</v>
      </c>
      <c r="BN7" s="191">
        <v>79</v>
      </c>
      <c r="BO7" s="196">
        <v>1773</v>
      </c>
      <c r="BP7" s="195">
        <v>1773</v>
      </c>
      <c r="BQ7" s="190">
        <v>69</v>
      </c>
      <c r="BR7" s="191">
        <v>94</v>
      </c>
      <c r="BS7" s="196">
        <v>163</v>
      </c>
      <c r="BT7" s="193">
        <v>0</v>
      </c>
      <c r="BU7" s="191">
        <v>144</v>
      </c>
      <c r="BV7" s="191">
        <v>245</v>
      </c>
      <c r="BW7" s="191">
        <v>159</v>
      </c>
      <c r="BX7" s="191">
        <v>80</v>
      </c>
      <c r="BY7" s="191">
        <v>21</v>
      </c>
      <c r="BZ7" s="196">
        <v>649</v>
      </c>
      <c r="CA7" s="195">
        <v>812</v>
      </c>
      <c r="CB7" s="190">
        <v>2</v>
      </c>
      <c r="CC7" s="191">
        <v>8</v>
      </c>
      <c r="CD7" s="196">
        <v>10</v>
      </c>
      <c r="CE7" s="193">
        <v>0</v>
      </c>
      <c r="CF7" s="191">
        <v>57</v>
      </c>
      <c r="CG7" s="191">
        <v>95</v>
      </c>
      <c r="CH7" s="191">
        <v>142</v>
      </c>
      <c r="CI7" s="191">
        <v>82</v>
      </c>
      <c r="CJ7" s="191">
        <v>36</v>
      </c>
      <c r="CK7" s="196">
        <v>412</v>
      </c>
      <c r="CL7" s="195">
        <v>422</v>
      </c>
      <c r="CM7" s="190">
        <v>0</v>
      </c>
      <c r="CN7" s="191">
        <v>3</v>
      </c>
      <c r="CO7" s="196">
        <v>3</v>
      </c>
      <c r="CP7" s="193">
        <v>0</v>
      </c>
      <c r="CQ7" s="191">
        <v>11</v>
      </c>
      <c r="CR7" s="191">
        <v>26</v>
      </c>
      <c r="CS7" s="191">
        <v>27</v>
      </c>
      <c r="CT7" s="191">
        <v>25</v>
      </c>
      <c r="CU7" s="191">
        <v>12</v>
      </c>
      <c r="CV7" s="196">
        <v>101</v>
      </c>
      <c r="CW7" s="195">
        <v>104</v>
      </c>
      <c r="CX7" s="190">
        <v>0</v>
      </c>
      <c r="CY7" s="191">
        <v>0</v>
      </c>
      <c r="CZ7" s="196">
        <v>0</v>
      </c>
      <c r="DA7" s="193">
        <v>0</v>
      </c>
      <c r="DB7" s="191">
        <v>0</v>
      </c>
      <c r="DC7" s="191">
        <v>0</v>
      </c>
      <c r="DD7" s="191">
        <v>0</v>
      </c>
      <c r="DE7" s="191">
        <v>0</v>
      </c>
      <c r="DF7" s="191">
        <v>0</v>
      </c>
      <c r="DG7" s="196">
        <v>0</v>
      </c>
      <c r="DH7" s="195">
        <v>0</v>
      </c>
      <c r="DI7" s="190">
        <v>0</v>
      </c>
      <c r="DJ7" s="191">
        <v>0</v>
      </c>
      <c r="DK7" s="196">
        <v>0</v>
      </c>
      <c r="DL7" s="193">
        <v>0</v>
      </c>
      <c r="DM7" s="191">
        <v>0</v>
      </c>
      <c r="DN7" s="191">
        <v>0</v>
      </c>
      <c r="DO7" s="191">
        <v>0</v>
      </c>
      <c r="DP7" s="191">
        <v>0</v>
      </c>
      <c r="DQ7" s="191">
        <v>0</v>
      </c>
      <c r="DR7" s="196">
        <v>0</v>
      </c>
      <c r="DS7" s="195">
        <v>0</v>
      </c>
      <c r="DT7" s="190">
        <v>222</v>
      </c>
      <c r="DU7" s="191">
        <v>680</v>
      </c>
      <c r="DV7" s="196">
        <v>902</v>
      </c>
      <c r="DW7" s="193">
        <v>0</v>
      </c>
      <c r="DX7" s="191">
        <v>608</v>
      </c>
      <c r="DY7" s="191">
        <v>1539</v>
      </c>
      <c r="DZ7" s="191">
        <v>851</v>
      </c>
      <c r="EA7" s="191">
        <v>563</v>
      </c>
      <c r="EB7" s="191">
        <v>305</v>
      </c>
      <c r="EC7" s="196">
        <v>3866</v>
      </c>
      <c r="ED7" s="195">
        <v>4768</v>
      </c>
      <c r="EE7" s="190">
        <v>67</v>
      </c>
      <c r="EF7" s="191">
        <v>69</v>
      </c>
      <c r="EG7" s="196">
        <v>136</v>
      </c>
      <c r="EH7" s="193">
        <v>0</v>
      </c>
      <c r="EI7" s="191">
        <v>221</v>
      </c>
      <c r="EJ7" s="191">
        <v>283</v>
      </c>
      <c r="EK7" s="191">
        <v>211</v>
      </c>
      <c r="EL7" s="191">
        <v>230</v>
      </c>
      <c r="EM7" s="191">
        <v>104</v>
      </c>
      <c r="EN7" s="196">
        <v>1049</v>
      </c>
      <c r="EO7" s="195">
        <v>1185</v>
      </c>
      <c r="EP7" s="190">
        <v>369</v>
      </c>
      <c r="EQ7" s="191">
        <v>880</v>
      </c>
      <c r="ER7" s="196">
        <v>1249</v>
      </c>
      <c r="ES7" s="193">
        <v>0</v>
      </c>
      <c r="ET7" s="191">
        <v>1588</v>
      </c>
      <c r="EU7" s="191">
        <v>2134</v>
      </c>
      <c r="EV7" s="191">
        <v>1059</v>
      </c>
      <c r="EW7" s="191">
        <v>608</v>
      </c>
      <c r="EX7" s="191">
        <v>315</v>
      </c>
      <c r="EY7" s="196">
        <v>5704</v>
      </c>
      <c r="EZ7" s="195">
        <v>6953</v>
      </c>
    </row>
    <row r="8" spans="2:156" ht="21" customHeight="1" x14ac:dyDescent="0.2">
      <c r="B8" s="106" t="s">
        <v>6</v>
      </c>
      <c r="C8" s="190">
        <v>0</v>
      </c>
      <c r="D8" s="191">
        <v>0</v>
      </c>
      <c r="E8" s="192">
        <v>0</v>
      </c>
      <c r="F8" s="193">
        <v>0</v>
      </c>
      <c r="G8" s="191">
        <v>161</v>
      </c>
      <c r="H8" s="191">
        <v>165</v>
      </c>
      <c r="I8" s="191">
        <v>78</v>
      </c>
      <c r="J8" s="191">
        <v>77</v>
      </c>
      <c r="K8" s="191">
        <v>42</v>
      </c>
      <c r="L8" s="194">
        <v>523</v>
      </c>
      <c r="M8" s="195">
        <v>523</v>
      </c>
      <c r="N8" s="190">
        <v>0</v>
      </c>
      <c r="O8" s="191">
        <v>0</v>
      </c>
      <c r="P8" s="196">
        <v>0</v>
      </c>
      <c r="Q8" s="193">
        <v>0</v>
      </c>
      <c r="R8" s="191">
        <v>1</v>
      </c>
      <c r="S8" s="191">
        <v>2</v>
      </c>
      <c r="T8" s="191">
        <v>3</v>
      </c>
      <c r="U8" s="191">
        <v>9</v>
      </c>
      <c r="V8" s="191">
        <v>20</v>
      </c>
      <c r="W8" s="196">
        <v>35</v>
      </c>
      <c r="X8" s="195">
        <v>35</v>
      </c>
      <c r="Y8" s="190">
        <v>31</v>
      </c>
      <c r="Z8" s="191">
        <v>53</v>
      </c>
      <c r="AA8" s="196">
        <v>84</v>
      </c>
      <c r="AB8" s="193">
        <v>0</v>
      </c>
      <c r="AC8" s="191">
        <v>157</v>
      </c>
      <c r="AD8" s="191">
        <v>172</v>
      </c>
      <c r="AE8" s="191">
        <v>92</v>
      </c>
      <c r="AF8" s="191">
        <v>71</v>
      </c>
      <c r="AG8" s="191">
        <v>42</v>
      </c>
      <c r="AH8" s="196">
        <v>534</v>
      </c>
      <c r="AI8" s="195">
        <v>618</v>
      </c>
      <c r="AJ8" s="190">
        <v>5</v>
      </c>
      <c r="AK8" s="191">
        <v>1</v>
      </c>
      <c r="AL8" s="196">
        <v>6</v>
      </c>
      <c r="AM8" s="193">
        <v>0</v>
      </c>
      <c r="AN8" s="191">
        <v>8</v>
      </c>
      <c r="AO8" s="191">
        <v>16</v>
      </c>
      <c r="AP8" s="191">
        <v>7</v>
      </c>
      <c r="AQ8" s="191">
        <v>1</v>
      </c>
      <c r="AR8" s="191">
        <v>6</v>
      </c>
      <c r="AS8" s="196">
        <v>38</v>
      </c>
      <c r="AT8" s="195">
        <v>44</v>
      </c>
      <c r="AU8" s="190">
        <v>50</v>
      </c>
      <c r="AV8" s="191">
        <v>48</v>
      </c>
      <c r="AW8" s="196">
        <v>98</v>
      </c>
      <c r="AX8" s="193">
        <v>0</v>
      </c>
      <c r="AY8" s="191">
        <v>256</v>
      </c>
      <c r="AZ8" s="191">
        <v>246</v>
      </c>
      <c r="BA8" s="191">
        <v>200</v>
      </c>
      <c r="BB8" s="191">
        <v>181</v>
      </c>
      <c r="BC8" s="191">
        <v>121</v>
      </c>
      <c r="BD8" s="194">
        <v>1004</v>
      </c>
      <c r="BE8" s="195">
        <v>1102</v>
      </c>
      <c r="BF8" s="190">
        <v>0</v>
      </c>
      <c r="BG8" s="191">
        <v>0</v>
      </c>
      <c r="BH8" s="196">
        <v>0</v>
      </c>
      <c r="BI8" s="193">
        <v>0</v>
      </c>
      <c r="BJ8" s="191">
        <v>246</v>
      </c>
      <c r="BK8" s="191">
        <v>223</v>
      </c>
      <c r="BL8" s="191">
        <v>78</v>
      </c>
      <c r="BM8" s="191">
        <v>51</v>
      </c>
      <c r="BN8" s="191">
        <v>12</v>
      </c>
      <c r="BO8" s="196">
        <v>610</v>
      </c>
      <c r="BP8" s="195">
        <v>610</v>
      </c>
      <c r="BQ8" s="190">
        <v>14</v>
      </c>
      <c r="BR8" s="191">
        <v>12</v>
      </c>
      <c r="BS8" s="196">
        <v>26</v>
      </c>
      <c r="BT8" s="193">
        <v>0</v>
      </c>
      <c r="BU8" s="191">
        <v>47</v>
      </c>
      <c r="BV8" s="191">
        <v>63</v>
      </c>
      <c r="BW8" s="191">
        <v>36</v>
      </c>
      <c r="BX8" s="191">
        <v>19</v>
      </c>
      <c r="BY8" s="191">
        <v>12</v>
      </c>
      <c r="BZ8" s="196">
        <v>177</v>
      </c>
      <c r="CA8" s="195">
        <v>203</v>
      </c>
      <c r="CB8" s="190">
        <v>0</v>
      </c>
      <c r="CC8" s="191">
        <v>1</v>
      </c>
      <c r="CD8" s="196">
        <v>1</v>
      </c>
      <c r="CE8" s="193">
        <v>0</v>
      </c>
      <c r="CF8" s="191">
        <v>13</v>
      </c>
      <c r="CG8" s="191">
        <v>30</v>
      </c>
      <c r="CH8" s="191">
        <v>30</v>
      </c>
      <c r="CI8" s="191">
        <v>16</v>
      </c>
      <c r="CJ8" s="191">
        <v>8</v>
      </c>
      <c r="CK8" s="196">
        <v>97</v>
      </c>
      <c r="CL8" s="195">
        <v>98</v>
      </c>
      <c r="CM8" s="190">
        <v>0</v>
      </c>
      <c r="CN8" s="191">
        <v>0</v>
      </c>
      <c r="CO8" s="196">
        <v>0</v>
      </c>
      <c r="CP8" s="193">
        <v>0</v>
      </c>
      <c r="CQ8" s="191">
        <v>1</v>
      </c>
      <c r="CR8" s="191">
        <v>9</v>
      </c>
      <c r="CS8" s="191">
        <v>3</v>
      </c>
      <c r="CT8" s="191">
        <v>7</v>
      </c>
      <c r="CU8" s="191">
        <v>5</v>
      </c>
      <c r="CV8" s="196">
        <v>25</v>
      </c>
      <c r="CW8" s="195">
        <v>25</v>
      </c>
      <c r="CX8" s="190">
        <v>0</v>
      </c>
      <c r="CY8" s="191">
        <v>0</v>
      </c>
      <c r="CZ8" s="196">
        <v>0</v>
      </c>
      <c r="DA8" s="193">
        <v>0</v>
      </c>
      <c r="DB8" s="191">
        <v>0</v>
      </c>
      <c r="DC8" s="191">
        <v>0</v>
      </c>
      <c r="DD8" s="191">
        <v>0</v>
      </c>
      <c r="DE8" s="191">
        <v>0</v>
      </c>
      <c r="DF8" s="191">
        <v>0</v>
      </c>
      <c r="DG8" s="196">
        <v>0</v>
      </c>
      <c r="DH8" s="195">
        <v>0</v>
      </c>
      <c r="DI8" s="190">
        <v>0</v>
      </c>
      <c r="DJ8" s="191">
        <v>0</v>
      </c>
      <c r="DK8" s="196">
        <v>0</v>
      </c>
      <c r="DL8" s="193">
        <v>0</v>
      </c>
      <c r="DM8" s="191">
        <v>0</v>
      </c>
      <c r="DN8" s="191">
        <v>0</v>
      </c>
      <c r="DO8" s="191">
        <v>0</v>
      </c>
      <c r="DP8" s="191">
        <v>0</v>
      </c>
      <c r="DQ8" s="191">
        <v>0</v>
      </c>
      <c r="DR8" s="196">
        <v>0</v>
      </c>
      <c r="DS8" s="195">
        <v>0</v>
      </c>
      <c r="DT8" s="190">
        <v>87</v>
      </c>
      <c r="DU8" s="191">
        <v>157</v>
      </c>
      <c r="DV8" s="196">
        <v>244</v>
      </c>
      <c r="DW8" s="193">
        <v>0</v>
      </c>
      <c r="DX8" s="191">
        <v>282</v>
      </c>
      <c r="DY8" s="191">
        <v>381</v>
      </c>
      <c r="DZ8" s="191">
        <v>215</v>
      </c>
      <c r="EA8" s="191">
        <v>164</v>
      </c>
      <c r="EB8" s="191">
        <v>94</v>
      </c>
      <c r="EC8" s="196">
        <v>1136</v>
      </c>
      <c r="ED8" s="195">
        <v>1380</v>
      </c>
      <c r="EE8" s="190">
        <v>32</v>
      </c>
      <c r="EF8" s="191">
        <v>13</v>
      </c>
      <c r="EG8" s="196">
        <v>45</v>
      </c>
      <c r="EH8" s="193">
        <v>0</v>
      </c>
      <c r="EI8" s="191">
        <v>93</v>
      </c>
      <c r="EJ8" s="191">
        <v>74</v>
      </c>
      <c r="EK8" s="191">
        <v>55</v>
      </c>
      <c r="EL8" s="191">
        <v>66</v>
      </c>
      <c r="EM8" s="191">
        <v>35</v>
      </c>
      <c r="EN8" s="196">
        <v>323</v>
      </c>
      <c r="EO8" s="195">
        <v>368</v>
      </c>
      <c r="EP8" s="190">
        <v>123</v>
      </c>
      <c r="EQ8" s="191">
        <v>187</v>
      </c>
      <c r="ER8" s="196">
        <v>310</v>
      </c>
      <c r="ES8" s="193">
        <v>0</v>
      </c>
      <c r="ET8" s="191">
        <v>600</v>
      </c>
      <c r="EU8" s="191">
        <v>536</v>
      </c>
      <c r="EV8" s="191">
        <v>241</v>
      </c>
      <c r="EW8" s="191">
        <v>164</v>
      </c>
      <c r="EX8" s="191">
        <v>96</v>
      </c>
      <c r="EY8" s="196">
        <v>1637</v>
      </c>
      <c r="EZ8" s="195">
        <v>1947</v>
      </c>
    </row>
    <row r="9" spans="2:156" ht="21" customHeight="1" x14ac:dyDescent="0.2">
      <c r="B9" s="106" t="s">
        <v>14</v>
      </c>
      <c r="C9" s="190">
        <v>0</v>
      </c>
      <c r="D9" s="191">
        <v>0</v>
      </c>
      <c r="E9" s="192">
        <v>0</v>
      </c>
      <c r="F9" s="193">
        <v>0</v>
      </c>
      <c r="G9" s="191">
        <v>55</v>
      </c>
      <c r="H9" s="191">
        <v>113</v>
      </c>
      <c r="I9" s="191">
        <v>54</v>
      </c>
      <c r="J9" s="191">
        <v>29</v>
      </c>
      <c r="K9" s="191">
        <v>36</v>
      </c>
      <c r="L9" s="194">
        <v>287</v>
      </c>
      <c r="M9" s="195">
        <v>287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2</v>
      </c>
      <c r="T9" s="191">
        <v>2</v>
      </c>
      <c r="U9" s="191">
        <v>7</v>
      </c>
      <c r="V9" s="191">
        <v>7</v>
      </c>
      <c r="W9" s="196">
        <v>18</v>
      </c>
      <c r="X9" s="195">
        <v>18</v>
      </c>
      <c r="Y9" s="190">
        <v>13</v>
      </c>
      <c r="Z9" s="191">
        <v>33</v>
      </c>
      <c r="AA9" s="196">
        <v>46</v>
      </c>
      <c r="AB9" s="193">
        <v>0</v>
      </c>
      <c r="AC9" s="191">
        <v>55</v>
      </c>
      <c r="AD9" s="191">
        <v>117</v>
      </c>
      <c r="AE9" s="191">
        <v>61</v>
      </c>
      <c r="AF9" s="191">
        <v>38</v>
      </c>
      <c r="AG9" s="191">
        <v>29</v>
      </c>
      <c r="AH9" s="196">
        <v>300</v>
      </c>
      <c r="AI9" s="195">
        <v>346</v>
      </c>
      <c r="AJ9" s="190">
        <v>2</v>
      </c>
      <c r="AK9" s="191">
        <v>2</v>
      </c>
      <c r="AL9" s="196">
        <v>4</v>
      </c>
      <c r="AM9" s="193">
        <v>0</v>
      </c>
      <c r="AN9" s="191">
        <v>2</v>
      </c>
      <c r="AO9" s="191">
        <v>4</v>
      </c>
      <c r="AP9" s="191">
        <v>2</v>
      </c>
      <c r="AQ9" s="191">
        <v>3</v>
      </c>
      <c r="AR9" s="191">
        <v>0</v>
      </c>
      <c r="AS9" s="196">
        <v>11</v>
      </c>
      <c r="AT9" s="195">
        <v>15</v>
      </c>
      <c r="AU9" s="190">
        <v>25</v>
      </c>
      <c r="AV9" s="191">
        <v>23</v>
      </c>
      <c r="AW9" s="196">
        <v>48</v>
      </c>
      <c r="AX9" s="193">
        <v>0</v>
      </c>
      <c r="AY9" s="191">
        <v>91</v>
      </c>
      <c r="AZ9" s="191">
        <v>141</v>
      </c>
      <c r="BA9" s="191">
        <v>106</v>
      </c>
      <c r="BB9" s="191">
        <v>90</v>
      </c>
      <c r="BC9" s="191">
        <v>67</v>
      </c>
      <c r="BD9" s="194">
        <v>495</v>
      </c>
      <c r="BE9" s="195">
        <v>543</v>
      </c>
      <c r="BF9" s="190">
        <v>0</v>
      </c>
      <c r="BG9" s="191">
        <v>0</v>
      </c>
      <c r="BH9" s="196">
        <v>0</v>
      </c>
      <c r="BI9" s="193">
        <v>0</v>
      </c>
      <c r="BJ9" s="191">
        <v>111</v>
      </c>
      <c r="BK9" s="191">
        <v>140</v>
      </c>
      <c r="BL9" s="191">
        <v>82</v>
      </c>
      <c r="BM9" s="191">
        <v>35</v>
      </c>
      <c r="BN9" s="191">
        <v>15</v>
      </c>
      <c r="BO9" s="196">
        <v>383</v>
      </c>
      <c r="BP9" s="195">
        <v>383</v>
      </c>
      <c r="BQ9" s="190">
        <v>6</v>
      </c>
      <c r="BR9" s="191">
        <v>11</v>
      </c>
      <c r="BS9" s="196">
        <v>17</v>
      </c>
      <c r="BT9" s="193">
        <v>0</v>
      </c>
      <c r="BU9" s="191">
        <v>8</v>
      </c>
      <c r="BV9" s="191">
        <v>28</v>
      </c>
      <c r="BW9" s="191">
        <v>15</v>
      </c>
      <c r="BX9" s="191">
        <v>11</v>
      </c>
      <c r="BY9" s="191">
        <v>2</v>
      </c>
      <c r="BZ9" s="196">
        <v>64</v>
      </c>
      <c r="CA9" s="195">
        <v>81</v>
      </c>
      <c r="CB9" s="190">
        <v>0</v>
      </c>
      <c r="CC9" s="191">
        <v>1</v>
      </c>
      <c r="CD9" s="196">
        <v>1</v>
      </c>
      <c r="CE9" s="193">
        <v>0</v>
      </c>
      <c r="CF9" s="191">
        <v>5</v>
      </c>
      <c r="CG9" s="191">
        <v>22</v>
      </c>
      <c r="CH9" s="191">
        <v>25</v>
      </c>
      <c r="CI9" s="191">
        <v>16</v>
      </c>
      <c r="CJ9" s="191">
        <v>9</v>
      </c>
      <c r="CK9" s="196">
        <v>77</v>
      </c>
      <c r="CL9" s="195">
        <v>78</v>
      </c>
      <c r="CM9" s="190">
        <v>0</v>
      </c>
      <c r="CN9" s="191">
        <v>0</v>
      </c>
      <c r="CO9" s="196">
        <v>0</v>
      </c>
      <c r="CP9" s="193">
        <v>0</v>
      </c>
      <c r="CQ9" s="191">
        <v>0</v>
      </c>
      <c r="CR9" s="191">
        <v>1</v>
      </c>
      <c r="CS9" s="191">
        <v>0</v>
      </c>
      <c r="CT9" s="191">
        <v>3</v>
      </c>
      <c r="CU9" s="191">
        <v>1</v>
      </c>
      <c r="CV9" s="196">
        <v>5</v>
      </c>
      <c r="CW9" s="195">
        <v>5</v>
      </c>
      <c r="CX9" s="190">
        <v>0</v>
      </c>
      <c r="CY9" s="191">
        <v>0</v>
      </c>
      <c r="CZ9" s="196">
        <v>0</v>
      </c>
      <c r="DA9" s="193">
        <v>0</v>
      </c>
      <c r="DB9" s="191">
        <v>0</v>
      </c>
      <c r="DC9" s="191">
        <v>0</v>
      </c>
      <c r="DD9" s="191">
        <v>0</v>
      </c>
      <c r="DE9" s="191">
        <v>0</v>
      </c>
      <c r="DF9" s="191">
        <v>0</v>
      </c>
      <c r="DG9" s="196">
        <v>0</v>
      </c>
      <c r="DH9" s="195">
        <v>0</v>
      </c>
      <c r="DI9" s="190">
        <v>0</v>
      </c>
      <c r="DJ9" s="191">
        <v>0</v>
      </c>
      <c r="DK9" s="196">
        <v>0</v>
      </c>
      <c r="DL9" s="193">
        <v>0</v>
      </c>
      <c r="DM9" s="191">
        <v>0</v>
      </c>
      <c r="DN9" s="191">
        <v>0</v>
      </c>
      <c r="DO9" s="191">
        <v>0</v>
      </c>
      <c r="DP9" s="191">
        <v>0</v>
      </c>
      <c r="DQ9" s="191">
        <v>0</v>
      </c>
      <c r="DR9" s="196">
        <v>0</v>
      </c>
      <c r="DS9" s="195">
        <v>0</v>
      </c>
      <c r="DT9" s="190">
        <v>37</v>
      </c>
      <c r="DU9" s="191">
        <v>113</v>
      </c>
      <c r="DV9" s="196">
        <v>150</v>
      </c>
      <c r="DW9" s="193">
        <v>0</v>
      </c>
      <c r="DX9" s="191">
        <v>114</v>
      </c>
      <c r="DY9" s="191">
        <v>275</v>
      </c>
      <c r="DZ9" s="191">
        <v>153</v>
      </c>
      <c r="EA9" s="191">
        <v>97</v>
      </c>
      <c r="EB9" s="191">
        <v>58</v>
      </c>
      <c r="EC9" s="196">
        <v>697</v>
      </c>
      <c r="ED9" s="195">
        <v>847</v>
      </c>
      <c r="EE9" s="190">
        <v>11</v>
      </c>
      <c r="EF9" s="191">
        <v>5</v>
      </c>
      <c r="EG9" s="196">
        <v>16</v>
      </c>
      <c r="EH9" s="193">
        <v>0</v>
      </c>
      <c r="EI9" s="191">
        <v>28</v>
      </c>
      <c r="EJ9" s="191">
        <v>35</v>
      </c>
      <c r="EK9" s="191">
        <v>28</v>
      </c>
      <c r="EL9" s="191">
        <v>19</v>
      </c>
      <c r="EM9" s="191">
        <v>13</v>
      </c>
      <c r="EN9" s="196">
        <v>123</v>
      </c>
      <c r="EO9" s="195">
        <v>139</v>
      </c>
      <c r="EP9" s="190">
        <v>55</v>
      </c>
      <c r="EQ9" s="191">
        <v>138</v>
      </c>
      <c r="ER9" s="196">
        <v>193</v>
      </c>
      <c r="ES9" s="193">
        <v>0</v>
      </c>
      <c r="ET9" s="191">
        <v>271</v>
      </c>
      <c r="EU9" s="191">
        <v>368</v>
      </c>
      <c r="EV9" s="191">
        <v>187</v>
      </c>
      <c r="EW9" s="191">
        <v>101</v>
      </c>
      <c r="EX9" s="191">
        <v>55</v>
      </c>
      <c r="EY9" s="196">
        <v>982</v>
      </c>
      <c r="EZ9" s="195">
        <v>1175</v>
      </c>
    </row>
    <row r="10" spans="2:156" ht="21" customHeight="1" x14ac:dyDescent="0.2">
      <c r="B10" s="106" t="s">
        <v>7</v>
      </c>
      <c r="C10" s="190">
        <v>0</v>
      </c>
      <c r="D10" s="191">
        <v>0</v>
      </c>
      <c r="E10" s="192">
        <v>0</v>
      </c>
      <c r="F10" s="193">
        <v>0</v>
      </c>
      <c r="G10" s="191">
        <v>112</v>
      </c>
      <c r="H10" s="191">
        <v>86</v>
      </c>
      <c r="I10" s="191">
        <v>37</v>
      </c>
      <c r="J10" s="191">
        <v>28</v>
      </c>
      <c r="K10" s="191">
        <v>24</v>
      </c>
      <c r="L10" s="194">
        <v>287</v>
      </c>
      <c r="M10" s="195">
        <v>287</v>
      </c>
      <c r="N10" s="190">
        <v>0</v>
      </c>
      <c r="O10" s="191">
        <v>0</v>
      </c>
      <c r="P10" s="196">
        <v>0</v>
      </c>
      <c r="Q10" s="193">
        <v>0</v>
      </c>
      <c r="R10" s="191">
        <v>2</v>
      </c>
      <c r="S10" s="191">
        <v>6</v>
      </c>
      <c r="T10" s="191">
        <v>4</v>
      </c>
      <c r="U10" s="191">
        <v>10</v>
      </c>
      <c r="V10" s="191">
        <v>13</v>
      </c>
      <c r="W10" s="196">
        <v>35</v>
      </c>
      <c r="X10" s="195">
        <v>35</v>
      </c>
      <c r="Y10" s="190">
        <v>0</v>
      </c>
      <c r="Z10" s="191">
        <v>1</v>
      </c>
      <c r="AA10" s="196">
        <v>1</v>
      </c>
      <c r="AB10" s="193">
        <v>0</v>
      </c>
      <c r="AC10" s="191">
        <v>51</v>
      </c>
      <c r="AD10" s="191">
        <v>56</v>
      </c>
      <c r="AE10" s="191">
        <v>23</v>
      </c>
      <c r="AF10" s="191">
        <v>18</v>
      </c>
      <c r="AG10" s="191">
        <v>20</v>
      </c>
      <c r="AH10" s="196">
        <v>168</v>
      </c>
      <c r="AI10" s="195">
        <v>169</v>
      </c>
      <c r="AJ10" s="190">
        <v>0</v>
      </c>
      <c r="AK10" s="191">
        <v>1</v>
      </c>
      <c r="AL10" s="196">
        <v>1</v>
      </c>
      <c r="AM10" s="193">
        <v>0</v>
      </c>
      <c r="AN10" s="191">
        <v>13</v>
      </c>
      <c r="AO10" s="191">
        <v>9</v>
      </c>
      <c r="AP10" s="191">
        <v>5</v>
      </c>
      <c r="AQ10" s="191">
        <v>3</v>
      </c>
      <c r="AR10" s="191">
        <v>1</v>
      </c>
      <c r="AS10" s="196">
        <v>31</v>
      </c>
      <c r="AT10" s="195">
        <v>32</v>
      </c>
      <c r="AU10" s="190">
        <v>27</v>
      </c>
      <c r="AV10" s="191">
        <v>17</v>
      </c>
      <c r="AW10" s="196">
        <v>44</v>
      </c>
      <c r="AX10" s="193">
        <v>0</v>
      </c>
      <c r="AY10" s="191">
        <v>141</v>
      </c>
      <c r="AZ10" s="191">
        <v>127</v>
      </c>
      <c r="BA10" s="191">
        <v>84</v>
      </c>
      <c r="BB10" s="191">
        <v>73</v>
      </c>
      <c r="BC10" s="191">
        <v>52</v>
      </c>
      <c r="BD10" s="194">
        <v>477</v>
      </c>
      <c r="BE10" s="195">
        <v>521</v>
      </c>
      <c r="BF10" s="190">
        <v>0</v>
      </c>
      <c r="BG10" s="191">
        <v>0</v>
      </c>
      <c r="BH10" s="196">
        <v>0</v>
      </c>
      <c r="BI10" s="193">
        <v>0</v>
      </c>
      <c r="BJ10" s="191">
        <v>164</v>
      </c>
      <c r="BK10" s="191">
        <v>87</v>
      </c>
      <c r="BL10" s="191">
        <v>46</v>
      </c>
      <c r="BM10" s="191">
        <v>16</v>
      </c>
      <c r="BN10" s="191">
        <v>10</v>
      </c>
      <c r="BO10" s="196">
        <v>323</v>
      </c>
      <c r="BP10" s="195">
        <v>323</v>
      </c>
      <c r="BQ10" s="190">
        <v>4</v>
      </c>
      <c r="BR10" s="191">
        <v>5</v>
      </c>
      <c r="BS10" s="196">
        <v>9</v>
      </c>
      <c r="BT10" s="193">
        <v>0</v>
      </c>
      <c r="BU10" s="191">
        <v>26</v>
      </c>
      <c r="BV10" s="191">
        <v>28</v>
      </c>
      <c r="BW10" s="191">
        <v>7</v>
      </c>
      <c r="BX10" s="191">
        <v>5</v>
      </c>
      <c r="BY10" s="191">
        <v>3</v>
      </c>
      <c r="BZ10" s="196">
        <v>69</v>
      </c>
      <c r="CA10" s="195">
        <v>78</v>
      </c>
      <c r="CB10" s="190">
        <v>0</v>
      </c>
      <c r="CC10" s="191">
        <v>0</v>
      </c>
      <c r="CD10" s="196">
        <v>0</v>
      </c>
      <c r="CE10" s="193">
        <v>0</v>
      </c>
      <c r="CF10" s="191">
        <v>24</v>
      </c>
      <c r="CG10" s="191">
        <v>32</v>
      </c>
      <c r="CH10" s="191">
        <v>30</v>
      </c>
      <c r="CI10" s="191">
        <v>20</v>
      </c>
      <c r="CJ10" s="191">
        <v>9</v>
      </c>
      <c r="CK10" s="196">
        <v>115</v>
      </c>
      <c r="CL10" s="195">
        <v>115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3</v>
      </c>
      <c r="CS10" s="191">
        <v>1</v>
      </c>
      <c r="CT10" s="191">
        <v>1</v>
      </c>
      <c r="CU10" s="191">
        <v>0</v>
      </c>
      <c r="CV10" s="196">
        <v>5</v>
      </c>
      <c r="CW10" s="195">
        <v>5</v>
      </c>
      <c r="CX10" s="190">
        <v>0</v>
      </c>
      <c r="CY10" s="191">
        <v>0</v>
      </c>
      <c r="CZ10" s="196">
        <v>0</v>
      </c>
      <c r="DA10" s="193">
        <v>0</v>
      </c>
      <c r="DB10" s="191">
        <v>0</v>
      </c>
      <c r="DC10" s="191">
        <v>0</v>
      </c>
      <c r="DD10" s="191">
        <v>0</v>
      </c>
      <c r="DE10" s="191">
        <v>0</v>
      </c>
      <c r="DF10" s="191">
        <v>0</v>
      </c>
      <c r="DG10" s="196">
        <v>0</v>
      </c>
      <c r="DH10" s="195">
        <v>0</v>
      </c>
      <c r="DI10" s="190">
        <v>0</v>
      </c>
      <c r="DJ10" s="191">
        <v>0</v>
      </c>
      <c r="DK10" s="196">
        <v>0</v>
      </c>
      <c r="DL10" s="193">
        <v>0</v>
      </c>
      <c r="DM10" s="191">
        <v>0</v>
      </c>
      <c r="DN10" s="191">
        <v>0</v>
      </c>
      <c r="DO10" s="191">
        <v>0</v>
      </c>
      <c r="DP10" s="191">
        <v>0</v>
      </c>
      <c r="DQ10" s="191">
        <v>0</v>
      </c>
      <c r="DR10" s="196">
        <v>0</v>
      </c>
      <c r="DS10" s="195">
        <v>0</v>
      </c>
      <c r="DT10" s="190">
        <v>37</v>
      </c>
      <c r="DU10" s="191">
        <v>50</v>
      </c>
      <c r="DV10" s="196">
        <v>87</v>
      </c>
      <c r="DW10" s="193">
        <v>0</v>
      </c>
      <c r="DX10" s="191">
        <v>188</v>
      </c>
      <c r="DY10" s="191">
        <v>185</v>
      </c>
      <c r="DZ10" s="191">
        <v>93</v>
      </c>
      <c r="EA10" s="191">
        <v>59</v>
      </c>
      <c r="EB10" s="191">
        <v>42</v>
      </c>
      <c r="EC10" s="196">
        <v>567</v>
      </c>
      <c r="ED10" s="195">
        <v>654</v>
      </c>
      <c r="EE10" s="190">
        <v>21</v>
      </c>
      <c r="EF10" s="191">
        <v>13</v>
      </c>
      <c r="EG10" s="196">
        <v>34</v>
      </c>
      <c r="EH10" s="193">
        <v>0</v>
      </c>
      <c r="EI10" s="191">
        <v>56</v>
      </c>
      <c r="EJ10" s="191">
        <v>37</v>
      </c>
      <c r="EK10" s="191">
        <v>26</v>
      </c>
      <c r="EL10" s="191">
        <v>28</v>
      </c>
      <c r="EM10" s="191">
        <v>22</v>
      </c>
      <c r="EN10" s="196">
        <v>169</v>
      </c>
      <c r="EO10" s="195">
        <v>203</v>
      </c>
      <c r="EP10" s="190">
        <v>40</v>
      </c>
      <c r="EQ10" s="191">
        <v>52</v>
      </c>
      <c r="ER10" s="196">
        <v>92</v>
      </c>
      <c r="ES10" s="193">
        <v>0</v>
      </c>
      <c r="ET10" s="191">
        <v>405</v>
      </c>
      <c r="EU10" s="191">
        <v>255</v>
      </c>
      <c r="EV10" s="191">
        <v>113</v>
      </c>
      <c r="EW10" s="191">
        <v>70</v>
      </c>
      <c r="EX10" s="191">
        <v>43</v>
      </c>
      <c r="EY10" s="196">
        <v>886</v>
      </c>
      <c r="EZ10" s="195">
        <v>978</v>
      </c>
    </row>
    <row r="11" spans="2:156" ht="21" customHeight="1" x14ac:dyDescent="0.2">
      <c r="B11" s="106" t="s">
        <v>8</v>
      </c>
      <c r="C11" s="190">
        <v>0</v>
      </c>
      <c r="D11" s="191">
        <v>0</v>
      </c>
      <c r="E11" s="192">
        <v>0</v>
      </c>
      <c r="F11" s="193">
        <v>0</v>
      </c>
      <c r="G11" s="191">
        <v>25</v>
      </c>
      <c r="H11" s="191">
        <v>26</v>
      </c>
      <c r="I11" s="191">
        <v>19</v>
      </c>
      <c r="J11" s="191">
        <v>15</v>
      </c>
      <c r="K11" s="191">
        <v>10</v>
      </c>
      <c r="L11" s="194">
        <v>95</v>
      </c>
      <c r="M11" s="195">
        <v>95</v>
      </c>
      <c r="N11" s="190">
        <v>0</v>
      </c>
      <c r="O11" s="191">
        <v>0</v>
      </c>
      <c r="P11" s="196">
        <v>0</v>
      </c>
      <c r="Q11" s="193">
        <v>0</v>
      </c>
      <c r="R11" s="191">
        <v>1</v>
      </c>
      <c r="S11" s="191">
        <v>1</v>
      </c>
      <c r="T11" s="191">
        <v>2</v>
      </c>
      <c r="U11" s="191">
        <v>0</v>
      </c>
      <c r="V11" s="191">
        <v>6</v>
      </c>
      <c r="W11" s="196">
        <v>10</v>
      </c>
      <c r="X11" s="195">
        <v>10</v>
      </c>
      <c r="Y11" s="190">
        <v>2</v>
      </c>
      <c r="Z11" s="191">
        <v>3</v>
      </c>
      <c r="AA11" s="196">
        <v>5</v>
      </c>
      <c r="AB11" s="193">
        <v>0</v>
      </c>
      <c r="AC11" s="191">
        <v>27</v>
      </c>
      <c r="AD11" s="191">
        <v>30</v>
      </c>
      <c r="AE11" s="191">
        <v>26</v>
      </c>
      <c r="AF11" s="191">
        <v>17</v>
      </c>
      <c r="AG11" s="191">
        <v>9</v>
      </c>
      <c r="AH11" s="196">
        <v>109</v>
      </c>
      <c r="AI11" s="195">
        <v>114</v>
      </c>
      <c r="AJ11" s="190">
        <v>1</v>
      </c>
      <c r="AK11" s="191">
        <v>1</v>
      </c>
      <c r="AL11" s="196">
        <v>2</v>
      </c>
      <c r="AM11" s="193">
        <v>0</v>
      </c>
      <c r="AN11" s="191">
        <v>5</v>
      </c>
      <c r="AO11" s="191">
        <v>6</v>
      </c>
      <c r="AP11" s="191">
        <v>4</v>
      </c>
      <c r="AQ11" s="191">
        <v>1</v>
      </c>
      <c r="AR11" s="191">
        <v>1</v>
      </c>
      <c r="AS11" s="196">
        <v>17</v>
      </c>
      <c r="AT11" s="195">
        <v>19</v>
      </c>
      <c r="AU11" s="190">
        <v>6</v>
      </c>
      <c r="AV11" s="191">
        <v>5</v>
      </c>
      <c r="AW11" s="196">
        <v>11</v>
      </c>
      <c r="AX11" s="193">
        <v>0</v>
      </c>
      <c r="AY11" s="191">
        <v>36</v>
      </c>
      <c r="AZ11" s="191">
        <v>33</v>
      </c>
      <c r="BA11" s="191">
        <v>30</v>
      </c>
      <c r="BB11" s="191">
        <v>30</v>
      </c>
      <c r="BC11" s="191">
        <v>24</v>
      </c>
      <c r="BD11" s="194">
        <v>153</v>
      </c>
      <c r="BE11" s="195">
        <v>164</v>
      </c>
      <c r="BF11" s="190">
        <v>0</v>
      </c>
      <c r="BG11" s="191">
        <v>0</v>
      </c>
      <c r="BH11" s="196">
        <v>0</v>
      </c>
      <c r="BI11" s="193">
        <v>0</v>
      </c>
      <c r="BJ11" s="191">
        <v>40</v>
      </c>
      <c r="BK11" s="191">
        <v>41</v>
      </c>
      <c r="BL11" s="191">
        <v>16</v>
      </c>
      <c r="BM11" s="191">
        <v>17</v>
      </c>
      <c r="BN11" s="191">
        <v>5</v>
      </c>
      <c r="BO11" s="196">
        <v>119</v>
      </c>
      <c r="BP11" s="195">
        <v>119</v>
      </c>
      <c r="BQ11" s="190">
        <v>5</v>
      </c>
      <c r="BR11" s="191">
        <v>4</v>
      </c>
      <c r="BS11" s="196">
        <v>9</v>
      </c>
      <c r="BT11" s="193">
        <v>0</v>
      </c>
      <c r="BU11" s="191">
        <v>10</v>
      </c>
      <c r="BV11" s="191">
        <v>15</v>
      </c>
      <c r="BW11" s="191">
        <v>5</v>
      </c>
      <c r="BX11" s="191">
        <v>1</v>
      </c>
      <c r="BY11" s="191">
        <v>1</v>
      </c>
      <c r="BZ11" s="196">
        <v>32</v>
      </c>
      <c r="CA11" s="195">
        <v>41</v>
      </c>
      <c r="CB11" s="190">
        <v>1</v>
      </c>
      <c r="CC11" s="191">
        <v>1</v>
      </c>
      <c r="CD11" s="196">
        <v>2</v>
      </c>
      <c r="CE11" s="193">
        <v>0</v>
      </c>
      <c r="CF11" s="191">
        <v>3</v>
      </c>
      <c r="CG11" s="191">
        <v>8</v>
      </c>
      <c r="CH11" s="191">
        <v>8</v>
      </c>
      <c r="CI11" s="191">
        <v>5</v>
      </c>
      <c r="CJ11" s="191">
        <v>2</v>
      </c>
      <c r="CK11" s="196">
        <v>26</v>
      </c>
      <c r="CL11" s="195">
        <v>28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0</v>
      </c>
      <c r="CU11" s="191">
        <v>1</v>
      </c>
      <c r="CV11" s="196">
        <v>1</v>
      </c>
      <c r="CW11" s="195">
        <v>1</v>
      </c>
      <c r="CX11" s="190">
        <v>0</v>
      </c>
      <c r="CY11" s="191">
        <v>0</v>
      </c>
      <c r="CZ11" s="196">
        <v>0</v>
      </c>
      <c r="DA11" s="193">
        <v>0</v>
      </c>
      <c r="DB11" s="191">
        <v>0</v>
      </c>
      <c r="DC11" s="191">
        <v>0</v>
      </c>
      <c r="DD11" s="191">
        <v>0</v>
      </c>
      <c r="DE11" s="191">
        <v>0</v>
      </c>
      <c r="DF11" s="191">
        <v>0</v>
      </c>
      <c r="DG11" s="196">
        <v>0</v>
      </c>
      <c r="DH11" s="195">
        <v>0</v>
      </c>
      <c r="DI11" s="190">
        <v>0</v>
      </c>
      <c r="DJ11" s="191">
        <v>0</v>
      </c>
      <c r="DK11" s="196">
        <v>0</v>
      </c>
      <c r="DL11" s="193">
        <v>0</v>
      </c>
      <c r="DM11" s="191">
        <v>0</v>
      </c>
      <c r="DN11" s="191">
        <v>0</v>
      </c>
      <c r="DO11" s="191">
        <v>0</v>
      </c>
      <c r="DP11" s="191">
        <v>0</v>
      </c>
      <c r="DQ11" s="191">
        <v>0</v>
      </c>
      <c r="DR11" s="196">
        <v>0</v>
      </c>
      <c r="DS11" s="195">
        <v>0</v>
      </c>
      <c r="DT11" s="190">
        <v>19</v>
      </c>
      <c r="DU11" s="191">
        <v>25</v>
      </c>
      <c r="DV11" s="196">
        <v>44</v>
      </c>
      <c r="DW11" s="193">
        <v>0</v>
      </c>
      <c r="DX11" s="191">
        <v>60</v>
      </c>
      <c r="DY11" s="191">
        <v>99</v>
      </c>
      <c r="DZ11" s="191">
        <v>48</v>
      </c>
      <c r="EA11" s="191">
        <v>31</v>
      </c>
      <c r="EB11" s="191">
        <v>20</v>
      </c>
      <c r="EC11" s="196">
        <v>258</v>
      </c>
      <c r="ED11" s="195">
        <v>302</v>
      </c>
      <c r="EE11" s="190">
        <v>6</v>
      </c>
      <c r="EF11" s="191">
        <v>2</v>
      </c>
      <c r="EG11" s="196">
        <v>8</v>
      </c>
      <c r="EH11" s="193">
        <v>0</v>
      </c>
      <c r="EI11" s="191">
        <v>16</v>
      </c>
      <c r="EJ11" s="191">
        <v>9</v>
      </c>
      <c r="EK11" s="191">
        <v>6</v>
      </c>
      <c r="EL11" s="191">
        <v>9</v>
      </c>
      <c r="EM11" s="191">
        <v>3</v>
      </c>
      <c r="EN11" s="196">
        <v>43</v>
      </c>
      <c r="EO11" s="195">
        <v>51</v>
      </c>
      <c r="EP11" s="190">
        <v>28</v>
      </c>
      <c r="EQ11" s="191">
        <v>30</v>
      </c>
      <c r="ER11" s="196">
        <v>58</v>
      </c>
      <c r="ES11" s="193">
        <v>0</v>
      </c>
      <c r="ET11" s="191">
        <v>111</v>
      </c>
      <c r="EU11" s="191">
        <v>132</v>
      </c>
      <c r="EV11" s="191">
        <v>58</v>
      </c>
      <c r="EW11" s="191">
        <v>34</v>
      </c>
      <c r="EX11" s="191">
        <v>22</v>
      </c>
      <c r="EY11" s="196">
        <v>357</v>
      </c>
      <c r="EZ11" s="195">
        <v>415</v>
      </c>
    </row>
    <row r="12" spans="2:156" ht="21" customHeight="1" x14ac:dyDescent="0.2">
      <c r="B12" s="106" t="s">
        <v>9</v>
      </c>
      <c r="C12" s="190">
        <v>0</v>
      </c>
      <c r="D12" s="191">
        <v>0</v>
      </c>
      <c r="E12" s="192">
        <v>0</v>
      </c>
      <c r="F12" s="193">
        <v>0</v>
      </c>
      <c r="G12" s="191">
        <v>63</v>
      </c>
      <c r="H12" s="191">
        <v>31</v>
      </c>
      <c r="I12" s="191">
        <v>32</v>
      </c>
      <c r="J12" s="191">
        <v>25</v>
      </c>
      <c r="K12" s="191">
        <v>20</v>
      </c>
      <c r="L12" s="194">
        <v>171</v>
      </c>
      <c r="M12" s="195">
        <v>171</v>
      </c>
      <c r="N12" s="190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0</v>
      </c>
      <c r="T12" s="191">
        <v>0</v>
      </c>
      <c r="U12" s="191">
        <v>2</v>
      </c>
      <c r="V12" s="191">
        <v>7</v>
      </c>
      <c r="W12" s="196">
        <v>9</v>
      </c>
      <c r="X12" s="195">
        <v>9</v>
      </c>
      <c r="Y12" s="190">
        <v>9</v>
      </c>
      <c r="Z12" s="191">
        <v>10</v>
      </c>
      <c r="AA12" s="196">
        <v>19</v>
      </c>
      <c r="AB12" s="193">
        <v>0</v>
      </c>
      <c r="AC12" s="191">
        <v>46</v>
      </c>
      <c r="AD12" s="191">
        <v>27</v>
      </c>
      <c r="AE12" s="191">
        <v>31</v>
      </c>
      <c r="AF12" s="191">
        <v>20</v>
      </c>
      <c r="AG12" s="191">
        <v>18</v>
      </c>
      <c r="AH12" s="196">
        <v>142</v>
      </c>
      <c r="AI12" s="195">
        <v>161</v>
      </c>
      <c r="AJ12" s="190">
        <v>0</v>
      </c>
      <c r="AK12" s="191">
        <v>1</v>
      </c>
      <c r="AL12" s="196">
        <v>1</v>
      </c>
      <c r="AM12" s="193">
        <v>0</v>
      </c>
      <c r="AN12" s="191">
        <v>3</v>
      </c>
      <c r="AO12" s="191">
        <v>1</v>
      </c>
      <c r="AP12" s="191">
        <v>0</v>
      </c>
      <c r="AQ12" s="191">
        <v>2</v>
      </c>
      <c r="AR12" s="191">
        <v>4</v>
      </c>
      <c r="AS12" s="196">
        <v>10</v>
      </c>
      <c r="AT12" s="195">
        <v>11</v>
      </c>
      <c r="AU12" s="190">
        <v>9</v>
      </c>
      <c r="AV12" s="191">
        <v>8</v>
      </c>
      <c r="AW12" s="196">
        <v>17</v>
      </c>
      <c r="AX12" s="193">
        <v>0</v>
      </c>
      <c r="AY12" s="191">
        <v>52</v>
      </c>
      <c r="AZ12" s="191">
        <v>56</v>
      </c>
      <c r="BA12" s="191">
        <v>67</v>
      </c>
      <c r="BB12" s="191">
        <v>51</v>
      </c>
      <c r="BC12" s="191">
        <v>27</v>
      </c>
      <c r="BD12" s="194">
        <v>253</v>
      </c>
      <c r="BE12" s="195">
        <v>270</v>
      </c>
      <c r="BF12" s="190">
        <v>0</v>
      </c>
      <c r="BG12" s="191">
        <v>0</v>
      </c>
      <c r="BH12" s="196">
        <v>0</v>
      </c>
      <c r="BI12" s="193">
        <v>0</v>
      </c>
      <c r="BJ12" s="191">
        <v>57</v>
      </c>
      <c r="BK12" s="191">
        <v>31</v>
      </c>
      <c r="BL12" s="191">
        <v>23</v>
      </c>
      <c r="BM12" s="191">
        <v>11</v>
      </c>
      <c r="BN12" s="191">
        <v>3</v>
      </c>
      <c r="BO12" s="196">
        <v>125</v>
      </c>
      <c r="BP12" s="195">
        <v>125</v>
      </c>
      <c r="BQ12" s="190">
        <v>4</v>
      </c>
      <c r="BR12" s="191">
        <v>4</v>
      </c>
      <c r="BS12" s="196">
        <v>8</v>
      </c>
      <c r="BT12" s="193">
        <v>0</v>
      </c>
      <c r="BU12" s="191">
        <v>19</v>
      </c>
      <c r="BV12" s="191">
        <v>15</v>
      </c>
      <c r="BW12" s="191">
        <v>12</v>
      </c>
      <c r="BX12" s="191">
        <v>11</v>
      </c>
      <c r="BY12" s="191">
        <v>0</v>
      </c>
      <c r="BZ12" s="196">
        <v>57</v>
      </c>
      <c r="CA12" s="195">
        <v>65</v>
      </c>
      <c r="CB12" s="190">
        <v>0</v>
      </c>
      <c r="CC12" s="191">
        <v>0</v>
      </c>
      <c r="CD12" s="196">
        <v>0</v>
      </c>
      <c r="CE12" s="193">
        <v>0</v>
      </c>
      <c r="CF12" s="191">
        <v>6</v>
      </c>
      <c r="CG12" s="191">
        <v>6</v>
      </c>
      <c r="CH12" s="191">
        <v>13</v>
      </c>
      <c r="CI12" s="191">
        <v>3</v>
      </c>
      <c r="CJ12" s="191">
        <v>1</v>
      </c>
      <c r="CK12" s="196">
        <v>29</v>
      </c>
      <c r="CL12" s="195">
        <v>29</v>
      </c>
      <c r="CM12" s="190">
        <v>0</v>
      </c>
      <c r="CN12" s="191">
        <v>0</v>
      </c>
      <c r="CO12" s="196">
        <v>0</v>
      </c>
      <c r="CP12" s="193">
        <v>0</v>
      </c>
      <c r="CQ12" s="191">
        <v>1</v>
      </c>
      <c r="CR12" s="191">
        <v>3</v>
      </c>
      <c r="CS12" s="191">
        <v>1</v>
      </c>
      <c r="CT12" s="191">
        <v>1</v>
      </c>
      <c r="CU12" s="191">
        <v>1</v>
      </c>
      <c r="CV12" s="196">
        <v>7</v>
      </c>
      <c r="CW12" s="195">
        <v>7</v>
      </c>
      <c r="CX12" s="190">
        <v>0</v>
      </c>
      <c r="CY12" s="191">
        <v>0</v>
      </c>
      <c r="CZ12" s="196">
        <v>0</v>
      </c>
      <c r="DA12" s="193">
        <v>0</v>
      </c>
      <c r="DB12" s="191">
        <v>0</v>
      </c>
      <c r="DC12" s="191">
        <v>0</v>
      </c>
      <c r="DD12" s="191">
        <v>0</v>
      </c>
      <c r="DE12" s="191">
        <v>0</v>
      </c>
      <c r="DF12" s="191">
        <v>0</v>
      </c>
      <c r="DG12" s="196">
        <v>0</v>
      </c>
      <c r="DH12" s="195">
        <v>0</v>
      </c>
      <c r="DI12" s="190">
        <v>0</v>
      </c>
      <c r="DJ12" s="191">
        <v>0</v>
      </c>
      <c r="DK12" s="196">
        <v>0</v>
      </c>
      <c r="DL12" s="193">
        <v>0</v>
      </c>
      <c r="DM12" s="191">
        <v>0</v>
      </c>
      <c r="DN12" s="191">
        <v>0</v>
      </c>
      <c r="DO12" s="191">
        <v>0</v>
      </c>
      <c r="DP12" s="191">
        <v>0</v>
      </c>
      <c r="DQ12" s="191">
        <v>0</v>
      </c>
      <c r="DR12" s="196">
        <v>0</v>
      </c>
      <c r="DS12" s="195">
        <v>0</v>
      </c>
      <c r="DT12" s="190">
        <v>31</v>
      </c>
      <c r="DU12" s="191">
        <v>28</v>
      </c>
      <c r="DV12" s="196">
        <v>59</v>
      </c>
      <c r="DW12" s="193">
        <v>0</v>
      </c>
      <c r="DX12" s="191">
        <v>84</v>
      </c>
      <c r="DY12" s="191">
        <v>70</v>
      </c>
      <c r="DZ12" s="191">
        <v>62</v>
      </c>
      <c r="EA12" s="191">
        <v>48</v>
      </c>
      <c r="EB12" s="191">
        <v>31</v>
      </c>
      <c r="EC12" s="196">
        <v>295</v>
      </c>
      <c r="ED12" s="195">
        <v>354</v>
      </c>
      <c r="EE12" s="190">
        <v>6</v>
      </c>
      <c r="EF12" s="191">
        <v>3</v>
      </c>
      <c r="EG12" s="196">
        <v>9</v>
      </c>
      <c r="EH12" s="193">
        <v>0</v>
      </c>
      <c r="EI12" s="191">
        <v>17</v>
      </c>
      <c r="EJ12" s="191">
        <v>22</v>
      </c>
      <c r="EK12" s="191">
        <v>17</v>
      </c>
      <c r="EL12" s="191">
        <v>19</v>
      </c>
      <c r="EM12" s="191">
        <v>5</v>
      </c>
      <c r="EN12" s="196">
        <v>80</v>
      </c>
      <c r="EO12" s="195">
        <v>89</v>
      </c>
      <c r="EP12" s="190">
        <v>38</v>
      </c>
      <c r="EQ12" s="191">
        <v>39</v>
      </c>
      <c r="ER12" s="196">
        <v>77</v>
      </c>
      <c r="ES12" s="193">
        <v>0</v>
      </c>
      <c r="ET12" s="191">
        <v>175</v>
      </c>
      <c r="EU12" s="191">
        <v>102</v>
      </c>
      <c r="EV12" s="191">
        <v>74</v>
      </c>
      <c r="EW12" s="191">
        <v>51</v>
      </c>
      <c r="EX12" s="191">
        <v>31</v>
      </c>
      <c r="EY12" s="196">
        <v>433</v>
      </c>
      <c r="EZ12" s="195">
        <v>510</v>
      </c>
    </row>
    <row r="13" spans="2:156" ht="21" customHeight="1" x14ac:dyDescent="0.2">
      <c r="B13" s="106" t="s">
        <v>10</v>
      </c>
      <c r="C13" s="190">
        <v>0</v>
      </c>
      <c r="D13" s="191">
        <v>0</v>
      </c>
      <c r="E13" s="192">
        <v>0</v>
      </c>
      <c r="F13" s="193">
        <v>0</v>
      </c>
      <c r="G13" s="191">
        <v>84</v>
      </c>
      <c r="H13" s="191">
        <v>50</v>
      </c>
      <c r="I13" s="191">
        <v>27</v>
      </c>
      <c r="J13" s="191">
        <v>33</v>
      </c>
      <c r="K13" s="191">
        <v>22</v>
      </c>
      <c r="L13" s="194">
        <v>216</v>
      </c>
      <c r="M13" s="195">
        <v>216</v>
      </c>
      <c r="N13" s="190">
        <v>0</v>
      </c>
      <c r="O13" s="191">
        <v>0</v>
      </c>
      <c r="P13" s="196">
        <v>0</v>
      </c>
      <c r="Q13" s="193">
        <v>0</v>
      </c>
      <c r="R13" s="191">
        <v>0</v>
      </c>
      <c r="S13" s="191">
        <v>1</v>
      </c>
      <c r="T13" s="191">
        <v>2</v>
      </c>
      <c r="U13" s="191">
        <v>6</v>
      </c>
      <c r="V13" s="191">
        <v>8</v>
      </c>
      <c r="W13" s="196">
        <v>17</v>
      </c>
      <c r="X13" s="195">
        <v>17</v>
      </c>
      <c r="Y13" s="190">
        <v>20</v>
      </c>
      <c r="Z13" s="191">
        <v>19</v>
      </c>
      <c r="AA13" s="196">
        <v>39</v>
      </c>
      <c r="AB13" s="193">
        <v>0</v>
      </c>
      <c r="AC13" s="191">
        <v>65</v>
      </c>
      <c r="AD13" s="191">
        <v>36</v>
      </c>
      <c r="AE13" s="191">
        <v>25</v>
      </c>
      <c r="AF13" s="191">
        <v>25</v>
      </c>
      <c r="AG13" s="191">
        <v>13</v>
      </c>
      <c r="AH13" s="196">
        <v>164</v>
      </c>
      <c r="AI13" s="195">
        <v>203</v>
      </c>
      <c r="AJ13" s="190">
        <v>2</v>
      </c>
      <c r="AK13" s="191">
        <v>2</v>
      </c>
      <c r="AL13" s="196">
        <v>4</v>
      </c>
      <c r="AM13" s="193">
        <v>0</v>
      </c>
      <c r="AN13" s="191">
        <v>8</v>
      </c>
      <c r="AO13" s="191">
        <v>8</v>
      </c>
      <c r="AP13" s="191">
        <v>4</v>
      </c>
      <c r="AQ13" s="191">
        <v>3</v>
      </c>
      <c r="AR13" s="191">
        <v>4</v>
      </c>
      <c r="AS13" s="196">
        <v>27</v>
      </c>
      <c r="AT13" s="195">
        <v>31</v>
      </c>
      <c r="AU13" s="190">
        <v>18</v>
      </c>
      <c r="AV13" s="191">
        <v>26</v>
      </c>
      <c r="AW13" s="196">
        <v>44</v>
      </c>
      <c r="AX13" s="193">
        <v>0</v>
      </c>
      <c r="AY13" s="191">
        <v>100</v>
      </c>
      <c r="AZ13" s="191">
        <v>78</v>
      </c>
      <c r="BA13" s="191">
        <v>68</v>
      </c>
      <c r="BB13" s="191">
        <v>75</v>
      </c>
      <c r="BC13" s="191">
        <v>46</v>
      </c>
      <c r="BD13" s="194">
        <v>367</v>
      </c>
      <c r="BE13" s="195">
        <v>411</v>
      </c>
      <c r="BF13" s="190">
        <v>0</v>
      </c>
      <c r="BG13" s="191">
        <v>0</v>
      </c>
      <c r="BH13" s="196">
        <v>0</v>
      </c>
      <c r="BI13" s="193">
        <v>0</v>
      </c>
      <c r="BJ13" s="191">
        <v>123</v>
      </c>
      <c r="BK13" s="191">
        <v>76</v>
      </c>
      <c r="BL13" s="191">
        <v>26</v>
      </c>
      <c r="BM13" s="191">
        <v>18</v>
      </c>
      <c r="BN13" s="191">
        <v>11</v>
      </c>
      <c r="BO13" s="196">
        <v>254</v>
      </c>
      <c r="BP13" s="195">
        <v>254</v>
      </c>
      <c r="BQ13" s="190">
        <v>3</v>
      </c>
      <c r="BR13" s="191">
        <v>5</v>
      </c>
      <c r="BS13" s="196">
        <v>8</v>
      </c>
      <c r="BT13" s="193">
        <v>0</v>
      </c>
      <c r="BU13" s="191">
        <v>24</v>
      </c>
      <c r="BV13" s="191">
        <v>12</v>
      </c>
      <c r="BW13" s="191">
        <v>10</v>
      </c>
      <c r="BX13" s="191">
        <v>2</v>
      </c>
      <c r="BY13" s="191">
        <v>2</v>
      </c>
      <c r="BZ13" s="196">
        <v>50</v>
      </c>
      <c r="CA13" s="195">
        <v>58</v>
      </c>
      <c r="CB13" s="190">
        <v>0</v>
      </c>
      <c r="CC13" s="191">
        <v>3</v>
      </c>
      <c r="CD13" s="196">
        <v>3</v>
      </c>
      <c r="CE13" s="193">
        <v>0</v>
      </c>
      <c r="CF13" s="191">
        <v>19</v>
      </c>
      <c r="CG13" s="191">
        <v>12</v>
      </c>
      <c r="CH13" s="191">
        <v>13</v>
      </c>
      <c r="CI13" s="191">
        <v>8</v>
      </c>
      <c r="CJ13" s="191">
        <v>7</v>
      </c>
      <c r="CK13" s="196">
        <v>59</v>
      </c>
      <c r="CL13" s="195">
        <v>62</v>
      </c>
      <c r="CM13" s="190">
        <v>0</v>
      </c>
      <c r="CN13" s="191">
        <v>1</v>
      </c>
      <c r="CO13" s="196">
        <v>1</v>
      </c>
      <c r="CP13" s="193">
        <v>0</v>
      </c>
      <c r="CQ13" s="191">
        <v>1</v>
      </c>
      <c r="CR13" s="191">
        <v>1</v>
      </c>
      <c r="CS13" s="191">
        <v>4</v>
      </c>
      <c r="CT13" s="191">
        <v>0</v>
      </c>
      <c r="CU13" s="191">
        <v>0</v>
      </c>
      <c r="CV13" s="196">
        <v>6</v>
      </c>
      <c r="CW13" s="195">
        <v>7</v>
      </c>
      <c r="CX13" s="190">
        <v>0</v>
      </c>
      <c r="CY13" s="191">
        <v>0</v>
      </c>
      <c r="CZ13" s="196">
        <v>0</v>
      </c>
      <c r="DA13" s="193">
        <v>0</v>
      </c>
      <c r="DB13" s="191">
        <v>0</v>
      </c>
      <c r="DC13" s="191">
        <v>0</v>
      </c>
      <c r="DD13" s="191">
        <v>0</v>
      </c>
      <c r="DE13" s="191">
        <v>0</v>
      </c>
      <c r="DF13" s="191">
        <v>0</v>
      </c>
      <c r="DG13" s="196">
        <v>0</v>
      </c>
      <c r="DH13" s="195">
        <v>0</v>
      </c>
      <c r="DI13" s="190">
        <v>0</v>
      </c>
      <c r="DJ13" s="191">
        <v>0</v>
      </c>
      <c r="DK13" s="196">
        <v>0</v>
      </c>
      <c r="DL13" s="193">
        <v>0</v>
      </c>
      <c r="DM13" s="191">
        <v>0</v>
      </c>
      <c r="DN13" s="191">
        <v>0</v>
      </c>
      <c r="DO13" s="191">
        <v>0</v>
      </c>
      <c r="DP13" s="191">
        <v>0</v>
      </c>
      <c r="DQ13" s="191">
        <v>0</v>
      </c>
      <c r="DR13" s="196">
        <v>0</v>
      </c>
      <c r="DS13" s="195">
        <v>0</v>
      </c>
      <c r="DT13" s="190">
        <v>71</v>
      </c>
      <c r="DU13" s="191">
        <v>89</v>
      </c>
      <c r="DV13" s="196">
        <v>160</v>
      </c>
      <c r="DW13" s="193">
        <v>0</v>
      </c>
      <c r="DX13" s="191">
        <v>142</v>
      </c>
      <c r="DY13" s="191">
        <v>122</v>
      </c>
      <c r="DZ13" s="191">
        <v>58</v>
      </c>
      <c r="EA13" s="191">
        <v>61</v>
      </c>
      <c r="EB13" s="191">
        <v>37</v>
      </c>
      <c r="EC13" s="196">
        <v>420</v>
      </c>
      <c r="ED13" s="195">
        <v>580</v>
      </c>
      <c r="EE13" s="190">
        <v>10</v>
      </c>
      <c r="EF13" s="191">
        <v>4</v>
      </c>
      <c r="EG13" s="196">
        <v>14</v>
      </c>
      <c r="EH13" s="193">
        <v>0</v>
      </c>
      <c r="EI13" s="191">
        <v>25</v>
      </c>
      <c r="EJ13" s="191">
        <v>23</v>
      </c>
      <c r="EK13" s="191">
        <v>16</v>
      </c>
      <c r="EL13" s="191">
        <v>25</v>
      </c>
      <c r="EM13" s="191">
        <v>12</v>
      </c>
      <c r="EN13" s="196">
        <v>101</v>
      </c>
      <c r="EO13" s="195">
        <v>115</v>
      </c>
      <c r="EP13" s="190">
        <v>88</v>
      </c>
      <c r="EQ13" s="191">
        <v>102</v>
      </c>
      <c r="ER13" s="196">
        <v>190</v>
      </c>
      <c r="ES13" s="193">
        <v>0</v>
      </c>
      <c r="ET13" s="191">
        <v>278</v>
      </c>
      <c r="EU13" s="191">
        <v>150</v>
      </c>
      <c r="EV13" s="191">
        <v>66</v>
      </c>
      <c r="EW13" s="191">
        <v>60</v>
      </c>
      <c r="EX13" s="191">
        <v>37</v>
      </c>
      <c r="EY13" s="196">
        <v>591</v>
      </c>
      <c r="EZ13" s="195">
        <v>781</v>
      </c>
    </row>
    <row r="14" spans="2:156" ht="21" customHeight="1" x14ac:dyDescent="0.2">
      <c r="B14" s="106" t="s">
        <v>11</v>
      </c>
      <c r="C14" s="190">
        <v>0</v>
      </c>
      <c r="D14" s="191">
        <v>0</v>
      </c>
      <c r="E14" s="192">
        <v>0</v>
      </c>
      <c r="F14" s="193">
        <v>0</v>
      </c>
      <c r="G14" s="191">
        <v>27</v>
      </c>
      <c r="H14" s="191">
        <v>20</v>
      </c>
      <c r="I14" s="191">
        <v>10</v>
      </c>
      <c r="J14" s="191">
        <v>13</v>
      </c>
      <c r="K14" s="191">
        <v>5</v>
      </c>
      <c r="L14" s="194">
        <v>75</v>
      </c>
      <c r="M14" s="195">
        <v>75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1</v>
      </c>
      <c r="T14" s="191">
        <v>0</v>
      </c>
      <c r="U14" s="191">
        <v>4</v>
      </c>
      <c r="V14" s="191">
        <v>3</v>
      </c>
      <c r="W14" s="196">
        <v>8</v>
      </c>
      <c r="X14" s="195">
        <v>8</v>
      </c>
      <c r="Y14" s="190">
        <v>5</v>
      </c>
      <c r="Z14" s="191">
        <v>6</v>
      </c>
      <c r="AA14" s="196">
        <v>11</v>
      </c>
      <c r="AB14" s="193">
        <v>0</v>
      </c>
      <c r="AC14" s="191">
        <v>23</v>
      </c>
      <c r="AD14" s="191">
        <v>26</v>
      </c>
      <c r="AE14" s="191">
        <v>14</v>
      </c>
      <c r="AF14" s="191">
        <v>16</v>
      </c>
      <c r="AG14" s="191">
        <v>7</v>
      </c>
      <c r="AH14" s="196">
        <v>86</v>
      </c>
      <c r="AI14" s="195">
        <v>97</v>
      </c>
      <c r="AJ14" s="190">
        <v>0</v>
      </c>
      <c r="AK14" s="191">
        <v>1</v>
      </c>
      <c r="AL14" s="196">
        <v>1</v>
      </c>
      <c r="AM14" s="193">
        <v>0</v>
      </c>
      <c r="AN14" s="191">
        <v>2</v>
      </c>
      <c r="AO14" s="191">
        <v>1</v>
      </c>
      <c r="AP14" s="191">
        <v>3</v>
      </c>
      <c r="AQ14" s="191">
        <v>1</v>
      </c>
      <c r="AR14" s="191">
        <v>1</v>
      </c>
      <c r="AS14" s="196">
        <v>8</v>
      </c>
      <c r="AT14" s="195">
        <v>9</v>
      </c>
      <c r="AU14" s="190">
        <v>3</v>
      </c>
      <c r="AV14" s="191">
        <v>4</v>
      </c>
      <c r="AW14" s="196">
        <v>7</v>
      </c>
      <c r="AX14" s="193">
        <v>0</v>
      </c>
      <c r="AY14" s="191">
        <v>29</v>
      </c>
      <c r="AZ14" s="191">
        <v>29</v>
      </c>
      <c r="BA14" s="191">
        <v>28</v>
      </c>
      <c r="BB14" s="191">
        <v>31</v>
      </c>
      <c r="BC14" s="191">
        <v>12</v>
      </c>
      <c r="BD14" s="194">
        <v>129</v>
      </c>
      <c r="BE14" s="195">
        <v>136</v>
      </c>
      <c r="BF14" s="190">
        <v>0</v>
      </c>
      <c r="BG14" s="191">
        <v>0</v>
      </c>
      <c r="BH14" s="196">
        <v>0</v>
      </c>
      <c r="BI14" s="193">
        <v>0</v>
      </c>
      <c r="BJ14" s="191">
        <v>42</v>
      </c>
      <c r="BK14" s="191">
        <v>34</v>
      </c>
      <c r="BL14" s="191">
        <v>17</v>
      </c>
      <c r="BM14" s="191">
        <v>8</v>
      </c>
      <c r="BN14" s="191">
        <v>2</v>
      </c>
      <c r="BO14" s="196">
        <v>103</v>
      </c>
      <c r="BP14" s="195">
        <v>103</v>
      </c>
      <c r="BQ14" s="190">
        <v>9</v>
      </c>
      <c r="BR14" s="191">
        <v>7</v>
      </c>
      <c r="BS14" s="196">
        <v>16</v>
      </c>
      <c r="BT14" s="193">
        <v>0</v>
      </c>
      <c r="BU14" s="191">
        <v>28</v>
      </c>
      <c r="BV14" s="191">
        <v>13</v>
      </c>
      <c r="BW14" s="191">
        <v>2</v>
      </c>
      <c r="BX14" s="191">
        <v>9</v>
      </c>
      <c r="BY14" s="191">
        <v>1</v>
      </c>
      <c r="BZ14" s="196">
        <v>53</v>
      </c>
      <c r="CA14" s="195">
        <v>69</v>
      </c>
      <c r="CB14" s="190">
        <v>0</v>
      </c>
      <c r="CC14" s="191">
        <v>0</v>
      </c>
      <c r="CD14" s="196">
        <v>0</v>
      </c>
      <c r="CE14" s="193">
        <v>0</v>
      </c>
      <c r="CF14" s="191">
        <v>5</v>
      </c>
      <c r="CG14" s="191">
        <v>8</v>
      </c>
      <c r="CH14" s="191">
        <v>7</v>
      </c>
      <c r="CI14" s="191">
        <v>2</v>
      </c>
      <c r="CJ14" s="191">
        <v>0</v>
      </c>
      <c r="CK14" s="196">
        <v>22</v>
      </c>
      <c r="CL14" s="195">
        <v>22</v>
      </c>
      <c r="CM14" s="190">
        <v>0</v>
      </c>
      <c r="CN14" s="191">
        <v>0</v>
      </c>
      <c r="CO14" s="196">
        <v>0</v>
      </c>
      <c r="CP14" s="193">
        <v>0</v>
      </c>
      <c r="CQ14" s="191">
        <v>1</v>
      </c>
      <c r="CR14" s="191">
        <v>0</v>
      </c>
      <c r="CS14" s="191">
        <v>1</v>
      </c>
      <c r="CT14" s="191">
        <v>3</v>
      </c>
      <c r="CU14" s="191">
        <v>0</v>
      </c>
      <c r="CV14" s="196">
        <v>5</v>
      </c>
      <c r="CW14" s="195">
        <v>5</v>
      </c>
      <c r="CX14" s="190">
        <v>0</v>
      </c>
      <c r="CY14" s="191">
        <v>0</v>
      </c>
      <c r="CZ14" s="196">
        <v>0</v>
      </c>
      <c r="DA14" s="193">
        <v>0</v>
      </c>
      <c r="DB14" s="191">
        <v>0</v>
      </c>
      <c r="DC14" s="191">
        <v>0</v>
      </c>
      <c r="DD14" s="191">
        <v>0</v>
      </c>
      <c r="DE14" s="191">
        <v>0</v>
      </c>
      <c r="DF14" s="191">
        <v>0</v>
      </c>
      <c r="DG14" s="196">
        <v>0</v>
      </c>
      <c r="DH14" s="195">
        <v>0</v>
      </c>
      <c r="DI14" s="190">
        <v>0</v>
      </c>
      <c r="DJ14" s="191">
        <v>0</v>
      </c>
      <c r="DK14" s="196">
        <v>0</v>
      </c>
      <c r="DL14" s="193">
        <v>0</v>
      </c>
      <c r="DM14" s="191">
        <v>0</v>
      </c>
      <c r="DN14" s="191">
        <v>0</v>
      </c>
      <c r="DO14" s="191">
        <v>0</v>
      </c>
      <c r="DP14" s="191">
        <v>0</v>
      </c>
      <c r="DQ14" s="191">
        <v>0</v>
      </c>
      <c r="DR14" s="196">
        <v>0</v>
      </c>
      <c r="DS14" s="195">
        <v>0</v>
      </c>
      <c r="DT14" s="190">
        <v>20</v>
      </c>
      <c r="DU14" s="191">
        <v>25</v>
      </c>
      <c r="DV14" s="196">
        <v>45</v>
      </c>
      <c r="DW14" s="193">
        <v>0</v>
      </c>
      <c r="DX14" s="191">
        <v>64</v>
      </c>
      <c r="DY14" s="191">
        <v>65</v>
      </c>
      <c r="DZ14" s="191">
        <v>35</v>
      </c>
      <c r="EA14" s="191">
        <v>29</v>
      </c>
      <c r="EB14" s="191">
        <v>11</v>
      </c>
      <c r="EC14" s="196">
        <v>204</v>
      </c>
      <c r="ED14" s="195">
        <v>249</v>
      </c>
      <c r="EE14" s="190">
        <v>1</v>
      </c>
      <c r="EF14" s="191">
        <v>1</v>
      </c>
      <c r="EG14" s="196">
        <v>2</v>
      </c>
      <c r="EH14" s="193">
        <v>0</v>
      </c>
      <c r="EI14" s="191">
        <v>18</v>
      </c>
      <c r="EJ14" s="191">
        <v>15</v>
      </c>
      <c r="EK14" s="191">
        <v>16</v>
      </c>
      <c r="EL14" s="191">
        <v>13</v>
      </c>
      <c r="EM14" s="191">
        <v>6</v>
      </c>
      <c r="EN14" s="196">
        <v>68</v>
      </c>
      <c r="EO14" s="195">
        <v>70</v>
      </c>
      <c r="EP14" s="190">
        <v>30</v>
      </c>
      <c r="EQ14" s="191">
        <v>30</v>
      </c>
      <c r="ER14" s="196">
        <v>60</v>
      </c>
      <c r="ES14" s="193">
        <v>0</v>
      </c>
      <c r="ET14" s="191">
        <v>124</v>
      </c>
      <c r="EU14" s="191">
        <v>82</v>
      </c>
      <c r="EV14" s="191">
        <v>40</v>
      </c>
      <c r="EW14" s="191">
        <v>31</v>
      </c>
      <c r="EX14" s="191">
        <v>10</v>
      </c>
      <c r="EY14" s="196">
        <v>287</v>
      </c>
      <c r="EZ14" s="195">
        <v>347</v>
      </c>
    </row>
    <row r="15" spans="2:156" ht="21" customHeight="1" x14ac:dyDescent="0.2">
      <c r="B15" s="106" t="s">
        <v>12</v>
      </c>
      <c r="C15" s="190">
        <v>0</v>
      </c>
      <c r="D15" s="191">
        <v>0</v>
      </c>
      <c r="E15" s="192">
        <v>0</v>
      </c>
      <c r="F15" s="193">
        <v>0</v>
      </c>
      <c r="G15" s="191">
        <v>35</v>
      </c>
      <c r="H15" s="191">
        <v>45</v>
      </c>
      <c r="I15" s="191">
        <v>20</v>
      </c>
      <c r="J15" s="191">
        <v>23</v>
      </c>
      <c r="K15" s="191">
        <v>7</v>
      </c>
      <c r="L15" s="194">
        <v>130</v>
      </c>
      <c r="M15" s="195">
        <v>130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1</v>
      </c>
      <c r="T15" s="191">
        <v>4</v>
      </c>
      <c r="U15" s="191">
        <v>2</v>
      </c>
      <c r="V15" s="191">
        <v>3</v>
      </c>
      <c r="W15" s="196">
        <v>10</v>
      </c>
      <c r="X15" s="195">
        <v>10</v>
      </c>
      <c r="Y15" s="190">
        <v>10</v>
      </c>
      <c r="Z15" s="191">
        <v>28</v>
      </c>
      <c r="AA15" s="196">
        <v>38</v>
      </c>
      <c r="AB15" s="193">
        <v>0</v>
      </c>
      <c r="AC15" s="191">
        <v>26</v>
      </c>
      <c r="AD15" s="191">
        <v>45</v>
      </c>
      <c r="AE15" s="191">
        <v>20</v>
      </c>
      <c r="AF15" s="191">
        <v>14</v>
      </c>
      <c r="AG15" s="191">
        <v>8</v>
      </c>
      <c r="AH15" s="196">
        <v>113</v>
      </c>
      <c r="AI15" s="195">
        <v>151</v>
      </c>
      <c r="AJ15" s="190">
        <v>0</v>
      </c>
      <c r="AK15" s="191">
        <v>2</v>
      </c>
      <c r="AL15" s="196">
        <v>2</v>
      </c>
      <c r="AM15" s="193">
        <v>0</v>
      </c>
      <c r="AN15" s="191">
        <v>0</v>
      </c>
      <c r="AO15" s="191">
        <v>5</v>
      </c>
      <c r="AP15" s="191">
        <v>2</v>
      </c>
      <c r="AQ15" s="191">
        <v>1</v>
      </c>
      <c r="AR15" s="191">
        <v>0</v>
      </c>
      <c r="AS15" s="196">
        <v>8</v>
      </c>
      <c r="AT15" s="195">
        <v>10</v>
      </c>
      <c r="AU15" s="190">
        <v>8</v>
      </c>
      <c r="AV15" s="191">
        <v>15</v>
      </c>
      <c r="AW15" s="196">
        <v>23</v>
      </c>
      <c r="AX15" s="193">
        <v>0</v>
      </c>
      <c r="AY15" s="191">
        <v>32</v>
      </c>
      <c r="AZ15" s="191">
        <v>43</v>
      </c>
      <c r="BA15" s="191">
        <v>31</v>
      </c>
      <c r="BB15" s="191">
        <v>38</v>
      </c>
      <c r="BC15" s="191">
        <v>17</v>
      </c>
      <c r="BD15" s="194">
        <v>161</v>
      </c>
      <c r="BE15" s="195">
        <v>184</v>
      </c>
      <c r="BF15" s="190">
        <v>0</v>
      </c>
      <c r="BG15" s="191">
        <v>0</v>
      </c>
      <c r="BH15" s="196">
        <v>0</v>
      </c>
      <c r="BI15" s="193">
        <v>0</v>
      </c>
      <c r="BJ15" s="191">
        <v>60</v>
      </c>
      <c r="BK15" s="191">
        <v>49</v>
      </c>
      <c r="BL15" s="191">
        <v>23</v>
      </c>
      <c r="BM15" s="191">
        <v>12</v>
      </c>
      <c r="BN15" s="191">
        <v>1</v>
      </c>
      <c r="BO15" s="196">
        <v>145</v>
      </c>
      <c r="BP15" s="195">
        <v>145</v>
      </c>
      <c r="BQ15" s="190">
        <v>12</v>
      </c>
      <c r="BR15" s="191">
        <v>16</v>
      </c>
      <c r="BS15" s="196">
        <v>28</v>
      </c>
      <c r="BT15" s="193">
        <v>0</v>
      </c>
      <c r="BU15" s="191">
        <v>7</v>
      </c>
      <c r="BV15" s="191">
        <v>26</v>
      </c>
      <c r="BW15" s="191">
        <v>12</v>
      </c>
      <c r="BX15" s="191">
        <v>7</v>
      </c>
      <c r="BY15" s="191">
        <v>1</v>
      </c>
      <c r="BZ15" s="196">
        <v>53</v>
      </c>
      <c r="CA15" s="195">
        <v>81</v>
      </c>
      <c r="CB15" s="190">
        <v>0</v>
      </c>
      <c r="CC15" s="191">
        <v>2</v>
      </c>
      <c r="CD15" s="196">
        <v>2</v>
      </c>
      <c r="CE15" s="193">
        <v>0</v>
      </c>
      <c r="CF15" s="191">
        <v>6</v>
      </c>
      <c r="CG15" s="191">
        <v>11</v>
      </c>
      <c r="CH15" s="191">
        <v>5</v>
      </c>
      <c r="CI15" s="191">
        <v>7</v>
      </c>
      <c r="CJ15" s="191">
        <v>4</v>
      </c>
      <c r="CK15" s="196">
        <v>33</v>
      </c>
      <c r="CL15" s="195">
        <v>35</v>
      </c>
      <c r="CM15" s="190">
        <v>0</v>
      </c>
      <c r="CN15" s="191">
        <v>0</v>
      </c>
      <c r="CO15" s="196">
        <v>0</v>
      </c>
      <c r="CP15" s="193">
        <v>0</v>
      </c>
      <c r="CQ15" s="191">
        <v>1</v>
      </c>
      <c r="CR15" s="191">
        <v>1</v>
      </c>
      <c r="CS15" s="191">
        <v>1</v>
      </c>
      <c r="CT15" s="191">
        <v>1</v>
      </c>
      <c r="CU15" s="191">
        <v>0</v>
      </c>
      <c r="CV15" s="196">
        <v>4</v>
      </c>
      <c r="CW15" s="195">
        <v>4</v>
      </c>
      <c r="CX15" s="190">
        <v>0</v>
      </c>
      <c r="CY15" s="191">
        <v>0</v>
      </c>
      <c r="CZ15" s="196">
        <v>0</v>
      </c>
      <c r="DA15" s="193">
        <v>0</v>
      </c>
      <c r="DB15" s="191">
        <v>0</v>
      </c>
      <c r="DC15" s="191">
        <v>0</v>
      </c>
      <c r="DD15" s="191">
        <v>0</v>
      </c>
      <c r="DE15" s="191">
        <v>0</v>
      </c>
      <c r="DF15" s="191">
        <v>0</v>
      </c>
      <c r="DG15" s="196">
        <v>0</v>
      </c>
      <c r="DH15" s="195">
        <v>0</v>
      </c>
      <c r="DI15" s="190">
        <v>0</v>
      </c>
      <c r="DJ15" s="191">
        <v>0</v>
      </c>
      <c r="DK15" s="196">
        <v>0</v>
      </c>
      <c r="DL15" s="193">
        <v>0</v>
      </c>
      <c r="DM15" s="191">
        <v>0</v>
      </c>
      <c r="DN15" s="191">
        <v>0</v>
      </c>
      <c r="DO15" s="191">
        <v>0</v>
      </c>
      <c r="DP15" s="191">
        <v>0</v>
      </c>
      <c r="DQ15" s="191">
        <v>0</v>
      </c>
      <c r="DR15" s="196">
        <v>0</v>
      </c>
      <c r="DS15" s="195">
        <v>0</v>
      </c>
      <c r="DT15" s="190">
        <v>32</v>
      </c>
      <c r="DU15" s="191">
        <v>57</v>
      </c>
      <c r="DV15" s="196">
        <v>89</v>
      </c>
      <c r="DW15" s="193">
        <v>0</v>
      </c>
      <c r="DX15" s="191">
        <v>35</v>
      </c>
      <c r="DY15" s="191">
        <v>97</v>
      </c>
      <c r="DZ15" s="191">
        <v>55</v>
      </c>
      <c r="EA15" s="191">
        <v>43</v>
      </c>
      <c r="EB15" s="191">
        <v>18</v>
      </c>
      <c r="EC15" s="196">
        <v>248</v>
      </c>
      <c r="ED15" s="195">
        <v>337</v>
      </c>
      <c r="EE15" s="190">
        <v>4</v>
      </c>
      <c r="EF15" s="191">
        <v>9</v>
      </c>
      <c r="EG15" s="196">
        <v>13</v>
      </c>
      <c r="EH15" s="193">
        <v>0</v>
      </c>
      <c r="EI15" s="191">
        <v>15</v>
      </c>
      <c r="EJ15" s="191">
        <v>18</v>
      </c>
      <c r="EK15" s="191">
        <v>9</v>
      </c>
      <c r="EL15" s="191">
        <v>15</v>
      </c>
      <c r="EM15" s="191">
        <v>5</v>
      </c>
      <c r="EN15" s="196">
        <v>62</v>
      </c>
      <c r="EO15" s="195">
        <v>75</v>
      </c>
      <c r="EP15" s="190">
        <v>50</v>
      </c>
      <c r="EQ15" s="191">
        <v>84</v>
      </c>
      <c r="ER15" s="196">
        <v>134</v>
      </c>
      <c r="ES15" s="193">
        <v>0</v>
      </c>
      <c r="ET15" s="191">
        <v>120</v>
      </c>
      <c r="EU15" s="191">
        <v>143</v>
      </c>
      <c r="EV15" s="191">
        <v>59</v>
      </c>
      <c r="EW15" s="191">
        <v>44</v>
      </c>
      <c r="EX15" s="191">
        <v>15</v>
      </c>
      <c r="EY15" s="196">
        <v>381</v>
      </c>
      <c r="EZ15" s="195">
        <v>515</v>
      </c>
    </row>
    <row r="16" spans="2:156" ht="21" customHeight="1" x14ac:dyDescent="0.2">
      <c r="B16" s="106" t="s">
        <v>13</v>
      </c>
      <c r="C16" s="190">
        <v>0</v>
      </c>
      <c r="D16" s="191">
        <v>0</v>
      </c>
      <c r="E16" s="192">
        <v>0</v>
      </c>
      <c r="F16" s="193">
        <v>0</v>
      </c>
      <c r="G16" s="191">
        <v>17</v>
      </c>
      <c r="H16" s="191">
        <v>19</v>
      </c>
      <c r="I16" s="191">
        <v>16</v>
      </c>
      <c r="J16" s="191">
        <v>9</v>
      </c>
      <c r="K16" s="191">
        <v>12</v>
      </c>
      <c r="L16" s="194">
        <v>73</v>
      </c>
      <c r="M16" s="195">
        <v>73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0</v>
      </c>
      <c r="T16" s="191">
        <v>1</v>
      </c>
      <c r="U16" s="191">
        <v>2</v>
      </c>
      <c r="V16" s="191">
        <v>4</v>
      </c>
      <c r="W16" s="196">
        <v>7</v>
      </c>
      <c r="X16" s="195">
        <v>7</v>
      </c>
      <c r="Y16" s="190">
        <v>1</v>
      </c>
      <c r="Z16" s="191">
        <v>1</v>
      </c>
      <c r="AA16" s="196">
        <v>2</v>
      </c>
      <c r="AB16" s="193">
        <v>0</v>
      </c>
      <c r="AC16" s="191">
        <v>15</v>
      </c>
      <c r="AD16" s="191">
        <v>21</v>
      </c>
      <c r="AE16" s="191">
        <v>12</v>
      </c>
      <c r="AF16" s="191">
        <v>8</v>
      </c>
      <c r="AG16" s="191">
        <v>10</v>
      </c>
      <c r="AH16" s="196">
        <v>66</v>
      </c>
      <c r="AI16" s="195">
        <v>68</v>
      </c>
      <c r="AJ16" s="190">
        <v>0</v>
      </c>
      <c r="AK16" s="191">
        <v>0</v>
      </c>
      <c r="AL16" s="196">
        <v>0</v>
      </c>
      <c r="AM16" s="193">
        <v>0</v>
      </c>
      <c r="AN16" s="191">
        <v>2</v>
      </c>
      <c r="AO16" s="191">
        <v>2</v>
      </c>
      <c r="AP16" s="191">
        <v>3</v>
      </c>
      <c r="AQ16" s="191">
        <v>0</v>
      </c>
      <c r="AR16" s="191">
        <v>0</v>
      </c>
      <c r="AS16" s="196">
        <v>7</v>
      </c>
      <c r="AT16" s="195">
        <v>7</v>
      </c>
      <c r="AU16" s="190">
        <v>2</v>
      </c>
      <c r="AV16" s="191">
        <v>2</v>
      </c>
      <c r="AW16" s="196">
        <v>4</v>
      </c>
      <c r="AX16" s="193">
        <v>0</v>
      </c>
      <c r="AY16" s="191">
        <v>18</v>
      </c>
      <c r="AZ16" s="191">
        <v>26</v>
      </c>
      <c r="BA16" s="191">
        <v>21</v>
      </c>
      <c r="BB16" s="191">
        <v>24</v>
      </c>
      <c r="BC16" s="191">
        <v>13</v>
      </c>
      <c r="BD16" s="194">
        <v>102</v>
      </c>
      <c r="BE16" s="195">
        <v>106</v>
      </c>
      <c r="BF16" s="190">
        <v>0</v>
      </c>
      <c r="BG16" s="191">
        <v>0</v>
      </c>
      <c r="BH16" s="196">
        <v>0</v>
      </c>
      <c r="BI16" s="193">
        <v>0</v>
      </c>
      <c r="BJ16" s="191">
        <v>25</v>
      </c>
      <c r="BK16" s="191">
        <v>20</v>
      </c>
      <c r="BL16" s="191">
        <v>8</v>
      </c>
      <c r="BM16" s="191">
        <v>6</v>
      </c>
      <c r="BN16" s="191">
        <v>3</v>
      </c>
      <c r="BO16" s="196">
        <v>62</v>
      </c>
      <c r="BP16" s="195">
        <v>62</v>
      </c>
      <c r="BQ16" s="190">
        <v>0</v>
      </c>
      <c r="BR16" s="191">
        <v>1</v>
      </c>
      <c r="BS16" s="196">
        <v>1</v>
      </c>
      <c r="BT16" s="193">
        <v>0</v>
      </c>
      <c r="BU16" s="191">
        <v>6</v>
      </c>
      <c r="BV16" s="191">
        <v>2</v>
      </c>
      <c r="BW16" s="191">
        <v>1</v>
      </c>
      <c r="BX16" s="191">
        <v>1</v>
      </c>
      <c r="BY16" s="191">
        <v>1</v>
      </c>
      <c r="BZ16" s="196">
        <v>11</v>
      </c>
      <c r="CA16" s="195">
        <v>12</v>
      </c>
      <c r="CB16" s="190">
        <v>0</v>
      </c>
      <c r="CC16" s="191">
        <v>0</v>
      </c>
      <c r="CD16" s="196">
        <v>0</v>
      </c>
      <c r="CE16" s="193">
        <v>0</v>
      </c>
      <c r="CF16" s="191">
        <v>6</v>
      </c>
      <c r="CG16" s="191">
        <v>3</v>
      </c>
      <c r="CH16" s="191">
        <v>3</v>
      </c>
      <c r="CI16" s="191">
        <v>1</v>
      </c>
      <c r="CJ16" s="191">
        <v>0</v>
      </c>
      <c r="CK16" s="196">
        <v>13</v>
      </c>
      <c r="CL16" s="195">
        <v>13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1</v>
      </c>
      <c r="CT16" s="191">
        <v>0</v>
      </c>
      <c r="CU16" s="191">
        <v>0</v>
      </c>
      <c r="CV16" s="196">
        <v>1</v>
      </c>
      <c r="CW16" s="195">
        <v>1</v>
      </c>
      <c r="CX16" s="190">
        <v>0</v>
      </c>
      <c r="CY16" s="191">
        <v>0</v>
      </c>
      <c r="CZ16" s="196">
        <v>0</v>
      </c>
      <c r="DA16" s="193">
        <v>0</v>
      </c>
      <c r="DB16" s="191">
        <v>0</v>
      </c>
      <c r="DC16" s="191">
        <v>0</v>
      </c>
      <c r="DD16" s="191">
        <v>0</v>
      </c>
      <c r="DE16" s="191">
        <v>0</v>
      </c>
      <c r="DF16" s="191">
        <v>0</v>
      </c>
      <c r="DG16" s="196">
        <v>0</v>
      </c>
      <c r="DH16" s="195">
        <v>0</v>
      </c>
      <c r="DI16" s="190">
        <v>0</v>
      </c>
      <c r="DJ16" s="191">
        <v>0</v>
      </c>
      <c r="DK16" s="196">
        <v>0</v>
      </c>
      <c r="DL16" s="193">
        <v>0</v>
      </c>
      <c r="DM16" s="191">
        <v>0</v>
      </c>
      <c r="DN16" s="191">
        <v>0</v>
      </c>
      <c r="DO16" s="191">
        <v>0</v>
      </c>
      <c r="DP16" s="191">
        <v>0</v>
      </c>
      <c r="DQ16" s="191">
        <v>0</v>
      </c>
      <c r="DR16" s="196">
        <v>0</v>
      </c>
      <c r="DS16" s="195">
        <v>0</v>
      </c>
      <c r="DT16" s="190">
        <v>8</v>
      </c>
      <c r="DU16" s="191">
        <v>5</v>
      </c>
      <c r="DV16" s="196">
        <v>13</v>
      </c>
      <c r="DW16" s="193">
        <v>0</v>
      </c>
      <c r="DX16" s="191">
        <v>29</v>
      </c>
      <c r="DY16" s="191">
        <v>42</v>
      </c>
      <c r="DZ16" s="191">
        <v>20</v>
      </c>
      <c r="EA16" s="191">
        <v>17</v>
      </c>
      <c r="EB16" s="191">
        <v>15</v>
      </c>
      <c r="EC16" s="196">
        <v>123</v>
      </c>
      <c r="ED16" s="195">
        <v>136</v>
      </c>
      <c r="EE16" s="190">
        <v>0</v>
      </c>
      <c r="EF16" s="191">
        <v>1</v>
      </c>
      <c r="EG16" s="196">
        <v>1</v>
      </c>
      <c r="EH16" s="193">
        <v>0</v>
      </c>
      <c r="EI16" s="191">
        <v>11</v>
      </c>
      <c r="EJ16" s="191">
        <v>8</v>
      </c>
      <c r="EK16" s="191">
        <v>7</v>
      </c>
      <c r="EL16" s="191">
        <v>14</v>
      </c>
      <c r="EM16" s="191">
        <v>4</v>
      </c>
      <c r="EN16" s="196">
        <v>44</v>
      </c>
      <c r="EO16" s="195">
        <v>45</v>
      </c>
      <c r="EP16" s="190">
        <v>8</v>
      </c>
      <c r="EQ16" s="191">
        <v>6</v>
      </c>
      <c r="ER16" s="196">
        <v>14</v>
      </c>
      <c r="ES16" s="193">
        <v>0</v>
      </c>
      <c r="ET16" s="191">
        <v>67</v>
      </c>
      <c r="EU16" s="191">
        <v>60</v>
      </c>
      <c r="EV16" s="191">
        <v>31</v>
      </c>
      <c r="EW16" s="191">
        <v>18</v>
      </c>
      <c r="EX16" s="191">
        <v>14</v>
      </c>
      <c r="EY16" s="196">
        <v>190</v>
      </c>
      <c r="EZ16" s="195">
        <v>204</v>
      </c>
    </row>
    <row r="17" spans="2:156" ht="21" customHeight="1" x14ac:dyDescent="0.2">
      <c r="B17" s="106" t="s">
        <v>15</v>
      </c>
      <c r="C17" s="190">
        <v>0</v>
      </c>
      <c r="D17" s="191">
        <v>0</v>
      </c>
      <c r="E17" s="192">
        <v>0</v>
      </c>
      <c r="F17" s="193">
        <v>0</v>
      </c>
      <c r="G17" s="191">
        <v>7</v>
      </c>
      <c r="H17" s="191">
        <v>10</v>
      </c>
      <c r="I17" s="191">
        <v>1</v>
      </c>
      <c r="J17" s="191">
        <v>5</v>
      </c>
      <c r="K17" s="191">
        <v>1</v>
      </c>
      <c r="L17" s="194">
        <v>24</v>
      </c>
      <c r="M17" s="195">
        <v>24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3</v>
      </c>
      <c r="V17" s="191">
        <v>2</v>
      </c>
      <c r="W17" s="196">
        <v>5</v>
      </c>
      <c r="X17" s="195">
        <v>5</v>
      </c>
      <c r="Y17" s="190">
        <v>0</v>
      </c>
      <c r="Z17" s="191">
        <v>2</v>
      </c>
      <c r="AA17" s="196">
        <v>2</v>
      </c>
      <c r="AB17" s="193">
        <v>0</v>
      </c>
      <c r="AC17" s="191">
        <v>4</v>
      </c>
      <c r="AD17" s="191">
        <v>8</v>
      </c>
      <c r="AE17" s="191">
        <v>1</v>
      </c>
      <c r="AF17" s="191">
        <v>5</v>
      </c>
      <c r="AG17" s="191">
        <v>2</v>
      </c>
      <c r="AH17" s="196">
        <v>20</v>
      </c>
      <c r="AI17" s="195">
        <v>22</v>
      </c>
      <c r="AJ17" s="190">
        <v>0</v>
      </c>
      <c r="AK17" s="191">
        <v>0</v>
      </c>
      <c r="AL17" s="196">
        <v>0</v>
      </c>
      <c r="AM17" s="193">
        <v>0</v>
      </c>
      <c r="AN17" s="191">
        <v>3</v>
      </c>
      <c r="AO17" s="191">
        <v>1</v>
      </c>
      <c r="AP17" s="191">
        <v>0</v>
      </c>
      <c r="AQ17" s="191">
        <v>0</v>
      </c>
      <c r="AR17" s="191">
        <v>0</v>
      </c>
      <c r="AS17" s="196">
        <v>4</v>
      </c>
      <c r="AT17" s="195">
        <v>4</v>
      </c>
      <c r="AU17" s="190">
        <v>0</v>
      </c>
      <c r="AV17" s="191">
        <v>1</v>
      </c>
      <c r="AW17" s="196">
        <v>1</v>
      </c>
      <c r="AX17" s="193">
        <v>0</v>
      </c>
      <c r="AY17" s="191">
        <v>9</v>
      </c>
      <c r="AZ17" s="191">
        <v>4</v>
      </c>
      <c r="BA17" s="191">
        <v>4</v>
      </c>
      <c r="BB17" s="191">
        <v>5</v>
      </c>
      <c r="BC17" s="191">
        <v>1</v>
      </c>
      <c r="BD17" s="194">
        <v>23</v>
      </c>
      <c r="BE17" s="195">
        <v>24</v>
      </c>
      <c r="BF17" s="190">
        <v>0</v>
      </c>
      <c r="BG17" s="191">
        <v>0</v>
      </c>
      <c r="BH17" s="196">
        <v>0</v>
      </c>
      <c r="BI17" s="193">
        <v>0</v>
      </c>
      <c r="BJ17" s="191">
        <v>4</v>
      </c>
      <c r="BK17" s="191">
        <v>6</v>
      </c>
      <c r="BL17" s="191">
        <v>1</v>
      </c>
      <c r="BM17" s="191">
        <v>2</v>
      </c>
      <c r="BN17" s="191">
        <v>0</v>
      </c>
      <c r="BO17" s="196">
        <v>13</v>
      </c>
      <c r="BP17" s="195">
        <v>13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1</v>
      </c>
      <c r="BW17" s="191">
        <v>5</v>
      </c>
      <c r="BX17" s="191">
        <v>1</v>
      </c>
      <c r="BY17" s="191">
        <v>0</v>
      </c>
      <c r="BZ17" s="196">
        <v>7</v>
      </c>
      <c r="CA17" s="195">
        <v>7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2</v>
      </c>
      <c r="CH17" s="191">
        <v>1</v>
      </c>
      <c r="CI17" s="191">
        <v>1</v>
      </c>
      <c r="CJ17" s="191">
        <v>1</v>
      </c>
      <c r="CK17" s="196">
        <v>5</v>
      </c>
      <c r="CL17" s="195">
        <v>5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1</v>
      </c>
      <c r="CS17" s="191">
        <v>1</v>
      </c>
      <c r="CT17" s="191">
        <v>0</v>
      </c>
      <c r="CU17" s="191">
        <v>0</v>
      </c>
      <c r="CV17" s="196">
        <v>2</v>
      </c>
      <c r="CW17" s="195">
        <v>2</v>
      </c>
      <c r="CX17" s="190">
        <v>0</v>
      </c>
      <c r="CY17" s="191">
        <v>0</v>
      </c>
      <c r="CZ17" s="196">
        <v>0</v>
      </c>
      <c r="DA17" s="193">
        <v>0</v>
      </c>
      <c r="DB17" s="191">
        <v>0</v>
      </c>
      <c r="DC17" s="191">
        <v>0</v>
      </c>
      <c r="DD17" s="191">
        <v>0</v>
      </c>
      <c r="DE17" s="191">
        <v>0</v>
      </c>
      <c r="DF17" s="191">
        <v>0</v>
      </c>
      <c r="DG17" s="196">
        <v>0</v>
      </c>
      <c r="DH17" s="195">
        <v>0</v>
      </c>
      <c r="DI17" s="190">
        <v>0</v>
      </c>
      <c r="DJ17" s="191">
        <v>0</v>
      </c>
      <c r="DK17" s="196">
        <v>0</v>
      </c>
      <c r="DL17" s="193">
        <v>0</v>
      </c>
      <c r="DM17" s="191">
        <v>0</v>
      </c>
      <c r="DN17" s="191">
        <v>0</v>
      </c>
      <c r="DO17" s="191">
        <v>0</v>
      </c>
      <c r="DP17" s="191">
        <v>0</v>
      </c>
      <c r="DQ17" s="191">
        <v>0</v>
      </c>
      <c r="DR17" s="196">
        <v>0</v>
      </c>
      <c r="DS17" s="195">
        <v>0</v>
      </c>
      <c r="DT17" s="190">
        <v>1</v>
      </c>
      <c r="DU17" s="191">
        <v>6</v>
      </c>
      <c r="DV17" s="196">
        <v>7</v>
      </c>
      <c r="DW17" s="193">
        <v>0</v>
      </c>
      <c r="DX17" s="191">
        <v>11</v>
      </c>
      <c r="DY17" s="191">
        <v>18</v>
      </c>
      <c r="DZ17" s="191">
        <v>12</v>
      </c>
      <c r="EA17" s="191">
        <v>10</v>
      </c>
      <c r="EB17" s="191">
        <v>5</v>
      </c>
      <c r="EC17" s="196">
        <v>56</v>
      </c>
      <c r="ED17" s="195">
        <v>63</v>
      </c>
      <c r="EE17" s="190">
        <v>0</v>
      </c>
      <c r="EF17" s="191">
        <v>3</v>
      </c>
      <c r="EG17" s="196">
        <v>3</v>
      </c>
      <c r="EH17" s="193">
        <v>0</v>
      </c>
      <c r="EI17" s="191">
        <v>7</v>
      </c>
      <c r="EJ17" s="191">
        <v>0</v>
      </c>
      <c r="EK17" s="191">
        <v>2</v>
      </c>
      <c r="EL17" s="191">
        <v>0</v>
      </c>
      <c r="EM17" s="191">
        <v>0</v>
      </c>
      <c r="EN17" s="196">
        <v>9</v>
      </c>
      <c r="EO17" s="195">
        <v>12</v>
      </c>
      <c r="EP17" s="190">
        <v>1</v>
      </c>
      <c r="EQ17" s="191">
        <v>8</v>
      </c>
      <c r="ER17" s="196">
        <v>9</v>
      </c>
      <c r="ES17" s="193">
        <v>0</v>
      </c>
      <c r="ET17" s="191">
        <v>29</v>
      </c>
      <c r="EU17" s="191">
        <v>30</v>
      </c>
      <c r="EV17" s="191">
        <v>11</v>
      </c>
      <c r="EW17" s="191">
        <v>13</v>
      </c>
      <c r="EX17" s="191">
        <v>5</v>
      </c>
      <c r="EY17" s="196">
        <v>88</v>
      </c>
      <c r="EZ17" s="195">
        <v>97</v>
      </c>
    </row>
    <row r="18" spans="2:156" ht="21" customHeight="1" x14ac:dyDescent="0.2">
      <c r="B18" s="106" t="s">
        <v>16</v>
      </c>
      <c r="C18" s="190">
        <v>0</v>
      </c>
      <c r="D18" s="191">
        <v>0</v>
      </c>
      <c r="E18" s="192">
        <v>0</v>
      </c>
      <c r="F18" s="193">
        <v>0</v>
      </c>
      <c r="G18" s="191">
        <v>17</v>
      </c>
      <c r="H18" s="191">
        <v>10</v>
      </c>
      <c r="I18" s="191">
        <v>13</v>
      </c>
      <c r="J18" s="191">
        <v>3</v>
      </c>
      <c r="K18" s="191">
        <v>4</v>
      </c>
      <c r="L18" s="194">
        <v>47</v>
      </c>
      <c r="M18" s="195">
        <v>47</v>
      </c>
      <c r="N18" s="190">
        <v>0</v>
      </c>
      <c r="O18" s="191">
        <v>0</v>
      </c>
      <c r="P18" s="196">
        <v>0</v>
      </c>
      <c r="Q18" s="193">
        <v>0</v>
      </c>
      <c r="R18" s="191">
        <v>1</v>
      </c>
      <c r="S18" s="191">
        <v>0</v>
      </c>
      <c r="T18" s="191">
        <v>2</v>
      </c>
      <c r="U18" s="191">
        <v>0</v>
      </c>
      <c r="V18" s="191">
        <v>1</v>
      </c>
      <c r="W18" s="196">
        <v>4</v>
      </c>
      <c r="X18" s="195">
        <v>4</v>
      </c>
      <c r="Y18" s="190">
        <v>6</v>
      </c>
      <c r="Z18" s="191">
        <v>3</v>
      </c>
      <c r="AA18" s="196">
        <v>9</v>
      </c>
      <c r="AB18" s="193">
        <v>0</v>
      </c>
      <c r="AC18" s="191">
        <v>15</v>
      </c>
      <c r="AD18" s="191">
        <v>21</v>
      </c>
      <c r="AE18" s="191">
        <v>8</v>
      </c>
      <c r="AF18" s="191">
        <v>7</v>
      </c>
      <c r="AG18" s="191">
        <v>6</v>
      </c>
      <c r="AH18" s="196">
        <v>57</v>
      </c>
      <c r="AI18" s="195">
        <v>66</v>
      </c>
      <c r="AJ18" s="190">
        <v>0</v>
      </c>
      <c r="AK18" s="191">
        <v>1</v>
      </c>
      <c r="AL18" s="196">
        <v>1</v>
      </c>
      <c r="AM18" s="193">
        <v>0</v>
      </c>
      <c r="AN18" s="191">
        <v>1</v>
      </c>
      <c r="AO18" s="191">
        <v>3</v>
      </c>
      <c r="AP18" s="191">
        <v>0</v>
      </c>
      <c r="AQ18" s="191">
        <v>0</v>
      </c>
      <c r="AR18" s="191">
        <v>2</v>
      </c>
      <c r="AS18" s="196">
        <v>6</v>
      </c>
      <c r="AT18" s="195">
        <v>7</v>
      </c>
      <c r="AU18" s="190">
        <v>2</v>
      </c>
      <c r="AV18" s="191">
        <v>4</v>
      </c>
      <c r="AW18" s="196">
        <v>6</v>
      </c>
      <c r="AX18" s="193">
        <v>0</v>
      </c>
      <c r="AY18" s="191">
        <v>15</v>
      </c>
      <c r="AZ18" s="191">
        <v>24</v>
      </c>
      <c r="BA18" s="191">
        <v>15</v>
      </c>
      <c r="BB18" s="191">
        <v>17</v>
      </c>
      <c r="BC18" s="191">
        <v>13</v>
      </c>
      <c r="BD18" s="194">
        <v>84</v>
      </c>
      <c r="BE18" s="195">
        <v>90</v>
      </c>
      <c r="BF18" s="190">
        <v>0</v>
      </c>
      <c r="BG18" s="191">
        <v>0</v>
      </c>
      <c r="BH18" s="196">
        <v>0</v>
      </c>
      <c r="BI18" s="193">
        <v>0</v>
      </c>
      <c r="BJ18" s="191">
        <v>23</v>
      </c>
      <c r="BK18" s="191">
        <v>21</v>
      </c>
      <c r="BL18" s="191">
        <v>10</v>
      </c>
      <c r="BM18" s="191">
        <v>4</v>
      </c>
      <c r="BN18" s="191">
        <v>1</v>
      </c>
      <c r="BO18" s="196">
        <v>59</v>
      </c>
      <c r="BP18" s="195">
        <v>59</v>
      </c>
      <c r="BQ18" s="190">
        <v>2</v>
      </c>
      <c r="BR18" s="191">
        <v>8</v>
      </c>
      <c r="BS18" s="196">
        <v>10</v>
      </c>
      <c r="BT18" s="193">
        <v>0</v>
      </c>
      <c r="BU18" s="191">
        <v>11</v>
      </c>
      <c r="BV18" s="191">
        <v>18</v>
      </c>
      <c r="BW18" s="191">
        <v>7</v>
      </c>
      <c r="BX18" s="191">
        <v>2</v>
      </c>
      <c r="BY18" s="191">
        <v>1</v>
      </c>
      <c r="BZ18" s="196">
        <v>39</v>
      </c>
      <c r="CA18" s="195">
        <v>49</v>
      </c>
      <c r="CB18" s="190">
        <v>0</v>
      </c>
      <c r="CC18" s="191">
        <v>0</v>
      </c>
      <c r="CD18" s="196">
        <v>0</v>
      </c>
      <c r="CE18" s="193">
        <v>0</v>
      </c>
      <c r="CF18" s="191">
        <v>1</v>
      </c>
      <c r="CG18" s="191">
        <v>1</v>
      </c>
      <c r="CH18" s="191">
        <v>3</v>
      </c>
      <c r="CI18" s="191">
        <v>1</v>
      </c>
      <c r="CJ18" s="191">
        <v>0</v>
      </c>
      <c r="CK18" s="196">
        <v>6</v>
      </c>
      <c r="CL18" s="195">
        <v>6</v>
      </c>
      <c r="CM18" s="190">
        <v>0</v>
      </c>
      <c r="CN18" s="191">
        <v>0</v>
      </c>
      <c r="CO18" s="196">
        <v>0</v>
      </c>
      <c r="CP18" s="193">
        <v>0</v>
      </c>
      <c r="CQ18" s="191">
        <v>2</v>
      </c>
      <c r="CR18" s="191">
        <v>2</v>
      </c>
      <c r="CS18" s="191">
        <v>0</v>
      </c>
      <c r="CT18" s="191">
        <v>0</v>
      </c>
      <c r="CU18" s="191">
        <v>1</v>
      </c>
      <c r="CV18" s="196">
        <v>5</v>
      </c>
      <c r="CW18" s="195">
        <v>5</v>
      </c>
      <c r="CX18" s="190">
        <v>0</v>
      </c>
      <c r="CY18" s="191">
        <v>0</v>
      </c>
      <c r="CZ18" s="196">
        <v>0</v>
      </c>
      <c r="DA18" s="193">
        <v>0</v>
      </c>
      <c r="DB18" s="191">
        <v>0</v>
      </c>
      <c r="DC18" s="191">
        <v>0</v>
      </c>
      <c r="DD18" s="191">
        <v>0</v>
      </c>
      <c r="DE18" s="191">
        <v>0</v>
      </c>
      <c r="DF18" s="191">
        <v>0</v>
      </c>
      <c r="DG18" s="196">
        <v>0</v>
      </c>
      <c r="DH18" s="195">
        <v>0</v>
      </c>
      <c r="DI18" s="190">
        <v>0</v>
      </c>
      <c r="DJ18" s="191">
        <v>0</v>
      </c>
      <c r="DK18" s="196">
        <v>0</v>
      </c>
      <c r="DL18" s="193">
        <v>0</v>
      </c>
      <c r="DM18" s="191">
        <v>0</v>
      </c>
      <c r="DN18" s="191">
        <v>0</v>
      </c>
      <c r="DO18" s="191">
        <v>0</v>
      </c>
      <c r="DP18" s="191">
        <v>0</v>
      </c>
      <c r="DQ18" s="191">
        <v>0</v>
      </c>
      <c r="DR18" s="196">
        <v>0</v>
      </c>
      <c r="DS18" s="195">
        <v>0</v>
      </c>
      <c r="DT18" s="190">
        <v>13</v>
      </c>
      <c r="DU18" s="191">
        <v>22</v>
      </c>
      <c r="DV18" s="196">
        <v>35</v>
      </c>
      <c r="DW18" s="193">
        <v>0</v>
      </c>
      <c r="DX18" s="191">
        <v>19</v>
      </c>
      <c r="DY18" s="191">
        <v>47</v>
      </c>
      <c r="DZ18" s="191">
        <v>36</v>
      </c>
      <c r="EA18" s="191">
        <v>12</v>
      </c>
      <c r="EB18" s="191">
        <v>9</v>
      </c>
      <c r="EC18" s="196">
        <v>123</v>
      </c>
      <c r="ED18" s="195">
        <v>158</v>
      </c>
      <c r="EE18" s="190">
        <v>1</v>
      </c>
      <c r="EF18" s="191">
        <v>1</v>
      </c>
      <c r="EG18" s="196">
        <v>2</v>
      </c>
      <c r="EH18" s="193">
        <v>0</v>
      </c>
      <c r="EI18" s="191">
        <v>10</v>
      </c>
      <c r="EJ18" s="191">
        <v>14</v>
      </c>
      <c r="EK18" s="191">
        <v>6</v>
      </c>
      <c r="EL18" s="191">
        <v>10</v>
      </c>
      <c r="EM18" s="191">
        <v>5</v>
      </c>
      <c r="EN18" s="196">
        <v>45</v>
      </c>
      <c r="EO18" s="195">
        <v>47</v>
      </c>
      <c r="EP18" s="190">
        <v>20</v>
      </c>
      <c r="EQ18" s="191">
        <v>30</v>
      </c>
      <c r="ER18" s="196">
        <v>50</v>
      </c>
      <c r="ES18" s="193">
        <v>0</v>
      </c>
      <c r="ET18" s="191">
        <v>58</v>
      </c>
      <c r="EU18" s="191">
        <v>67</v>
      </c>
      <c r="EV18" s="191">
        <v>36</v>
      </c>
      <c r="EW18" s="191">
        <v>12</v>
      </c>
      <c r="EX18" s="191">
        <v>8</v>
      </c>
      <c r="EY18" s="196">
        <v>181</v>
      </c>
      <c r="EZ18" s="195">
        <v>231</v>
      </c>
    </row>
    <row r="19" spans="2:156" ht="21" customHeight="1" x14ac:dyDescent="0.2">
      <c r="B19" s="106" t="s">
        <v>17</v>
      </c>
      <c r="C19" s="190">
        <v>0</v>
      </c>
      <c r="D19" s="191">
        <v>0</v>
      </c>
      <c r="E19" s="192">
        <v>0</v>
      </c>
      <c r="F19" s="193">
        <v>0</v>
      </c>
      <c r="G19" s="191">
        <v>15</v>
      </c>
      <c r="H19" s="191">
        <v>28</v>
      </c>
      <c r="I19" s="191">
        <v>18</v>
      </c>
      <c r="J19" s="191">
        <v>6</v>
      </c>
      <c r="K19" s="191">
        <v>6</v>
      </c>
      <c r="L19" s="194">
        <v>73</v>
      </c>
      <c r="M19" s="195">
        <v>73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1</v>
      </c>
      <c r="T19" s="191">
        <v>1</v>
      </c>
      <c r="U19" s="191">
        <v>0</v>
      </c>
      <c r="V19" s="191">
        <v>0</v>
      </c>
      <c r="W19" s="196">
        <v>2</v>
      </c>
      <c r="X19" s="195">
        <v>2</v>
      </c>
      <c r="Y19" s="190">
        <v>2</v>
      </c>
      <c r="Z19" s="191">
        <v>2</v>
      </c>
      <c r="AA19" s="196">
        <v>4</v>
      </c>
      <c r="AB19" s="193">
        <v>0</v>
      </c>
      <c r="AC19" s="191">
        <v>16</v>
      </c>
      <c r="AD19" s="191">
        <v>21</v>
      </c>
      <c r="AE19" s="191">
        <v>18</v>
      </c>
      <c r="AF19" s="191">
        <v>9</v>
      </c>
      <c r="AG19" s="191">
        <v>3</v>
      </c>
      <c r="AH19" s="196">
        <v>67</v>
      </c>
      <c r="AI19" s="195">
        <v>71</v>
      </c>
      <c r="AJ19" s="190">
        <v>0</v>
      </c>
      <c r="AK19" s="191">
        <v>2</v>
      </c>
      <c r="AL19" s="196">
        <v>2</v>
      </c>
      <c r="AM19" s="193">
        <v>0</v>
      </c>
      <c r="AN19" s="191">
        <v>2</v>
      </c>
      <c r="AO19" s="191">
        <v>3</v>
      </c>
      <c r="AP19" s="191">
        <v>1</v>
      </c>
      <c r="AQ19" s="191">
        <v>0</v>
      </c>
      <c r="AR19" s="191">
        <v>1</v>
      </c>
      <c r="AS19" s="196">
        <v>7</v>
      </c>
      <c r="AT19" s="195">
        <v>9</v>
      </c>
      <c r="AU19" s="190">
        <v>9</v>
      </c>
      <c r="AV19" s="191">
        <v>3</v>
      </c>
      <c r="AW19" s="196">
        <v>12</v>
      </c>
      <c r="AX19" s="193">
        <v>0</v>
      </c>
      <c r="AY19" s="191">
        <v>15</v>
      </c>
      <c r="AZ19" s="191">
        <v>36</v>
      </c>
      <c r="BA19" s="191">
        <v>31</v>
      </c>
      <c r="BB19" s="191">
        <v>14</v>
      </c>
      <c r="BC19" s="191">
        <v>9</v>
      </c>
      <c r="BD19" s="194">
        <v>105</v>
      </c>
      <c r="BE19" s="195">
        <v>117</v>
      </c>
      <c r="BF19" s="190">
        <v>0</v>
      </c>
      <c r="BG19" s="191">
        <v>0</v>
      </c>
      <c r="BH19" s="196">
        <v>0</v>
      </c>
      <c r="BI19" s="193">
        <v>0</v>
      </c>
      <c r="BJ19" s="191">
        <v>24</v>
      </c>
      <c r="BK19" s="191">
        <v>24</v>
      </c>
      <c r="BL19" s="191">
        <v>21</v>
      </c>
      <c r="BM19" s="191">
        <v>4</v>
      </c>
      <c r="BN19" s="191">
        <v>1</v>
      </c>
      <c r="BO19" s="196">
        <v>74</v>
      </c>
      <c r="BP19" s="195">
        <v>74</v>
      </c>
      <c r="BQ19" s="190">
        <v>2</v>
      </c>
      <c r="BR19" s="191">
        <v>3</v>
      </c>
      <c r="BS19" s="196">
        <v>5</v>
      </c>
      <c r="BT19" s="193">
        <v>0</v>
      </c>
      <c r="BU19" s="191">
        <v>4</v>
      </c>
      <c r="BV19" s="191">
        <v>13</v>
      </c>
      <c r="BW19" s="191">
        <v>7</v>
      </c>
      <c r="BX19" s="191">
        <v>3</v>
      </c>
      <c r="BY19" s="191">
        <v>0</v>
      </c>
      <c r="BZ19" s="196">
        <v>27</v>
      </c>
      <c r="CA19" s="195">
        <v>32</v>
      </c>
      <c r="CB19" s="190">
        <v>0</v>
      </c>
      <c r="CC19" s="191">
        <v>1</v>
      </c>
      <c r="CD19" s="196">
        <v>1</v>
      </c>
      <c r="CE19" s="193">
        <v>0</v>
      </c>
      <c r="CF19" s="191">
        <v>2</v>
      </c>
      <c r="CG19" s="191">
        <v>7</v>
      </c>
      <c r="CH19" s="191">
        <v>7</v>
      </c>
      <c r="CI19" s="191">
        <v>2</v>
      </c>
      <c r="CJ19" s="191">
        <v>2</v>
      </c>
      <c r="CK19" s="196">
        <v>20</v>
      </c>
      <c r="CL19" s="195">
        <v>21</v>
      </c>
      <c r="CM19" s="190">
        <v>0</v>
      </c>
      <c r="CN19" s="191">
        <v>0</v>
      </c>
      <c r="CO19" s="196">
        <v>0</v>
      </c>
      <c r="CP19" s="193">
        <v>0</v>
      </c>
      <c r="CQ19" s="191">
        <v>1</v>
      </c>
      <c r="CR19" s="191">
        <v>2</v>
      </c>
      <c r="CS19" s="191">
        <v>2</v>
      </c>
      <c r="CT19" s="191">
        <v>1</v>
      </c>
      <c r="CU19" s="191">
        <v>0</v>
      </c>
      <c r="CV19" s="196">
        <v>6</v>
      </c>
      <c r="CW19" s="195">
        <v>6</v>
      </c>
      <c r="CX19" s="190">
        <v>0</v>
      </c>
      <c r="CY19" s="191">
        <v>0</v>
      </c>
      <c r="CZ19" s="196">
        <v>0</v>
      </c>
      <c r="DA19" s="193">
        <v>0</v>
      </c>
      <c r="DB19" s="191">
        <v>0</v>
      </c>
      <c r="DC19" s="191">
        <v>0</v>
      </c>
      <c r="DD19" s="191">
        <v>0</v>
      </c>
      <c r="DE19" s="191">
        <v>0</v>
      </c>
      <c r="DF19" s="191">
        <v>0</v>
      </c>
      <c r="DG19" s="196">
        <v>0</v>
      </c>
      <c r="DH19" s="195">
        <v>0</v>
      </c>
      <c r="DI19" s="190">
        <v>0</v>
      </c>
      <c r="DJ19" s="191">
        <v>0</v>
      </c>
      <c r="DK19" s="196">
        <v>0</v>
      </c>
      <c r="DL19" s="193">
        <v>0</v>
      </c>
      <c r="DM19" s="191">
        <v>0</v>
      </c>
      <c r="DN19" s="191">
        <v>0</v>
      </c>
      <c r="DO19" s="191">
        <v>0</v>
      </c>
      <c r="DP19" s="191">
        <v>0</v>
      </c>
      <c r="DQ19" s="191">
        <v>0</v>
      </c>
      <c r="DR19" s="196">
        <v>0</v>
      </c>
      <c r="DS19" s="195">
        <v>0</v>
      </c>
      <c r="DT19" s="190">
        <v>14</v>
      </c>
      <c r="DU19" s="191">
        <v>21</v>
      </c>
      <c r="DV19" s="196">
        <v>35</v>
      </c>
      <c r="DW19" s="193">
        <v>0</v>
      </c>
      <c r="DX19" s="191">
        <v>22</v>
      </c>
      <c r="DY19" s="191">
        <v>69</v>
      </c>
      <c r="DZ19" s="191">
        <v>42</v>
      </c>
      <c r="EA19" s="191">
        <v>15</v>
      </c>
      <c r="EB19" s="191">
        <v>9</v>
      </c>
      <c r="EC19" s="196">
        <v>157</v>
      </c>
      <c r="ED19" s="195">
        <v>192</v>
      </c>
      <c r="EE19" s="190">
        <v>4</v>
      </c>
      <c r="EF19" s="191">
        <v>1</v>
      </c>
      <c r="EG19" s="196">
        <v>5</v>
      </c>
      <c r="EH19" s="193">
        <v>0</v>
      </c>
      <c r="EI19" s="191">
        <v>7</v>
      </c>
      <c r="EJ19" s="191">
        <v>14</v>
      </c>
      <c r="EK19" s="191">
        <v>5</v>
      </c>
      <c r="EL19" s="191">
        <v>2</v>
      </c>
      <c r="EM19" s="191">
        <v>2</v>
      </c>
      <c r="EN19" s="196">
        <v>30</v>
      </c>
      <c r="EO19" s="195">
        <v>35</v>
      </c>
      <c r="EP19" s="190">
        <v>17</v>
      </c>
      <c r="EQ19" s="191">
        <v>25</v>
      </c>
      <c r="ER19" s="196">
        <v>42</v>
      </c>
      <c r="ES19" s="193">
        <v>0</v>
      </c>
      <c r="ET19" s="191">
        <v>76</v>
      </c>
      <c r="EU19" s="191">
        <v>98</v>
      </c>
      <c r="EV19" s="191">
        <v>50</v>
      </c>
      <c r="EW19" s="191">
        <v>17</v>
      </c>
      <c r="EX19" s="191">
        <v>8</v>
      </c>
      <c r="EY19" s="196">
        <v>249</v>
      </c>
      <c r="EZ19" s="195">
        <v>291</v>
      </c>
    </row>
    <row r="20" spans="2:156" ht="21" customHeight="1" x14ac:dyDescent="0.2">
      <c r="B20" s="106" t="s">
        <v>18</v>
      </c>
      <c r="C20" s="190">
        <v>0</v>
      </c>
      <c r="D20" s="191">
        <v>0</v>
      </c>
      <c r="E20" s="192">
        <v>0</v>
      </c>
      <c r="F20" s="193">
        <v>0</v>
      </c>
      <c r="G20" s="191">
        <v>21</v>
      </c>
      <c r="H20" s="191">
        <v>25</v>
      </c>
      <c r="I20" s="191">
        <v>21</v>
      </c>
      <c r="J20" s="191">
        <v>10</v>
      </c>
      <c r="K20" s="191">
        <v>6</v>
      </c>
      <c r="L20" s="194">
        <v>83</v>
      </c>
      <c r="M20" s="195">
        <v>83</v>
      </c>
      <c r="N20" s="190">
        <v>0</v>
      </c>
      <c r="O20" s="191">
        <v>0</v>
      </c>
      <c r="P20" s="196">
        <v>0</v>
      </c>
      <c r="Q20" s="193">
        <v>0</v>
      </c>
      <c r="R20" s="191">
        <v>2</v>
      </c>
      <c r="S20" s="191">
        <v>0</v>
      </c>
      <c r="T20" s="191">
        <v>0</v>
      </c>
      <c r="U20" s="191">
        <v>2</v>
      </c>
      <c r="V20" s="191">
        <v>7</v>
      </c>
      <c r="W20" s="196">
        <v>11</v>
      </c>
      <c r="X20" s="195">
        <v>11</v>
      </c>
      <c r="Y20" s="190">
        <v>8</v>
      </c>
      <c r="Z20" s="191">
        <v>11</v>
      </c>
      <c r="AA20" s="196">
        <v>19</v>
      </c>
      <c r="AB20" s="193">
        <v>0</v>
      </c>
      <c r="AC20" s="191">
        <v>25</v>
      </c>
      <c r="AD20" s="191">
        <v>34</v>
      </c>
      <c r="AE20" s="191">
        <v>19</v>
      </c>
      <c r="AF20" s="191">
        <v>9</v>
      </c>
      <c r="AG20" s="191">
        <v>6</v>
      </c>
      <c r="AH20" s="196">
        <v>93</v>
      </c>
      <c r="AI20" s="195">
        <v>112</v>
      </c>
      <c r="AJ20" s="190">
        <v>0</v>
      </c>
      <c r="AK20" s="191">
        <v>0</v>
      </c>
      <c r="AL20" s="196">
        <v>0</v>
      </c>
      <c r="AM20" s="193">
        <v>0</v>
      </c>
      <c r="AN20" s="191">
        <v>3</v>
      </c>
      <c r="AO20" s="191">
        <v>3</v>
      </c>
      <c r="AP20" s="191">
        <v>4</v>
      </c>
      <c r="AQ20" s="191">
        <v>0</v>
      </c>
      <c r="AR20" s="191">
        <v>1</v>
      </c>
      <c r="AS20" s="196">
        <v>11</v>
      </c>
      <c r="AT20" s="195">
        <v>11</v>
      </c>
      <c r="AU20" s="190">
        <v>7</v>
      </c>
      <c r="AV20" s="191">
        <v>3</v>
      </c>
      <c r="AW20" s="196">
        <v>10</v>
      </c>
      <c r="AX20" s="193">
        <v>0</v>
      </c>
      <c r="AY20" s="191">
        <v>42</v>
      </c>
      <c r="AZ20" s="191">
        <v>43</v>
      </c>
      <c r="BA20" s="191">
        <v>44</v>
      </c>
      <c r="BB20" s="191">
        <v>28</v>
      </c>
      <c r="BC20" s="191">
        <v>21</v>
      </c>
      <c r="BD20" s="194">
        <v>178</v>
      </c>
      <c r="BE20" s="195">
        <v>188</v>
      </c>
      <c r="BF20" s="190">
        <v>0</v>
      </c>
      <c r="BG20" s="191">
        <v>0</v>
      </c>
      <c r="BH20" s="196">
        <v>0</v>
      </c>
      <c r="BI20" s="193">
        <v>0</v>
      </c>
      <c r="BJ20" s="191">
        <v>57</v>
      </c>
      <c r="BK20" s="191">
        <v>33</v>
      </c>
      <c r="BL20" s="191">
        <v>27</v>
      </c>
      <c r="BM20" s="191">
        <v>3</v>
      </c>
      <c r="BN20" s="191">
        <v>4</v>
      </c>
      <c r="BO20" s="196">
        <v>124</v>
      </c>
      <c r="BP20" s="195">
        <v>124</v>
      </c>
      <c r="BQ20" s="190">
        <v>2</v>
      </c>
      <c r="BR20" s="191">
        <v>11</v>
      </c>
      <c r="BS20" s="196">
        <v>13</v>
      </c>
      <c r="BT20" s="193">
        <v>0</v>
      </c>
      <c r="BU20" s="191">
        <v>17</v>
      </c>
      <c r="BV20" s="191">
        <v>7</v>
      </c>
      <c r="BW20" s="191">
        <v>6</v>
      </c>
      <c r="BX20" s="191">
        <v>1</v>
      </c>
      <c r="BY20" s="191">
        <v>1</v>
      </c>
      <c r="BZ20" s="196">
        <v>32</v>
      </c>
      <c r="CA20" s="195">
        <v>45</v>
      </c>
      <c r="CB20" s="190">
        <v>0</v>
      </c>
      <c r="CC20" s="191">
        <v>2</v>
      </c>
      <c r="CD20" s="196">
        <v>2</v>
      </c>
      <c r="CE20" s="193">
        <v>0</v>
      </c>
      <c r="CF20" s="191">
        <v>7</v>
      </c>
      <c r="CG20" s="191">
        <v>7</v>
      </c>
      <c r="CH20" s="191">
        <v>11</v>
      </c>
      <c r="CI20" s="191">
        <v>7</v>
      </c>
      <c r="CJ20" s="191">
        <v>4</v>
      </c>
      <c r="CK20" s="196">
        <v>36</v>
      </c>
      <c r="CL20" s="195">
        <v>38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1</v>
      </c>
      <c r="CT20" s="191">
        <v>0</v>
      </c>
      <c r="CU20" s="191">
        <v>0</v>
      </c>
      <c r="CV20" s="196">
        <v>1</v>
      </c>
      <c r="CW20" s="195">
        <v>1</v>
      </c>
      <c r="CX20" s="190">
        <v>0</v>
      </c>
      <c r="CY20" s="191">
        <v>0</v>
      </c>
      <c r="CZ20" s="196">
        <v>0</v>
      </c>
      <c r="DA20" s="193">
        <v>0</v>
      </c>
      <c r="DB20" s="191">
        <v>0</v>
      </c>
      <c r="DC20" s="191">
        <v>0</v>
      </c>
      <c r="DD20" s="191">
        <v>0</v>
      </c>
      <c r="DE20" s="191">
        <v>0</v>
      </c>
      <c r="DF20" s="191">
        <v>0</v>
      </c>
      <c r="DG20" s="196">
        <v>0</v>
      </c>
      <c r="DH20" s="195">
        <v>0</v>
      </c>
      <c r="DI20" s="190">
        <v>0</v>
      </c>
      <c r="DJ20" s="191">
        <v>0</v>
      </c>
      <c r="DK20" s="196">
        <v>0</v>
      </c>
      <c r="DL20" s="193">
        <v>0</v>
      </c>
      <c r="DM20" s="191">
        <v>0</v>
      </c>
      <c r="DN20" s="191">
        <v>0</v>
      </c>
      <c r="DO20" s="191">
        <v>0</v>
      </c>
      <c r="DP20" s="191">
        <v>0</v>
      </c>
      <c r="DQ20" s="191">
        <v>0</v>
      </c>
      <c r="DR20" s="196">
        <v>0</v>
      </c>
      <c r="DS20" s="195">
        <v>0</v>
      </c>
      <c r="DT20" s="190">
        <v>11</v>
      </c>
      <c r="DU20" s="191">
        <v>30</v>
      </c>
      <c r="DV20" s="196">
        <v>41</v>
      </c>
      <c r="DW20" s="193">
        <v>0</v>
      </c>
      <c r="DX20" s="191">
        <v>65</v>
      </c>
      <c r="DY20" s="191">
        <v>67</v>
      </c>
      <c r="DZ20" s="191">
        <v>47</v>
      </c>
      <c r="EA20" s="191">
        <v>22</v>
      </c>
      <c r="EB20" s="191">
        <v>17</v>
      </c>
      <c r="EC20" s="196">
        <v>218</v>
      </c>
      <c r="ED20" s="195">
        <v>259</v>
      </c>
      <c r="EE20" s="190">
        <v>2</v>
      </c>
      <c r="EF20" s="191">
        <v>0</v>
      </c>
      <c r="EG20" s="196">
        <v>2</v>
      </c>
      <c r="EH20" s="193">
        <v>0</v>
      </c>
      <c r="EI20" s="191">
        <v>15</v>
      </c>
      <c r="EJ20" s="191">
        <v>10</v>
      </c>
      <c r="EK20" s="191">
        <v>13</v>
      </c>
      <c r="EL20" s="191">
        <v>10</v>
      </c>
      <c r="EM20" s="191">
        <v>3</v>
      </c>
      <c r="EN20" s="196">
        <v>51</v>
      </c>
      <c r="EO20" s="195">
        <v>53</v>
      </c>
      <c r="EP20" s="190">
        <v>18</v>
      </c>
      <c r="EQ20" s="191">
        <v>41</v>
      </c>
      <c r="ER20" s="196">
        <v>59</v>
      </c>
      <c r="ES20" s="193">
        <v>0</v>
      </c>
      <c r="ET20" s="191">
        <v>126</v>
      </c>
      <c r="EU20" s="191">
        <v>88</v>
      </c>
      <c r="EV20" s="191">
        <v>60</v>
      </c>
      <c r="EW20" s="191">
        <v>25</v>
      </c>
      <c r="EX20" s="191">
        <v>17</v>
      </c>
      <c r="EY20" s="196">
        <v>316</v>
      </c>
      <c r="EZ20" s="195">
        <v>375</v>
      </c>
    </row>
    <row r="21" spans="2:156" ht="21" customHeight="1" x14ac:dyDescent="0.2">
      <c r="B21" s="106" t="s">
        <v>19</v>
      </c>
      <c r="C21" s="190">
        <v>0</v>
      </c>
      <c r="D21" s="191">
        <v>0</v>
      </c>
      <c r="E21" s="192">
        <v>0</v>
      </c>
      <c r="F21" s="193">
        <v>0</v>
      </c>
      <c r="G21" s="191">
        <v>12</v>
      </c>
      <c r="H21" s="191">
        <v>6</v>
      </c>
      <c r="I21" s="191">
        <v>4</v>
      </c>
      <c r="J21" s="191">
        <v>1</v>
      </c>
      <c r="K21" s="191">
        <v>4</v>
      </c>
      <c r="L21" s="194">
        <v>27</v>
      </c>
      <c r="M21" s="195">
        <v>27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0</v>
      </c>
      <c r="T21" s="191">
        <v>2</v>
      </c>
      <c r="U21" s="191">
        <v>1</v>
      </c>
      <c r="V21" s="191">
        <v>2</v>
      </c>
      <c r="W21" s="196">
        <v>5</v>
      </c>
      <c r="X21" s="195">
        <v>5</v>
      </c>
      <c r="Y21" s="190">
        <v>2</v>
      </c>
      <c r="Z21" s="191">
        <v>7</v>
      </c>
      <c r="AA21" s="196">
        <v>9</v>
      </c>
      <c r="AB21" s="193">
        <v>0</v>
      </c>
      <c r="AC21" s="191">
        <v>16</v>
      </c>
      <c r="AD21" s="191">
        <v>7</v>
      </c>
      <c r="AE21" s="191">
        <v>5</v>
      </c>
      <c r="AF21" s="191">
        <v>5</v>
      </c>
      <c r="AG21" s="191">
        <v>5</v>
      </c>
      <c r="AH21" s="196">
        <v>38</v>
      </c>
      <c r="AI21" s="195">
        <v>47</v>
      </c>
      <c r="AJ21" s="190">
        <v>0</v>
      </c>
      <c r="AK21" s="191">
        <v>0</v>
      </c>
      <c r="AL21" s="196">
        <v>0</v>
      </c>
      <c r="AM21" s="193">
        <v>0</v>
      </c>
      <c r="AN21" s="191">
        <v>1</v>
      </c>
      <c r="AO21" s="191">
        <v>1</v>
      </c>
      <c r="AP21" s="191">
        <v>1</v>
      </c>
      <c r="AQ21" s="191">
        <v>0</v>
      </c>
      <c r="AR21" s="191">
        <v>1</v>
      </c>
      <c r="AS21" s="196">
        <v>4</v>
      </c>
      <c r="AT21" s="195">
        <v>4</v>
      </c>
      <c r="AU21" s="190">
        <v>2</v>
      </c>
      <c r="AV21" s="191">
        <v>7</v>
      </c>
      <c r="AW21" s="196">
        <v>9</v>
      </c>
      <c r="AX21" s="193">
        <v>0</v>
      </c>
      <c r="AY21" s="191">
        <v>25</v>
      </c>
      <c r="AZ21" s="191">
        <v>15</v>
      </c>
      <c r="BA21" s="191">
        <v>11</v>
      </c>
      <c r="BB21" s="191">
        <v>11</v>
      </c>
      <c r="BC21" s="191">
        <v>14</v>
      </c>
      <c r="BD21" s="194">
        <v>76</v>
      </c>
      <c r="BE21" s="195">
        <v>85</v>
      </c>
      <c r="BF21" s="190">
        <v>0</v>
      </c>
      <c r="BG21" s="191">
        <v>0</v>
      </c>
      <c r="BH21" s="196">
        <v>0</v>
      </c>
      <c r="BI21" s="193">
        <v>0</v>
      </c>
      <c r="BJ21" s="191">
        <v>19</v>
      </c>
      <c r="BK21" s="191">
        <v>15</v>
      </c>
      <c r="BL21" s="191">
        <v>3</v>
      </c>
      <c r="BM21" s="191">
        <v>0</v>
      </c>
      <c r="BN21" s="191">
        <v>2</v>
      </c>
      <c r="BO21" s="196">
        <v>39</v>
      </c>
      <c r="BP21" s="195">
        <v>39</v>
      </c>
      <c r="BQ21" s="190">
        <v>3</v>
      </c>
      <c r="BR21" s="191">
        <v>2</v>
      </c>
      <c r="BS21" s="196">
        <v>5</v>
      </c>
      <c r="BT21" s="193">
        <v>0</v>
      </c>
      <c r="BU21" s="191">
        <v>11</v>
      </c>
      <c r="BV21" s="191">
        <v>8</v>
      </c>
      <c r="BW21" s="191">
        <v>5</v>
      </c>
      <c r="BX21" s="191">
        <v>0</v>
      </c>
      <c r="BY21" s="191">
        <v>1</v>
      </c>
      <c r="BZ21" s="196">
        <v>25</v>
      </c>
      <c r="CA21" s="195">
        <v>30</v>
      </c>
      <c r="CB21" s="190">
        <v>0</v>
      </c>
      <c r="CC21" s="191">
        <v>1</v>
      </c>
      <c r="CD21" s="196">
        <v>1</v>
      </c>
      <c r="CE21" s="193">
        <v>0</v>
      </c>
      <c r="CF21" s="191">
        <v>2</v>
      </c>
      <c r="CG21" s="191">
        <v>3</v>
      </c>
      <c r="CH21" s="191">
        <v>1</v>
      </c>
      <c r="CI21" s="191">
        <v>4</v>
      </c>
      <c r="CJ21" s="191">
        <v>0</v>
      </c>
      <c r="CK21" s="196">
        <v>10</v>
      </c>
      <c r="CL21" s="195">
        <v>11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1</v>
      </c>
      <c r="CS21" s="191">
        <v>1</v>
      </c>
      <c r="CT21" s="191">
        <v>0</v>
      </c>
      <c r="CU21" s="191">
        <v>0</v>
      </c>
      <c r="CV21" s="196">
        <v>2</v>
      </c>
      <c r="CW21" s="195">
        <v>2</v>
      </c>
      <c r="CX21" s="190">
        <v>0</v>
      </c>
      <c r="CY21" s="191">
        <v>0</v>
      </c>
      <c r="CZ21" s="196">
        <v>0</v>
      </c>
      <c r="DA21" s="193">
        <v>0</v>
      </c>
      <c r="DB21" s="191">
        <v>0</v>
      </c>
      <c r="DC21" s="191">
        <v>0</v>
      </c>
      <c r="DD21" s="191">
        <v>0</v>
      </c>
      <c r="DE21" s="191">
        <v>0</v>
      </c>
      <c r="DF21" s="191">
        <v>0</v>
      </c>
      <c r="DG21" s="196">
        <v>0</v>
      </c>
      <c r="DH21" s="195">
        <v>0</v>
      </c>
      <c r="DI21" s="190">
        <v>0</v>
      </c>
      <c r="DJ21" s="191">
        <v>0</v>
      </c>
      <c r="DK21" s="196">
        <v>0</v>
      </c>
      <c r="DL21" s="193">
        <v>0</v>
      </c>
      <c r="DM21" s="191">
        <v>0</v>
      </c>
      <c r="DN21" s="191">
        <v>0</v>
      </c>
      <c r="DO21" s="191">
        <v>0</v>
      </c>
      <c r="DP21" s="191">
        <v>0</v>
      </c>
      <c r="DQ21" s="191">
        <v>0</v>
      </c>
      <c r="DR21" s="196">
        <v>0</v>
      </c>
      <c r="DS21" s="195">
        <v>0</v>
      </c>
      <c r="DT21" s="190">
        <v>10</v>
      </c>
      <c r="DU21" s="191">
        <v>12</v>
      </c>
      <c r="DV21" s="196">
        <v>22</v>
      </c>
      <c r="DW21" s="193">
        <v>0</v>
      </c>
      <c r="DX21" s="191">
        <v>33</v>
      </c>
      <c r="DY21" s="191">
        <v>28</v>
      </c>
      <c r="DZ21" s="191">
        <v>14</v>
      </c>
      <c r="EA21" s="191">
        <v>7</v>
      </c>
      <c r="EB21" s="191">
        <v>12</v>
      </c>
      <c r="EC21" s="196">
        <v>94</v>
      </c>
      <c r="ED21" s="195">
        <v>116</v>
      </c>
      <c r="EE21" s="190">
        <v>2</v>
      </c>
      <c r="EF21" s="191">
        <v>3</v>
      </c>
      <c r="EG21" s="196">
        <v>5</v>
      </c>
      <c r="EH21" s="193">
        <v>0</v>
      </c>
      <c r="EI21" s="191">
        <v>7</v>
      </c>
      <c r="EJ21" s="191">
        <v>6</v>
      </c>
      <c r="EK21" s="191">
        <v>4</v>
      </c>
      <c r="EL21" s="191">
        <v>3</v>
      </c>
      <c r="EM21" s="191">
        <v>4</v>
      </c>
      <c r="EN21" s="196">
        <v>24</v>
      </c>
      <c r="EO21" s="195">
        <v>29</v>
      </c>
      <c r="EP21" s="190">
        <v>14</v>
      </c>
      <c r="EQ21" s="191">
        <v>19</v>
      </c>
      <c r="ER21" s="196">
        <v>33</v>
      </c>
      <c r="ES21" s="193">
        <v>0</v>
      </c>
      <c r="ET21" s="191">
        <v>55</v>
      </c>
      <c r="EU21" s="191">
        <v>37</v>
      </c>
      <c r="EV21" s="191">
        <v>12</v>
      </c>
      <c r="EW21" s="191">
        <v>7</v>
      </c>
      <c r="EX21" s="191">
        <v>8</v>
      </c>
      <c r="EY21" s="196">
        <v>119</v>
      </c>
      <c r="EZ21" s="195">
        <v>152</v>
      </c>
    </row>
    <row r="22" spans="2:156" ht="21" customHeight="1" x14ac:dyDescent="0.2">
      <c r="B22" s="106" t="s">
        <v>20</v>
      </c>
      <c r="C22" s="190">
        <v>0</v>
      </c>
      <c r="D22" s="191">
        <v>0</v>
      </c>
      <c r="E22" s="192">
        <v>0</v>
      </c>
      <c r="F22" s="193">
        <v>0</v>
      </c>
      <c r="G22" s="191">
        <v>21</v>
      </c>
      <c r="H22" s="191">
        <v>12</v>
      </c>
      <c r="I22" s="191">
        <v>3</v>
      </c>
      <c r="J22" s="191">
        <v>5</v>
      </c>
      <c r="K22" s="191">
        <v>3</v>
      </c>
      <c r="L22" s="194">
        <v>44</v>
      </c>
      <c r="M22" s="195">
        <v>44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1</v>
      </c>
      <c r="T22" s="191">
        <v>0</v>
      </c>
      <c r="U22" s="191">
        <v>4</v>
      </c>
      <c r="V22" s="191">
        <v>2</v>
      </c>
      <c r="W22" s="196">
        <v>7</v>
      </c>
      <c r="X22" s="195">
        <v>7</v>
      </c>
      <c r="Y22" s="190">
        <v>3</v>
      </c>
      <c r="Z22" s="191">
        <v>7</v>
      </c>
      <c r="AA22" s="196">
        <v>10</v>
      </c>
      <c r="AB22" s="193">
        <v>0</v>
      </c>
      <c r="AC22" s="191">
        <v>19</v>
      </c>
      <c r="AD22" s="191">
        <v>20</v>
      </c>
      <c r="AE22" s="191">
        <v>10</v>
      </c>
      <c r="AF22" s="191">
        <v>6</v>
      </c>
      <c r="AG22" s="191">
        <v>3</v>
      </c>
      <c r="AH22" s="196">
        <v>58</v>
      </c>
      <c r="AI22" s="195">
        <v>68</v>
      </c>
      <c r="AJ22" s="190">
        <v>2</v>
      </c>
      <c r="AK22" s="191">
        <v>4</v>
      </c>
      <c r="AL22" s="196">
        <v>6</v>
      </c>
      <c r="AM22" s="193">
        <v>0</v>
      </c>
      <c r="AN22" s="191">
        <v>4</v>
      </c>
      <c r="AO22" s="191">
        <v>8</v>
      </c>
      <c r="AP22" s="191">
        <v>6</v>
      </c>
      <c r="AQ22" s="191">
        <v>3</v>
      </c>
      <c r="AR22" s="191">
        <v>0</v>
      </c>
      <c r="AS22" s="196">
        <v>21</v>
      </c>
      <c r="AT22" s="195">
        <v>27</v>
      </c>
      <c r="AU22" s="190">
        <v>1</v>
      </c>
      <c r="AV22" s="191">
        <v>5</v>
      </c>
      <c r="AW22" s="196">
        <v>6</v>
      </c>
      <c r="AX22" s="193">
        <v>0</v>
      </c>
      <c r="AY22" s="191">
        <v>26</v>
      </c>
      <c r="AZ22" s="191">
        <v>23</v>
      </c>
      <c r="BA22" s="191">
        <v>18</v>
      </c>
      <c r="BB22" s="191">
        <v>18</v>
      </c>
      <c r="BC22" s="191">
        <v>6</v>
      </c>
      <c r="BD22" s="194">
        <v>91</v>
      </c>
      <c r="BE22" s="195">
        <v>97</v>
      </c>
      <c r="BF22" s="190">
        <v>0</v>
      </c>
      <c r="BG22" s="191">
        <v>0</v>
      </c>
      <c r="BH22" s="196">
        <v>0</v>
      </c>
      <c r="BI22" s="193">
        <v>0</v>
      </c>
      <c r="BJ22" s="191">
        <v>37</v>
      </c>
      <c r="BK22" s="191">
        <v>22</v>
      </c>
      <c r="BL22" s="191">
        <v>14</v>
      </c>
      <c r="BM22" s="191">
        <v>5</v>
      </c>
      <c r="BN22" s="191">
        <v>0</v>
      </c>
      <c r="BO22" s="196">
        <v>78</v>
      </c>
      <c r="BP22" s="195">
        <v>78</v>
      </c>
      <c r="BQ22" s="190">
        <v>2</v>
      </c>
      <c r="BR22" s="191">
        <v>0</v>
      </c>
      <c r="BS22" s="196">
        <v>2</v>
      </c>
      <c r="BT22" s="193">
        <v>0</v>
      </c>
      <c r="BU22" s="191">
        <v>15</v>
      </c>
      <c r="BV22" s="191">
        <v>7</v>
      </c>
      <c r="BW22" s="191">
        <v>3</v>
      </c>
      <c r="BX22" s="191">
        <v>2</v>
      </c>
      <c r="BY22" s="191">
        <v>1</v>
      </c>
      <c r="BZ22" s="196">
        <v>28</v>
      </c>
      <c r="CA22" s="195">
        <v>30</v>
      </c>
      <c r="CB22" s="190">
        <v>0</v>
      </c>
      <c r="CC22" s="191">
        <v>0</v>
      </c>
      <c r="CD22" s="196">
        <v>0</v>
      </c>
      <c r="CE22" s="193">
        <v>0</v>
      </c>
      <c r="CF22" s="191">
        <v>5</v>
      </c>
      <c r="CG22" s="191">
        <v>8</v>
      </c>
      <c r="CH22" s="191">
        <v>7</v>
      </c>
      <c r="CI22" s="191">
        <v>4</v>
      </c>
      <c r="CJ22" s="191">
        <v>1</v>
      </c>
      <c r="CK22" s="196">
        <v>25</v>
      </c>
      <c r="CL22" s="195">
        <v>25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1</v>
      </c>
      <c r="CT22" s="191">
        <v>1</v>
      </c>
      <c r="CU22" s="191">
        <v>0</v>
      </c>
      <c r="CV22" s="196">
        <v>2</v>
      </c>
      <c r="CW22" s="195">
        <v>2</v>
      </c>
      <c r="CX22" s="190">
        <v>0</v>
      </c>
      <c r="CY22" s="191">
        <v>0</v>
      </c>
      <c r="CZ22" s="196">
        <v>0</v>
      </c>
      <c r="DA22" s="193">
        <v>0</v>
      </c>
      <c r="DB22" s="191">
        <v>0</v>
      </c>
      <c r="DC22" s="191">
        <v>0</v>
      </c>
      <c r="DD22" s="191">
        <v>0</v>
      </c>
      <c r="DE22" s="191">
        <v>0</v>
      </c>
      <c r="DF22" s="191">
        <v>0</v>
      </c>
      <c r="DG22" s="196">
        <v>0</v>
      </c>
      <c r="DH22" s="195">
        <v>0</v>
      </c>
      <c r="DI22" s="190">
        <v>0</v>
      </c>
      <c r="DJ22" s="191">
        <v>0</v>
      </c>
      <c r="DK22" s="196">
        <v>0</v>
      </c>
      <c r="DL22" s="193">
        <v>0</v>
      </c>
      <c r="DM22" s="191">
        <v>0</v>
      </c>
      <c r="DN22" s="191">
        <v>0</v>
      </c>
      <c r="DO22" s="191">
        <v>0</v>
      </c>
      <c r="DP22" s="191">
        <v>0</v>
      </c>
      <c r="DQ22" s="191">
        <v>0</v>
      </c>
      <c r="DR22" s="196">
        <v>0</v>
      </c>
      <c r="DS22" s="195">
        <v>0</v>
      </c>
      <c r="DT22" s="190">
        <v>13</v>
      </c>
      <c r="DU22" s="191">
        <v>17</v>
      </c>
      <c r="DV22" s="196">
        <v>30</v>
      </c>
      <c r="DW22" s="193">
        <v>0</v>
      </c>
      <c r="DX22" s="191">
        <v>54</v>
      </c>
      <c r="DY22" s="191">
        <v>46</v>
      </c>
      <c r="DZ22" s="191">
        <v>21</v>
      </c>
      <c r="EA22" s="191">
        <v>13</v>
      </c>
      <c r="EB22" s="191">
        <v>5</v>
      </c>
      <c r="EC22" s="196">
        <v>139</v>
      </c>
      <c r="ED22" s="195">
        <v>169</v>
      </c>
      <c r="EE22" s="190">
        <v>1</v>
      </c>
      <c r="EF22" s="191">
        <v>4</v>
      </c>
      <c r="EG22" s="196">
        <v>5</v>
      </c>
      <c r="EH22" s="193">
        <v>0</v>
      </c>
      <c r="EI22" s="191">
        <v>7</v>
      </c>
      <c r="EJ22" s="191">
        <v>4</v>
      </c>
      <c r="EK22" s="191">
        <v>5</v>
      </c>
      <c r="EL22" s="191">
        <v>10</v>
      </c>
      <c r="EM22" s="191">
        <v>1</v>
      </c>
      <c r="EN22" s="196">
        <v>27</v>
      </c>
      <c r="EO22" s="195">
        <v>32</v>
      </c>
      <c r="EP22" s="190">
        <v>18</v>
      </c>
      <c r="EQ22" s="191">
        <v>25</v>
      </c>
      <c r="ER22" s="196">
        <v>43</v>
      </c>
      <c r="ES22" s="193">
        <v>0</v>
      </c>
      <c r="ET22" s="191">
        <v>100</v>
      </c>
      <c r="EU22" s="191">
        <v>68</v>
      </c>
      <c r="EV22" s="191">
        <v>31</v>
      </c>
      <c r="EW22" s="191">
        <v>16</v>
      </c>
      <c r="EX22" s="191">
        <v>5</v>
      </c>
      <c r="EY22" s="196">
        <v>220</v>
      </c>
      <c r="EZ22" s="195">
        <v>263</v>
      </c>
    </row>
    <row r="23" spans="2:156" ht="21" customHeight="1" x14ac:dyDescent="0.2">
      <c r="B23" s="106" t="s">
        <v>21</v>
      </c>
      <c r="C23" s="190">
        <v>0</v>
      </c>
      <c r="D23" s="191">
        <v>0</v>
      </c>
      <c r="E23" s="192">
        <v>0</v>
      </c>
      <c r="F23" s="193">
        <v>0</v>
      </c>
      <c r="G23" s="191">
        <v>9</v>
      </c>
      <c r="H23" s="191">
        <v>19</v>
      </c>
      <c r="I23" s="191">
        <v>5</v>
      </c>
      <c r="J23" s="191">
        <v>5</v>
      </c>
      <c r="K23" s="191">
        <v>3</v>
      </c>
      <c r="L23" s="194">
        <v>41</v>
      </c>
      <c r="M23" s="195">
        <v>41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2</v>
      </c>
      <c r="U23" s="191">
        <v>0</v>
      </c>
      <c r="V23" s="191">
        <v>1</v>
      </c>
      <c r="W23" s="196">
        <v>3</v>
      </c>
      <c r="X23" s="195">
        <v>3</v>
      </c>
      <c r="Y23" s="190">
        <v>3</v>
      </c>
      <c r="Z23" s="191">
        <v>4</v>
      </c>
      <c r="AA23" s="196">
        <v>7</v>
      </c>
      <c r="AB23" s="193">
        <v>0</v>
      </c>
      <c r="AC23" s="191">
        <v>13</v>
      </c>
      <c r="AD23" s="191">
        <v>15</v>
      </c>
      <c r="AE23" s="191">
        <v>8</v>
      </c>
      <c r="AF23" s="191">
        <v>4</v>
      </c>
      <c r="AG23" s="191">
        <v>2</v>
      </c>
      <c r="AH23" s="196">
        <v>42</v>
      </c>
      <c r="AI23" s="195">
        <v>49</v>
      </c>
      <c r="AJ23" s="190">
        <v>1</v>
      </c>
      <c r="AK23" s="191">
        <v>1</v>
      </c>
      <c r="AL23" s="196">
        <v>2</v>
      </c>
      <c r="AM23" s="193">
        <v>0</v>
      </c>
      <c r="AN23" s="191">
        <v>1</v>
      </c>
      <c r="AO23" s="191">
        <v>4</v>
      </c>
      <c r="AP23" s="191">
        <v>1</v>
      </c>
      <c r="AQ23" s="191">
        <v>1</v>
      </c>
      <c r="AR23" s="191">
        <v>0</v>
      </c>
      <c r="AS23" s="196">
        <v>7</v>
      </c>
      <c r="AT23" s="195">
        <v>9</v>
      </c>
      <c r="AU23" s="190">
        <v>5</v>
      </c>
      <c r="AV23" s="191">
        <v>1</v>
      </c>
      <c r="AW23" s="196">
        <v>6</v>
      </c>
      <c r="AX23" s="193">
        <v>0</v>
      </c>
      <c r="AY23" s="191">
        <v>17</v>
      </c>
      <c r="AZ23" s="191">
        <v>30</v>
      </c>
      <c r="BA23" s="191">
        <v>12</v>
      </c>
      <c r="BB23" s="191">
        <v>19</v>
      </c>
      <c r="BC23" s="191">
        <v>6</v>
      </c>
      <c r="BD23" s="194">
        <v>84</v>
      </c>
      <c r="BE23" s="195">
        <v>90</v>
      </c>
      <c r="BF23" s="190">
        <v>0</v>
      </c>
      <c r="BG23" s="191">
        <v>0</v>
      </c>
      <c r="BH23" s="196">
        <v>0</v>
      </c>
      <c r="BI23" s="193">
        <v>0</v>
      </c>
      <c r="BJ23" s="191">
        <v>24</v>
      </c>
      <c r="BK23" s="191">
        <v>23</v>
      </c>
      <c r="BL23" s="191">
        <v>10</v>
      </c>
      <c r="BM23" s="191">
        <v>0</v>
      </c>
      <c r="BN23" s="191">
        <v>0</v>
      </c>
      <c r="BO23" s="196">
        <v>57</v>
      </c>
      <c r="BP23" s="195">
        <v>57</v>
      </c>
      <c r="BQ23" s="190">
        <v>2</v>
      </c>
      <c r="BR23" s="191">
        <v>3</v>
      </c>
      <c r="BS23" s="196">
        <v>5</v>
      </c>
      <c r="BT23" s="193">
        <v>0</v>
      </c>
      <c r="BU23" s="191">
        <v>6</v>
      </c>
      <c r="BV23" s="191">
        <v>3</v>
      </c>
      <c r="BW23" s="191">
        <v>2</v>
      </c>
      <c r="BX23" s="191">
        <v>0</v>
      </c>
      <c r="BY23" s="191">
        <v>1</v>
      </c>
      <c r="BZ23" s="196">
        <v>12</v>
      </c>
      <c r="CA23" s="195">
        <v>17</v>
      </c>
      <c r="CB23" s="190">
        <v>0</v>
      </c>
      <c r="CC23" s="191">
        <v>0</v>
      </c>
      <c r="CD23" s="196">
        <v>0</v>
      </c>
      <c r="CE23" s="193">
        <v>0</v>
      </c>
      <c r="CF23" s="191">
        <v>3</v>
      </c>
      <c r="CG23" s="191">
        <v>5</v>
      </c>
      <c r="CH23" s="191">
        <v>1</v>
      </c>
      <c r="CI23" s="191">
        <v>3</v>
      </c>
      <c r="CJ23" s="191">
        <v>1</v>
      </c>
      <c r="CK23" s="196">
        <v>13</v>
      </c>
      <c r="CL23" s="195">
        <v>13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  <c r="CX23" s="190">
        <v>0</v>
      </c>
      <c r="CY23" s="191">
        <v>0</v>
      </c>
      <c r="CZ23" s="196">
        <v>0</v>
      </c>
      <c r="DA23" s="193">
        <v>0</v>
      </c>
      <c r="DB23" s="191">
        <v>0</v>
      </c>
      <c r="DC23" s="191">
        <v>0</v>
      </c>
      <c r="DD23" s="191">
        <v>0</v>
      </c>
      <c r="DE23" s="191">
        <v>0</v>
      </c>
      <c r="DF23" s="191">
        <v>0</v>
      </c>
      <c r="DG23" s="196">
        <v>0</v>
      </c>
      <c r="DH23" s="195">
        <v>0</v>
      </c>
      <c r="DI23" s="190">
        <v>0</v>
      </c>
      <c r="DJ23" s="191">
        <v>0</v>
      </c>
      <c r="DK23" s="196">
        <v>0</v>
      </c>
      <c r="DL23" s="193">
        <v>0</v>
      </c>
      <c r="DM23" s="191">
        <v>0</v>
      </c>
      <c r="DN23" s="191">
        <v>0</v>
      </c>
      <c r="DO23" s="191">
        <v>0</v>
      </c>
      <c r="DP23" s="191">
        <v>0</v>
      </c>
      <c r="DQ23" s="191">
        <v>0</v>
      </c>
      <c r="DR23" s="196">
        <v>0</v>
      </c>
      <c r="DS23" s="195">
        <v>0</v>
      </c>
      <c r="DT23" s="190">
        <v>10</v>
      </c>
      <c r="DU23" s="191">
        <v>19</v>
      </c>
      <c r="DV23" s="196">
        <v>29</v>
      </c>
      <c r="DW23" s="193">
        <v>0</v>
      </c>
      <c r="DX23" s="191">
        <v>22</v>
      </c>
      <c r="DY23" s="191">
        <v>43</v>
      </c>
      <c r="DZ23" s="191">
        <v>16</v>
      </c>
      <c r="EA23" s="191">
        <v>8</v>
      </c>
      <c r="EB23" s="191">
        <v>2</v>
      </c>
      <c r="EC23" s="196">
        <v>91</v>
      </c>
      <c r="ED23" s="195">
        <v>120</v>
      </c>
      <c r="EE23" s="190">
        <v>0</v>
      </c>
      <c r="EF23" s="191">
        <v>0</v>
      </c>
      <c r="EG23" s="196">
        <v>0</v>
      </c>
      <c r="EH23" s="193">
        <v>0</v>
      </c>
      <c r="EI23" s="191">
        <v>6</v>
      </c>
      <c r="EJ23" s="191">
        <v>9</v>
      </c>
      <c r="EK23" s="191">
        <v>6</v>
      </c>
      <c r="EL23" s="191">
        <v>11</v>
      </c>
      <c r="EM23" s="191">
        <v>3</v>
      </c>
      <c r="EN23" s="196">
        <v>35</v>
      </c>
      <c r="EO23" s="195">
        <v>35</v>
      </c>
      <c r="EP23" s="190">
        <v>15</v>
      </c>
      <c r="EQ23" s="191">
        <v>25</v>
      </c>
      <c r="ER23" s="196">
        <v>40</v>
      </c>
      <c r="ES23" s="193">
        <v>0</v>
      </c>
      <c r="ET23" s="191">
        <v>60</v>
      </c>
      <c r="EU23" s="191">
        <v>58</v>
      </c>
      <c r="EV23" s="191">
        <v>21</v>
      </c>
      <c r="EW23" s="191">
        <v>9</v>
      </c>
      <c r="EX23" s="191">
        <v>4</v>
      </c>
      <c r="EY23" s="196">
        <v>152</v>
      </c>
      <c r="EZ23" s="195">
        <v>192</v>
      </c>
    </row>
    <row r="24" spans="2:156" ht="21" customHeight="1" x14ac:dyDescent="0.2">
      <c r="B24" s="106" t="s">
        <v>22</v>
      </c>
      <c r="C24" s="190">
        <v>0</v>
      </c>
      <c r="D24" s="191">
        <v>0</v>
      </c>
      <c r="E24" s="192">
        <v>0</v>
      </c>
      <c r="F24" s="193">
        <v>0</v>
      </c>
      <c r="G24" s="191">
        <v>9</v>
      </c>
      <c r="H24" s="191">
        <v>7</v>
      </c>
      <c r="I24" s="191">
        <v>3</v>
      </c>
      <c r="J24" s="191">
        <v>2</v>
      </c>
      <c r="K24" s="191">
        <v>3</v>
      </c>
      <c r="L24" s="194">
        <v>24</v>
      </c>
      <c r="M24" s="195">
        <v>24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0</v>
      </c>
      <c r="V24" s="191">
        <v>0</v>
      </c>
      <c r="W24" s="196">
        <v>0</v>
      </c>
      <c r="X24" s="195">
        <v>0</v>
      </c>
      <c r="Y24" s="190">
        <v>0</v>
      </c>
      <c r="Z24" s="191">
        <v>0</v>
      </c>
      <c r="AA24" s="196">
        <v>0</v>
      </c>
      <c r="AB24" s="193">
        <v>0</v>
      </c>
      <c r="AC24" s="191">
        <v>4</v>
      </c>
      <c r="AD24" s="191">
        <v>7</v>
      </c>
      <c r="AE24" s="191">
        <v>4</v>
      </c>
      <c r="AF24" s="191">
        <v>1</v>
      </c>
      <c r="AG24" s="191">
        <v>2</v>
      </c>
      <c r="AH24" s="196">
        <v>18</v>
      </c>
      <c r="AI24" s="195">
        <v>18</v>
      </c>
      <c r="AJ24" s="190">
        <v>1</v>
      </c>
      <c r="AK24" s="191">
        <v>0</v>
      </c>
      <c r="AL24" s="196">
        <v>1</v>
      </c>
      <c r="AM24" s="193">
        <v>0</v>
      </c>
      <c r="AN24" s="191">
        <v>1</v>
      </c>
      <c r="AO24" s="191">
        <v>0</v>
      </c>
      <c r="AP24" s="191">
        <v>0</v>
      </c>
      <c r="AQ24" s="191">
        <v>0</v>
      </c>
      <c r="AR24" s="191">
        <v>0</v>
      </c>
      <c r="AS24" s="196">
        <v>1</v>
      </c>
      <c r="AT24" s="195">
        <v>2</v>
      </c>
      <c r="AU24" s="190">
        <v>3</v>
      </c>
      <c r="AV24" s="191">
        <v>0</v>
      </c>
      <c r="AW24" s="196">
        <v>3</v>
      </c>
      <c r="AX24" s="193">
        <v>0</v>
      </c>
      <c r="AY24" s="191">
        <v>6</v>
      </c>
      <c r="AZ24" s="191">
        <v>8</v>
      </c>
      <c r="BA24" s="191">
        <v>9</v>
      </c>
      <c r="BB24" s="191">
        <v>8</v>
      </c>
      <c r="BC24" s="191">
        <v>1</v>
      </c>
      <c r="BD24" s="194">
        <v>32</v>
      </c>
      <c r="BE24" s="195">
        <v>35</v>
      </c>
      <c r="BF24" s="190">
        <v>0</v>
      </c>
      <c r="BG24" s="191">
        <v>0</v>
      </c>
      <c r="BH24" s="196">
        <v>0</v>
      </c>
      <c r="BI24" s="193">
        <v>0</v>
      </c>
      <c r="BJ24" s="191">
        <v>12</v>
      </c>
      <c r="BK24" s="191">
        <v>11</v>
      </c>
      <c r="BL24" s="191">
        <v>8</v>
      </c>
      <c r="BM24" s="191">
        <v>0</v>
      </c>
      <c r="BN24" s="191">
        <v>1</v>
      </c>
      <c r="BO24" s="196">
        <v>32</v>
      </c>
      <c r="BP24" s="195">
        <v>32</v>
      </c>
      <c r="BQ24" s="190">
        <v>0</v>
      </c>
      <c r="BR24" s="191">
        <v>1</v>
      </c>
      <c r="BS24" s="196">
        <v>1</v>
      </c>
      <c r="BT24" s="193">
        <v>0</v>
      </c>
      <c r="BU24" s="191">
        <v>4</v>
      </c>
      <c r="BV24" s="191">
        <v>1</v>
      </c>
      <c r="BW24" s="191">
        <v>0</v>
      </c>
      <c r="BX24" s="191">
        <v>0</v>
      </c>
      <c r="BY24" s="191">
        <v>1</v>
      </c>
      <c r="BZ24" s="196">
        <v>6</v>
      </c>
      <c r="CA24" s="195">
        <v>7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0</v>
      </c>
      <c r="CH24" s="191">
        <v>1</v>
      </c>
      <c r="CI24" s="191">
        <v>1</v>
      </c>
      <c r="CJ24" s="191">
        <v>1</v>
      </c>
      <c r="CK24" s="196">
        <v>3</v>
      </c>
      <c r="CL24" s="195">
        <v>3</v>
      </c>
      <c r="CM24" s="190">
        <v>0</v>
      </c>
      <c r="CN24" s="191">
        <v>0</v>
      </c>
      <c r="CO24" s="196">
        <v>0</v>
      </c>
      <c r="CP24" s="193">
        <v>0</v>
      </c>
      <c r="CQ24" s="191">
        <v>1</v>
      </c>
      <c r="CR24" s="191">
        <v>0</v>
      </c>
      <c r="CS24" s="191">
        <v>0</v>
      </c>
      <c r="CT24" s="191">
        <v>0</v>
      </c>
      <c r="CU24" s="191">
        <v>1</v>
      </c>
      <c r="CV24" s="196">
        <v>2</v>
      </c>
      <c r="CW24" s="195">
        <v>2</v>
      </c>
      <c r="CX24" s="190">
        <v>0</v>
      </c>
      <c r="CY24" s="191">
        <v>0</v>
      </c>
      <c r="CZ24" s="196">
        <v>0</v>
      </c>
      <c r="DA24" s="193">
        <v>0</v>
      </c>
      <c r="DB24" s="191">
        <v>0</v>
      </c>
      <c r="DC24" s="191">
        <v>0</v>
      </c>
      <c r="DD24" s="191">
        <v>0</v>
      </c>
      <c r="DE24" s="191">
        <v>0</v>
      </c>
      <c r="DF24" s="191">
        <v>0</v>
      </c>
      <c r="DG24" s="196">
        <v>0</v>
      </c>
      <c r="DH24" s="195">
        <v>0</v>
      </c>
      <c r="DI24" s="190">
        <v>0</v>
      </c>
      <c r="DJ24" s="191">
        <v>0</v>
      </c>
      <c r="DK24" s="196">
        <v>0</v>
      </c>
      <c r="DL24" s="193">
        <v>0</v>
      </c>
      <c r="DM24" s="191">
        <v>0</v>
      </c>
      <c r="DN24" s="191">
        <v>0</v>
      </c>
      <c r="DO24" s="191">
        <v>0</v>
      </c>
      <c r="DP24" s="191">
        <v>0</v>
      </c>
      <c r="DQ24" s="191">
        <v>0</v>
      </c>
      <c r="DR24" s="196">
        <v>0</v>
      </c>
      <c r="DS24" s="195">
        <v>0</v>
      </c>
      <c r="DT24" s="190">
        <v>0</v>
      </c>
      <c r="DU24" s="191">
        <v>6</v>
      </c>
      <c r="DV24" s="196">
        <v>6</v>
      </c>
      <c r="DW24" s="193">
        <v>0</v>
      </c>
      <c r="DX24" s="191">
        <v>19</v>
      </c>
      <c r="DY24" s="191">
        <v>17</v>
      </c>
      <c r="DZ24" s="191">
        <v>15</v>
      </c>
      <c r="EA24" s="191">
        <v>4</v>
      </c>
      <c r="EB24" s="191">
        <v>6</v>
      </c>
      <c r="EC24" s="196">
        <v>61</v>
      </c>
      <c r="ED24" s="195">
        <v>67</v>
      </c>
      <c r="EE24" s="190">
        <v>1</v>
      </c>
      <c r="EF24" s="191">
        <v>0</v>
      </c>
      <c r="EG24" s="196">
        <v>1</v>
      </c>
      <c r="EH24" s="193">
        <v>0</v>
      </c>
      <c r="EI24" s="191">
        <v>5</v>
      </c>
      <c r="EJ24" s="191">
        <v>1</v>
      </c>
      <c r="EK24" s="191">
        <v>3</v>
      </c>
      <c r="EL24" s="191">
        <v>5</v>
      </c>
      <c r="EM24" s="191">
        <v>0</v>
      </c>
      <c r="EN24" s="196">
        <v>14</v>
      </c>
      <c r="EO24" s="195">
        <v>15</v>
      </c>
      <c r="EP24" s="190">
        <v>1</v>
      </c>
      <c r="EQ24" s="191">
        <v>6</v>
      </c>
      <c r="ER24" s="196">
        <v>7</v>
      </c>
      <c r="ES24" s="193">
        <v>0</v>
      </c>
      <c r="ET24" s="191">
        <v>34</v>
      </c>
      <c r="EU24" s="191">
        <v>23</v>
      </c>
      <c r="EV24" s="191">
        <v>15</v>
      </c>
      <c r="EW24" s="191">
        <v>5</v>
      </c>
      <c r="EX24" s="191">
        <v>6</v>
      </c>
      <c r="EY24" s="196">
        <v>83</v>
      </c>
      <c r="EZ24" s="195">
        <v>90</v>
      </c>
    </row>
    <row r="25" spans="2:156" ht="21" customHeight="1" x14ac:dyDescent="0.2">
      <c r="B25" s="106" t="s">
        <v>23</v>
      </c>
      <c r="C25" s="190">
        <v>0</v>
      </c>
      <c r="D25" s="191">
        <v>0</v>
      </c>
      <c r="E25" s="192">
        <v>0</v>
      </c>
      <c r="F25" s="193">
        <v>0</v>
      </c>
      <c r="G25" s="191">
        <v>7</v>
      </c>
      <c r="H25" s="191">
        <v>9</v>
      </c>
      <c r="I25" s="191">
        <v>0</v>
      </c>
      <c r="J25" s="191">
        <v>1</v>
      </c>
      <c r="K25" s="191">
        <v>2</v>
      </c>
      <c r="L25" s="194">
        <v>19</v>
      </c>
      <c r="M25" s="195">
        <v>19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1</v>
      </c>
      <c r="V25" s="191">
        <v>0</v>
      </c>
      <c r="W25" s="196">
        <v>1</v>
      </c>
      <c r="X25" s="195">
        <v>1</v>
      </c>
      <c r="Y25" s="190">
        <v>3</v>
      </c>
      <c r="Z25" s="191">
        <v>2</v>
      </c>
      <c r="AA25" s="196">
        <v>5</v>
      </c>
      <c r="AB25" s="193">
        <v>0</v>
      </c>
      <c r="AC25" s="191">
        <v>7</v>
      </c>
      <c r="AD25" s="191">
        <v>16</v>
      </c>
      <c r="AE25" s="191">
        <v>2</v>
      </c>
      <c r="AF25" s="191">
        <v>2</v>
      </c>
      <c r="AG25" s="191">
        <v>1</v>
      </c>
      <c r="AH25" s="196">
        <v>28</v>
      </c>
      <c r="AI25" s="195">
        <v>33</v>
      </c>
      <c r="AJ25" s="190">
        <v>0</v>
      </c>
      <c r="AK25" s="191">
        <v>1</v>
      </c>
      <c r="AL25" s="196">
        <v>1</v>
      </c>
      <c r="AM25" s="193">
        <v>0</v>
      </c>
      <c r="AN25" s="191">
        <v>1</v>
      </c>
      <c r="AO25" s="191">
        <v>2</v>
      </c>
      <c r="AP25" s="191">
        <v>0</v>
      </c>
      <c r="AQ25" s="191">
        <v>0</v>
      </c>
      <c r="AR25" s="191">
        <v>0</v>
      </c>
      <c r="AS25" s="196">
        <v>3</v>
      </c>
      <c r="AT25" s="195">
        <v>4</v>
      </c>
      <c r="AU25" s="190">
        <v>2</v>
      </c>
      <c r="AV25" s="191">
        <v>1</v>
      </c>
      <c r="AW25" s="196">
        <v>3</v>
      </c>
      <c r="AX25" s="193">
        <v>0</v>
      </c>
      <c r="AY25" s="191">
        <v>13</v>
      </c>
      <c r="AZ25" s="191">
        <v>12</v>
      </c>
      <c r="BA25" s="191">
        <v>8</v>
      </c>
      <c r="BB25" s="191">
        <v>11</v>
      </c>
      <c r="BC25" s="191">
        <v>6</v>
      </c>
      <c r="BD25" s="194">
        <v>50</v>
      </c>
      <c r="BE25" s="195">
        <v>53</v>
      </c>
      <c r="BF25" s="190">
        <v>0</v>
      </c>
      <c r="BG25" s="191">
        <v>0</v>
      </c>
      <c r="BH25" s="196">
        <v>0</v>
      </c>
      <c r="BI25" s="193">
        <v>0</v>
      </c>
      <c r="BJ25" s="191">
        <v>14</v>
      </c>
      <c r="BK25" s="191">
        <v>22</v>
      </c>
      <c r="BL25" s="191">
        <v>1</v>
      </c>
      <c r="BM25" s="191">
        <v>4</v>
      </c>
      <c r="BN25" s="191">
        <v>3</v>
      </c>
      <c r="BO25" s="196">
        <v>44</v>
      </c>
      <c r="BP25" s="195">
        <v>44</v>
      </c>
      <c r="BQ25" s="190">
        <v>0</v>
      </c>
      <c r="BR25" s="191">
        <v>0</v>
      </c>
      <c r="BS25" s="196">
        <v>0</v>
      </c>
      <c r="BT25" s="193">
        <v>0</v>
      </c>
      <c r="BU25" s="191">
        <v>3</v>
      </c>
      <c r="BV25" s="191">
        <v>5</v>
      </c>
      <c r="BW25" s="191">
        <v>0</v>
      </c>
      <c r="BX25" s="191">
        <v>0</v>
      </c>
      <c r="BY25" s="191">
        <v>0</v>
      </c>
      <c r="BZ25" s="196">
        <v>8</v>
      </c>
      <c r="CA25" s="195">
        <v>8</v>
      </c>
      <c r="CB25" s="190">
        <v>0</v>
      </c>
      <c r="CC25" s="191">
        <v>0</v>
      </c>
      <c r="CD25" s="196">
        <v>0</v>
      </c>
      <c r="CE25" s="193">
        <v>0</v>
      </c>
      <c r="CF25" s="191">
        <v>1</v>
      </c>
      <c r="CG25" s="191">
        <v>0</v>
      </c>
      <c r="CH25" s="191">
        <v>1</v>
      </c>
      <c r="CI25" s="191">
        <v>4</v>
      </c>
      <c r="CJ25" s="191">
        <v>0</v>
      </c>
      <c r="CK25" s="196">
        <v>6</v>
      </c>
      <c r="CL25" s="195">
        <v>6</v>
      </c>
      <c r="CM25" s="190">
        <v>0</v>
      </c>
      <c r="CN25" s="191">
        <v>0</v>
      </c>
      <c r="CO25" s="196">
        <v>0</v>
      </c>
      <c r="CP25" s="193">
        <v>0</v>
      </c>
      <c r="CQ25" s="191">
        <v>1</v>
      </c>
      <c r="CR25" s="191">
        <v>1</v>
      </c>
      <c r="CS25" s="191">
        <v>0</v>
      </c>
      <c r="CT25" s="191">
        <v>0</v>
      </c>
      <c r="CU25" s="191">
        <v>0</v>
      </c>
      <c r="CV25" s="196">
        <v>2</v>
      </c>
      <c r="CW25" s="195">
        <v>2</v>
      </c>
      <c r="CX25" s="190">
        <v>0</v>
      </c>
      <c r="CY25" s="191">
        <v>0</v>
      </c>
      <c r="CZ25" s="196">
        <v>0</v>
      </c>
      <c r="DA25" s="193">
        <v>0</v>
      </c>
      <c r="DB25" s="191">
        <v>0</v>
      </c>
      <c r="DC25" s="191">
        <v>0</v>
      </c>
      <c r="DD25" s="191">
        <v>0</v>
      </c>
      <c r="DE25" s="191">
        <v>0</v>
      </c>
      <c r="DF25" s="191">
        <v>0</v>
      </c>
      <c r="DG25" s="196">
        <v>0</v>
      </c>
      <c r="DH25" s="195">
        <v>0</v>
      </c>
      <c r="DI25" s="190">
        <v>0</v>
      </c>
      <c r="DJ25" s="191">
        <v>0</v>
      </c>
      <c r="DK25" s="196">
        <v>0</v>
      </c>
      <c r="DL25" s="193">
        <v>0</v>
      </c>
      <c r="DM25" s="191">
        <v>0</v>
      </c>
      <c r="DN25" s="191">
        <v>0</v>
      </c>
      <c r="DO25" s="191">
        <v>0</v>
      </c>
      <c r="DP25" s="191">
        <v>0</v>
      </c>
      <c r="DQ25" s="191">
        <v>0</v>
      </c>
      <c r="DR25" s="196">
        <v>0</v>
      </c>
      <c r="DS25" s="195">
        <v>0</v>
      </c>
      <c r="DT25" s="190">
        <v>4</v>
      </c>
      <c r="DU25" s="191">
        <v>12</v>
      </c>
      <c r="DV25" s="196">
        <v>16</v>
      </c>
      <c r="DW25" s="193">
        <v>0</v>
      </c>
      <c r="DX25" s="191">
        <v>14</v>
      </c>
      <c r="DY25" s="191">
        <v>31</v>
      </c>
      <c r="DZ25" s="191">
        <v>4</v>
      </c>
      <c r="EA25" s="191">
        <v>7</v>
      </c>
      <c r="EB25" s="191">
        <v>4</v>
      </c>
      <c r="EC25" s="196">
        <v>60</v>
      </c>
      <c r="ED25" s="195">
        <v>76</v>
      </c>
      <c r="EE25" s="190">
        <v>2</v>
      </c>
      <c r="EF25" s="191">
        <v>0</v>
      </c>
      <c r="EG25" s="196">
        <v>2</v>
      </c>
      <c r="EH25" s="193">
        <v>0</v>
      </c>
      <c r="EI25" s="191">
        <v>4</v>
      </c>
      <c r="EJ25" s="191">
        <v>0</v>
      </c>
      <c r="EK25" s="191">
        <v>3</v>
      </c>
      <c r="EL25" s="191">
        <v>6</v>
      </c>
      <c r="EM25" s="191">
        <v>2</v>
      </c>
      <c r="EN25" s="196">
        <v>15</v>
      </c>
      <c r="EO25" s="195">
        <v>17</v>
      </c>
      <c r="EP25" s="190">
        <v>5</v>
      </c>
      <c r="EQ25" s="191">
        <v>15</v>
      </c>
      <c r="ER25" s="196">
        <v>20</v>
      </c>
      <c r="ES25" s="193">
        <v>0</v>
      </c>
      <c r="ET25" s="191">
        <v>31</v>
      </c>
      <c r="EU25" s="191">
        <v>39</v>
      </c>
      <c r="EV25" s="191">
        <v>5</v>
      </c>
      <c r="EW25" s="191">
        <v>7</v>
      </c>
      <c r="EX25" s="191">
        <v>4</v>
      </c>
      <c r="EY25" s="196">
        <v>86</v>
      </c>
      <c r="EZ25" s="195">
        <v>106</v>
      </c>
    </row>
    <row r="26" spans="2:156" ht="21" customHeight="1" x14ac:dyDescent="0.2">
      <c r="B26" s="106" t="s">
        <v>24</v>
      </c>
      <c r="C26" s="190">
        <v>0</v>
      </c>
      <c r="D26" s="191">
        <v>0</v>
      </c>
      <c r="E26" s="192">
        <v>0</v>
      </c>
      <c r="F26" s="193">
        <v>0</v>
      </c>
      <c r="G26" s="191">
        <v>7</v>
      </c>
      <c r="H26" s="191">
        <v>1</v>
      </c>
      <c r="I26" s="191">
        <v>3</v>
      </c>
      <c r="J26" s="191">
        <v>3</v>
      </c>
      <c r="K26" s="191">
        <v>4</v>
      </c>
      <c r="L26" s="194">
        <v>18</v>
      </c>
      <c r="M26" s="195">
        <v>18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1</v>
      </c>
      <c r="V26" s="191">
        <v>1</v>
      </c>
      <c r="W26" s="196">
        <v>2</v>
      </c>
      <c r="X26" s="195">
        <v>2</v>
      </c>
      <c r="Y26" s="190">
        <v>1</v>
      </c>
      <c r="Z26" s="191">
        <v>1</v>
      </c>
      <c r="AA26" s="196">
        <v>2</v>
      </c>
      <c r="AB26" s="193">
        <v>0</v>
      </c>
      <c r="AC26" s="191">
        <v>12</v>
      </c>
      <c r="AD26" s="191">
        <v>8</v>
      </c>
      <c r="AE26" s="191">
        <v>10</v>
      </c>
      <c r="AF26" s="191">
        <v>4</v>
      </c>
      <c r="AG26" s="191">
        <v>1</v>
      </c>
      <c r="AH26" s="196">
        <v>35</v>
      </c>
      <c r="AI26" s="195">
        <v>37</v>
      </c>
      <c r="AJ26" s="190">
        <v>0</v>
      </c>
      <c r="AK26" s="191">
        <v>0</v>
      </c>
      <c r="AL26" s="196">
        <v>0</v>
      </c>
      <c r="AM26" s="193">
        <v>0</v>
      </c>
      <c r="AN26" s="191">
        <v>1</v>
      </c>
      <c r="AO26" s="191">
        <v>2</v>
      </c>
      <c r="AP26" s="191">
        <v>0</v>
      </c>
      <c r="AQ26" s="191">
        <v>0</v>
      </c>
      <c r="AR26" s="191">
        <v>0</v>
      </c>
      <c r="AS26" s="196">
        <v>3</v>
      </c>
      <c r="AT26" s="195">
        <v>3</v>
      </c>
      <c r="AU26" s="190">
        <v>2</v>
      </c>
      <c r="AV26" s="191">
        <v>0</v>
      </c>
      <c r="AW26" s="196">
        <v>2</v>
      </c>
      <c r="AX26" s="193">
        <v>0</v>
      </c>
      <c r="AY26" s="191">
        <v>14</v>
      </c>
      <c r="AZ26" s="191">
        <v>11</v>
      </c>
      <c r="BA26" s="191">
        <v>9</v>
      </c>
      <c r="BB26" s="191">
        <v>9</v>
      </c>
      <c r="BC26" s="191">
        <v>4</v>
      </c>
      <c r="BD26" s="194">
        <v>47</v>
      </c>
      <c r="BE26" s="195">
        <v>49</v>
      </c>
      <c r="BF26" s="190">
        <v>0</v>
      </c>
      <c r="BG26" s="191">
        <v>0</v>
      </c>
      <c r="BH26" s="196">
        <v>0</v>
      </c>
      <c r="BI26" s="193">
        <v>0</v>
      </c>
      <c r="BJ26" s="191">
        <v>12</v>
      </c>
      <c r="BK26" s="191">
        <v>8</v>
      </c>
      <c r="BL26" s="191">
        <v>6</v>
      </c>
      <c r="BM26" s="191">
        <v>3</v>
      </c>
      <c r="BN26" s="191">
        <v>1</v>
      </c>
      <c r="BO26" s="196">
        <v>30</v>
      </c>
      <c r="BP26" s="195">
        <v>30</v>
      </c>
      <c r="BQ26" s="190">
        <v>1</v>
      </c>
      <c r="BR26" s="191">
        <v>1</v>
      </c>
      <c r="BS26" s="196">
        <v>2</v>
      </c>
      <c r="BT26" s="193">
        <v>0</v>
      </c>
      <c r="BU26" s="191">
        <v>1</v>
      </c>
      <c r="BV26" s="191">
        <v>7</v>
      </c>
      <c r="BW26" s="191">
        <v>6</v>
      </c>
      <c r="BX26" s="191">
        <v>4</v>
      </c>
      <c r="BY26" s="191">
        <v>1</v>
      </c>
      <c r="BZ26" s="196">
        <v>19</v>
      </c>
      <c r="CA26" s="195">
        <v>21</v>
      </c>
      <c r="CB26" s="190">
        <v>0</v>
      </c>
      <c r="CC26" s="191">
        <v>0</v>
      </c>
      <c r="CD26" s="196">
        <v>0</v>
      </c>
      <c r="CE26" s="193">
        <v>0</v>
      </c>
      <c r="CF26" s="191">
        <v>2</v>
      </c>
      <c r="CG26" s="191">
        <v>3</v>
      </c>
      <c r="CH26" s="191">
        <v>2</v>
      </c>
      <c r="CI26" s="191">
        <v>4</v>
      </c>
      <c r="CJ26" s="191">
        <v>0</v>
      </c>
      <c r="CK26" s="196">
        <v>11</v>
      </c>
      <c r="CL26" s="195">
        <v>11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1</v>
      </c>
      <c r="CS26" s="191">
        <v>1</v>
      </c>
      <c r="CT26" s="191">
        <v>0</v>
      </c>
      <c r="CU26" s="191">
        <v>0</v>
      </c>
      <c r="CV26" s="196">
        <v>2</v>
      </c>
      <c r="CW26" s="195">
        <v>2</v>
      </c>
      <c r="CX26" s="190">
        <v>0</v>
      </c>
      <c r="CY26" s="191">
        <v>0</v>
      </c>
      <c r="CZ26" s="196">
        <v>0</v>
      </c>
      <c r="DA26" s="193">
        <v>0</v>
      </c>
      <c r="DB26" s="191">
        <v>0</v>
      </c>
      <c r="DC26" s="191">
        <v>0</v>
      </c>
      <c r="DD26" s="191">
        <v>0</v>
      </c>
      <c r="DE26" s="191">
        <v>0</v>
      </c>
      <c r="DF26" s="191">
        <v>0</v>
      </c>
      <c r="DG26" s="196">
        <v>0</v>
      </c>
      <c r="DH26" s="195">
        <v>0</v>
      </c>
      <c r="DI26" s="190">
        <v>0</v>
      </c>
      <c r="DJ26" s="191">
        <v>0</v>
      </c>
      <c r="DK26" s="196">
        <v>0</v>
      </c>
      <c r="DL26" s="193">
        <v>0</v>
      </c>
      <c r="DM26" s="191">
        <v>0</v>
      </c>
      <c r="DN26" s="191">
        <v>0</v>
      </c>
      <c r="DO26" s="191">
        <v>0</v>
      </c>
      <c r="DP26" s="191">
        <v>0</v>
      </c>
      <c r="DQ26" s="191">
        <v>0</v>
      </c>
      <c r="DR26" s="196">
        <v>0</v>
      </c>
      <c r="DS26" s="195">
        <v>0</v>
      </c>
      <c r="DT26" s="190">
        <v>9</v>
      </c>
      <c r="DU26" s="191">
        <v>6</v>
      </c>
      <c r="DV26" s="196">
        <v>15</v>
      </c>
      <c r="DW26" s="193">
        <v>0</v>
      </c>
      <c r="DX26" s="191">
        <v>13</v>
      </c>
      <c r="DY26" s="191">
        <v>17</v>
      </c>
      <c r="DZ26" s="191">
        <v>14</v>
      </c>
      <c r="EA26" s="191">
        <v>11</v>
      </c>
      <c r="EB26" s="191">
        <v>5</v>
      </c>
      <c r="EC26" s="196">
        <v>60</v>
      </c>
      <c r="ED26" s="195">
        <v>75</v>
      </c>
      <c r="EE26" s="190">
        <v>0</v>
      </c>
      <c r="EF26" s="191">
        <v>0</v>
      </c>
      <c r="EG26" s="196">
        <v>0</v>
      </c>
      <c r="EH26" s="193">
        <v>0</v>
      </c>
      <c r="EI26" s="191">
        <v>7</v>
      </c>
      <c r="EJ26" s="191">
        <v>3</v>
      </c>
      <c r="EK26" s="191">
        <v>2</v>
      </c>
      <c r="EL26" s="191">
        <v>1</v>
      </c>
      <c r="EM26" s="191">
        <v>0</v>
      </c>
      <c r="EN26" s="196">
        <v>13</v>
      </c>
      <c r="EO26" s="195">
        <v>13</v>
      </c>
      <c r="EP26" s="190">
        <v>10</v>
      </c>
      <c r="EQ26" s="191">
        <v>8</v>
      </c>
      <c r="ER26" s="196">
        <v>18</v>
      </c>
      <c r="ES26" s="193">
        <v>0</v>
      </c>
      <c r="ET26" s="191">
        <v>32</v>
      </c>
      <c r="EU26" s="191">
        <v>25</v>
      </c>
      <c r="EV26" s="191">
        <v>14</v>
      </c>
      <c r="EW26" s="191">
        <v>12</v>
      </c>
      <c r="EX26" s="191">
        <v>5</v>
      </c>
      <c r="EY26" s="196">
        <v>88</v>
      </c>
      <c r="EZ26" s="195">
        <v>106</v>
      </c>
    </row>
    <row r="27" spans="2:156" ht="21" customHeight="1" x14ac:dyDescent="0.2">
      <c r="B27" s="106" t="s">
        <v>25</v>
      </c>
      <c r="C27" s="190">
        <v>0</v>
      </c>
      <c r="D27" s="191">
        <v>0</v>
      </c>
      <c r="E27" s="192">
        <v>0</v>
      </c>
      <c r="F27" s="193">
        <v>0</v>
      </c>
      <c r="G27" s="191">
        <v>4</v>
      </c>
      <c r="H27" s="191">
        <v>5</v>
      </c>
      <c r="I27" s="191">
        <v>2</v>
      </c>
      <c r="J27" s="191">
        <v>2</v>
      </c>
      <c r="K27" s="191">
        <v>0</v>
      </c>
      <c r="L27" s="194">
        <v>13</v>
      </c>
      <c r="M27" s="195">
        <v>13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1</v>
      </c>
      <c r="T27" s="191">
        <v>2</v>
      </c>
      <c r="U27" s="191">
        <v>0</v>
      </c>
      <c r="V27" s="191">
        <v>0</v>
      </c>
      <c r="W27" s="196">
        <v>3</v>
      </c>
      <c r="X27" s="195">
        <v>3</v>
      </c>
      <c r="Y27" s="190">
        <v>2</v>
      </c>
      <c r="Z27" s="191">
        <v>2</v>
      </c>
      <c r="AA27" s="196">
        <v>4</v>
      </c>
      <c r="AB27" s="193">
        <v>0</v>
      </c>
      <c r="AC27" s="191">
        <v>3</v>
      </c>
      <c r="AD27" s="191">
        <v>7</v>
      </c>
      <c r="AE27" s="191">
        <v>4</v>
      </c>
      <c r="AF27" s="191">
        <v>1</v>
      </c>
      <c r="AG27" s="191">
        <v>0</v>
      </c>
      <c r="AH27" s="196">
        <v>15</v>
      </c>
      <c r="AI27" s="195">
        <v>19</v>
      </c>
      <c r="AJ27" s="190">
        <v>0</v>
      </c>
      <c r="AK27" s="191">
        <v>2</v>
      </c>
      <c r="AL27" s="196">
        <v>2</v>
      </c>
      <c r="AM27" s="193">
        <v>0</v>
      </c>
      <c r="AN27" s="191">
        <v>0</v>
      </c>
      <c r="AO27" s="191">
        <v>1</v>
      </c>
      <c r="AP27" s="191">
        <v>0</v>
      </c>
      <c r="AQ27" s="191">
        <v>0</v>
      </c>
      <c r="AR27" s="191">
        <v>0</v>
      </c>
      <c r="AS27" s="196">
        <v>1</v>
      </c>
      <c r="AT27" s="195">
        <v>3</v>
      </c>
      <c r="AU27" s="190">
        <v>0</v>
      </c>
      <c r="AV27" s="191">
        <v>2</v>
      </c>
      <c r="AW27" s="196">
        <v>2</v>
      </c>
      <c r="AX27" s="193">
        <v>0</v>
      </c>
      <c r="AY27" s="191">
        <v>5</v>
      </c>
      <c r="AZ27" s="191">
        <v>3</v>
      </c>
      <c r="BA27" s="191">
        <v>5</v>
      </c>
      <c r="BB27" s="191">
        <v>5</v>
      </c>
      <c r="BC27" s="191">
        <v>0</v>
      </c>
      <c r="BD27" s="194">
        <v>18</v>
      </c>
      <c r="BE27" s="195">
        <v>20</v>
      </c>
      <c r="BF27" s="190">
        <v>0</v>
      </c>
      <c r="BG27" s="191">
        <v>0</v>
      </c>
      <c r="BH27" s="196">
        <v>0</v>
      </c>
      <c r="BI27" s="193">
        <v>0</v>
      </c>
      <c r="BJ27" s="191">
        <v>4</v>
      </c>
      <c r="BK27" s="191">
        <v>4</v>
      </c>
      <c r="BL27" s="191">
        <v>2</v>
      </c>
      <c r="BM27" s="191">
        <v>1</v>
      </c>
      <c r="BN27" s="191">
        <v>0</v>
      </c>
      <c r="BO27" s="196">
        <v>11</v>
      </c>
      <c r="BP27" s="195">
        <v>11</v>
      </c>
      <c r="BQ27" s="190">
        <v>0</v>
      </c>
      <c r="BR27" s="191">
        <v>1</v>
      </c>
      <c r="BS27" s="196">
        <v>1</v>
      </c>
      <c r="BT27" s="193">
        <v>0</v>
      </c>
      <c r="BU27" s="191">
        <v>0</v>
      </c>
      <c r="BV27" s="191">
        <v>2</v>
      </c>
      <c r="BW27" s="191">
        <v>2</v>
      </c>
      <c r="BX27" s="191">
        <v>1</v>
      </c>
      <c r="BY27" s="191">
        <v>0</v>
      </c>
      <c r="BZ27" s="196">
        <v>5</v>
      </c>
      <c r="CA27" s="195">
        <v>6</v>
      </c>
      <c r="CB27" s="190">
        <v>0</v>
      </c>
      <c r="CC27" s="191">
        <v>0</v>
      </c>
      <c r="CD27" s="196">
        <v>0</v>
      </c>
      <c r="CE27" s="193">
        <v>0</v>
      </c>
      <c r="CF27" s="191">
        <v>2</v>
      </c>
      <c r="CG27" s="191">
        <v>1</v>
      </c>
      <c r="CH27" s="191">
        <v>0</v>
      </c>
      <c r="CI27" s="191">
        <v>1</v>
      </c>
      <c r="CJ27" s="191">
        <v>0</v>
      </c>
      <c r="CK27" s="196">
        <v>4</v>
      </c>
      <c r="CL27" s="195">
        <v>4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  <c r="CX27" s="190">
        <v>0</v>
      </c>
      <c r="CY27" s="191">
        <v>0</v>
      </c>
      <c r="CZ27" s="196">
        <v>0</v>
      </c>
      <c r="DA27" s="193">
        <v>0</v>
      </c>
      <c r="DB27" s="191">
        <v>0</v>
      </c>
      <c r="DC27" s="191">
        <v>0</v>
      </c>
      <c r="DD27" s="191">
        <v>0</v>
      </c>
      <c r="DE27" s="191">
        <v>0</v>
      </c>
      <c r="DF27" s="191">
        <v>0</v>
      </c>
      <c r="DG27" s="196">
        <v>0</v>
      </c>
      <c r="DH27" s="195">
        <v>0</v>
      </c>
      <c r="DI27" s="190">
        <v>0</v>
      </c>
      <c r="DJ27" s="191">
        <v>0</v>
      </c>
      <c r="DK27" s="196">
        <v>0</v>
      </c>
      <c r="DL27" s="193">
        <v>0</v>
      </c>
      <c r="DM27" s="191">
        <v>0</v>
      </c>
      <c r="DN27" s="191">
        <v>0</v>
      </c>
      <c r="DO27" s="191">
        <v>0</v>
      </c>
      <c r="DP27" s="191">
        <v>0</v>
      </c>
      <c r="DQ27" s="191">
        <v>0</v>
      </c>
      <c r="DR27" s="196">
        <v>0</v>
      </c>
      <c r="DS27" s="195">
        <v>0</v>
      </c>
      <c r="DT27" s="190">
        <v>9</v>
      </c>
      <c r="DU27" s="191">
        <v>13</v>
      </c>
      <c r="DV27" s="196">
        <v>22</v>
      </c>
      <c r="DW27" s="193">
        <v>0</v>
      </c>
      <c r="DX27" s="191">
        <v>2</v>
      </c>
      <c r="DY27" s="191">
        <v>12</v>
      </c>
      <c r="DZ27" s="191">
        <v>6</v>
      </c>
      <c r="EA27" s="191">
        <v>3</v>
      </c>
      <c r="EB27" s="191">
        <v>0</v>
      </c>
      <c r="EC27" s="196">
        <v>23</v>
      </c>
      <c r="ED27" s="195">
        <v>45</v>
      </c>
      <c r="EE27" s="190">
        <v>0</v>
      </c>
      <c r="EF27" s="191">
        <v>1</v>
      </c>
      <c r="EG27" s="196">
        <v>1</v>
      </c>
      <c r="EH27" s="193">
        <v>0</v>
      </c>
      <c r="EI27" s="191">
        <v>4</v>
      </c>
      <c r="EJ27" s="191">
        <v>0</v>
      </c>
      <c r="EK27" s="191">
        <v>2</v>
      </c>
      <c r="EL27" s="191">
        <v>4</v>
      </c>
      <c r="EM27" s="191">
        <v>0</v>
      </c>
      <c r="EN27" s="196">
        <v>10</v>
      </c>
      <c r="EO27" s="195">
        <v>11</v>
      </c>
      <c r="EP27" s="190">
        <v>10</v>
      </c>
      <c r="EQ27" s="191">
        <v>13</v>
      </c>
      <c r="ER27" s="196">
        <v>23</v>
      </c>
      <c r="ES27" s="193">
        <v>0</v>
      </c>
      <c r="ET27" s="191">
        <v>10</v>
      </c>
      <c r="EU27" s="191">
        <v>15</v>
      </c>
      <c r="EV27" s="191">
        <v>8</v>
      </c>
      <c r="EW27" s="191">
        <v>3</v>
      </c>
      <c r="EX27" s="191">
        <v>0</v>
      </c>
      <c r="EY27" s="196">
        <v>36</v>
      </c>
      <c r="EZ27" s="195">
        <v>59</v>
      </c>
    </row>
    <row r="28" spans="2:156" ht="21" customHeight="1" x14ac:dyDescent="0.2">
      <c r="B28" s="106" t="s">
        <v>26</v>
      </c>
      <c r="C28" s="190">
        <v>0</v>
      </c>
      <c r="D28" s="191">
        <v>0</v>
      </c>
      <c r="E28" s="192">
        <v>0</v>
      </c>
      <c r="F28" s="193">
        <v>0</v>
      </c>
      <c r="G28" s="191">
        <v>7</v>
      </c>
      <c r="H28" s="191">
        <v>7</v>
      </c>
      <c r="I28" s="191">
        <v>2</v>
      </c>
      <c r="J28" s="191">
        <v>5</v>
      </c>
      <c r="K28" s="191">
        <v>3</v>
      </c>
      <c r="L28" s="194">
        <v>24</v>
      </c>
      <c r="M28" s="195">
        <v>24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1</v>
      </c>
      <c r="V28" s="191">
        <v>1</v>
      </c>
      <c r="W28" s="196">
        <v>2</v>
      </c>
      <c r="X28" s="195">
        <v>2</v>
      </c>
      <c r="Y28" s="190">
        <v>2</v>
      </c>
      <c r="Z28" s="191">
        <v>2</v>
      </c>
      <c r="AA28" s="196">
        <v>4</v>
      </c>
      <c r="AB28" s="193">
        <v>0</v>
      </c>
      <c r="AC28" s="191">
        <v>8</v>
      </c>
      <c r="AD28" s="191">
        <v>9</v>
      </c>
      <c r="AE28" s="191">
        <v>2</v>
      </c>
      <c r="AF28" s="191">
        <v>6</v>
      </c>
      <c r="AG28" s="191">
        <v>3</v>
      </c>
      <c r="AH28" s="196">
        <v>28</v>
      </c>
      <c r="AI28" s="195">
        <v>32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0</v>
      </c>
      <c r="AQ28" s="191">
        <v>0</v>
      </c>
      <c r="AR28" s="191">
        <v>0</v>
      </c>
      <c r="AS28" s="196">
        <v>0</v>
      </c>
      <c r="AT28" s="195">
        <v>0</v>
      </c>
      <c r="AU28" s="190">
        <v>2</v>
      </c>
      <c r="AV28" s="191">
        <v>1</v>
      </c>
      <c r="AW28" s="196">
        <v>3</v>
      </c>
      <c r="AX28" s="193">
        <v>0</v>
      </c>
      <c r="AY28" s="191">
        <v>5</v>
      </c>
      <c r="AZ28" s="191">
        <v>4</v>
      </c>
      <c r="BA28" s="191">
        <v>5</v>
      </c>
      <c r="BB28" s="191">
        <v>6</v>
      </c>
      <c r="BC28" s="191">
        <v>2</v>
      </c>
      <c r="BD28" s="194">
        <v>22</v>
      </c>
      <c r="BE28" s="195">
        <v>25</v>
      </c>
      <c r="BF28" s="190">
        <v>0</v>
      </c>
      <c r="BG28" s="191">
        <v>0</v>
      </c>
      <c r="BH28" s="196">
        <v>0</v>
      </c>
      <c r="BI28" s="193">
        <v>0</v>
      </c>
      <c r="BJ28" s="191">
        <v>10</v>
      </c>
      <c r="BK28" s="191">
        <v>7</v>
      </c>
      <c r="BL28" s="191">
        <v>3</v>
      </c>
      <c r="BM28" s="191">
        <v>3</v>
      </c>
      <c r="BN28" s="191">
        <v>0</v>
      </c>
      <c r="BO28" s="196">
        <v>23</v>
      </c>
      <c r="BP28" s="195">
        <v>23</v>
      </c>
      <c r="BQ28" s="190">
        <v>0</v>
      </c>
      <c r="BR28" s="191">
        <v>0</v>
      </c>
      <c r="BS28" s="196">
        <v>0</v>
      </c>
      <c r="BT28" s="193">
        <v>0</v>
      </c>
      <c r="BU28" s="191">
        <v>4</v>
      </c>
      <c r="BV28" s="191">
        <v>3</v>
      </c>
      <c r="BW28" s="191">
        <v>0</v>
      </c>
      <c r="BX28" s="191">
        <v>1</v>
      </c>
      <c r="BY28" s="191">
        <v>0</v>
      </c>
      <c r="BZ28" s="196">
        <v>8</v>
      </c>
      <c r="CA28" s="195">
        <v>8</v>
      </c>
      <c r="CB28" s="190">
        <v>0</v>
      </c>
      <c r="CC28" s="191">
        <v>0</v>
      </c>
      <c r="CD28" s="196">
        <v>0</v>
      </c>
      <c r="CE28" s="193">
        <v>0</v>
      </c>
      <c r="CF28" s="191">
        <v>3</v>
      </c>
      <c r="CG28" s="191">
        <v>1</v>
      </c>
      <c r="CH28" s="191">
        <v>2</v>
      </c>
      <c r="CI28" s="191">
        <v>1</v>
      </c>
      <c r="CJ28" s="191">
        <v>0</v>
      </c>
      <c r="CK28" s="196">
        <v>7</v>
      </c>
      <c r="CL28" s="195">
        <v>7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1</v>
      </c>
      <c r="CU28" s="191">
        <v>0</v>
      </c>
      <c r="CV28" s="196">
        <v>1</v>
      </c>
      <c r="CW28" s="195">
        <v>1</v>
      </c>
      <c r="CX28" s="190">
        <v>0</v>
      </c>
      <c r="CY28" s="191">
        <v>0</v>
      </c>
      <c r="CZ28" s="196">
        <v>0</v>
      </c>
      <c r="DA28" s="193">
        <v>0</v>
      </c>
      <c r="DB28" s="191">
        <v>0</v>
      </c>
      <c r="DC28" s="191">
        <v>0</v>
      </c>
      <c r="DD28" s="191">
        <v>0</v>
      </c>
      <c r="DE28" s="191">
        <v>0</v>
      </c>
      <c r="DF28" s="191">
        <v>0</v>
      </c>
      <c r="DG28" s="196">
        <v>0</v>
      </c>
      <c r="DH28" s="195">
        <v>0</v>
      </c>
      <c r="DI28" s="190">
        <v>0</v>
      </c>
      <c r="DJ28" s="191">
        <v>0</v>
      </c>
      <c r="DK28" s="196">
        <v>0</v>
      </c>
      <c r="DL28" s="193">
        <v>0</v>
      </c>
      <c r="DM28" s="191">
        <v>0</v>
      </c>
      <c r="DN28" s="191">
        <v>0</v>
      </c>
      <c r="DO28" s="191">
        <v>0</v>
      </c>
      <c r="DP28" s="191">
        <v>0</v>
      </c>
      <c r="DQ28" s="191">
        <v>0</v>
      </c>
      <c r="DR28" s="196">
        <v>0</v>
      </c>
      <c r="DS28" s="195">
        <v>0</v>
      </c>
      <c r="DT28" s="190">
        <v>8</v>
      </c>
      <c r="DU28" s="191">
        <v>9</v>
      </c>
      <c r="DV28" s="196">
        <v>17</v>
      </c>
      <c r="DW28" s="193">
        <v>0</v>
      </c>
      <c r="DX28" s="191">
        <v>14</v>
      </c>
      <c r="DY28" s="191">
        <v>14</v>
      </c>
      <c r="DZ28" s="191">
        <v>3</v>
      </c>
      <c r="EA28" s="191">
        <v>10</v>
      </c>
      <c r="EB28" s="191">
        <v>4</v>
      </c>
      <c r="EC28" s="196">
        <v>45</v>
      </c>
      <c r="ED28" s="195">
        <v>62</v>
      </c>
      <c r="EE28" s="190">
        <v>1</v>
      </c>
      <c r="EF28" s="191">
        <v>1</v>
      </c>
      <c r="EG28" s="196">
        <v>2</v>
      </c>
      <c r="EH28" s="193">
        <v>0</v>
      </c>
      <c r="EI28" s="191">
        <v>2</v>
      </c>
      <c r="EJ28" s="191">
        <v>2</v>
      </c>
      <c r="EK28" s="191">
        <v>2</v>
      </c>
      <c r="EL28" s="191">
        <v>1</v>
      </c>
      <c r="EM28" s="191">
        <v>1</v>
      </c>
      <c r="EN28" s="196">
        <v>8</v>
      </c>
      <c r="EO28" s="195">
        <v>10</v>
      </c>
      <c r="EP28" s="190">
        <v>10</v>
      </c>
      <c r="EQ28" s="191">
        <v>11</v>
      </c>
      <c r="ER28" s="196">
        <v>21</v>
      </c>
      <c r="ES28" s="193">
        <v>0</v>
      </c>
      <c r="ET28" s="191">
        <v>28</v>
      </c>
      <c r="EU28" s="191">
        <v>18</v>
      </c>
      <c r="EV28" s="191">
        <v>8</v>
      </c>
      <c r="EW28" s="191">
        <v>10</v>
      </c>
      <c r="EX28" s="191">
        <v>3</v>
      </c>
      <c r="EY28" s="196">
        <v>67</v>
      </c>
      <c r="EZ28" s="195">
        <v>88</v>
      </c>
    </row>
    <row r="29" spans="2:156" ht="21" customHeight="1" x14ac:dyDescent="0.2">
      <c r="B29" s="106" t="s">
        <v>27</v>
      </c>
      <c r="C29" s="190">
        <v>0</v>
      </c>
      <c r="D29" s="191">
        <v>0</v>
      </c>
      <c r="E29" s="192">
        <v>0</v>
      </c>
      <c r="F29" s="193">
        <v>0</v>
      </c>
      <c r="G29" s="191">
        <v>4</v>
      </c>
      <c r="H29" s="191">
        <v>6</v>
      </c>
      <c r="I29" s="191">
        <v>3</v>
      </c>
      <c r="J29" s="191">
        <v>3</v>
      </c>
      <c r="K29" s="191">
        <v>3</v>
      </c>
      <c r="L29" s="194">
        <v>19</v>
      </c>
      <c r="M29" s="195">
        <v>19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1</v>
      </c>
      <c r="U29" s="191">
        <v>2</v>
      </c>
      <c r="V29" s="191">
        <v>0</v>
      </c>
      <c r="W29" s="196">
        <v>3</v>
      </c>
      <c r="X29" s="195">
        <v>3</v>
      </c>
      <c r="Y29" s="190">
        <v>3</v>
      </c>
      <c r="Z29" s="191">
        <v>5</v>
      </c>
      <c r="AA29" s="196">
        <v>8</v>
      </c>
      <c r="AB29" s="193">
        <v>0</v>
      </c>
      <c r="AC29" s="191">
        <v>3</v>
      </c>
      <c r="AD29" s="191">
        <v>3</v>
      </c>
      <c r="AE29" s="191">
        <v>6</v>
      </c>
      <c r="AF29" s="191">
        <v>2</v>
      </c>
      <c r="AG29" s="191">
        <v>4</v>
      </c>
      <c r="AH29" s="196">
        <v>18</v>
      </c>
      <c r="AI29" s="195">
        <v>26</v>
      </c>
      <c r="AJ29" s="190">
        <v>0</v>
      </c>
      <c r="AK29" s="191">
        <v>0</v>
      </c>
      <c r="AL29" s="196">
        <v>0</v>
      </c>
      <c r="AM29" s="193">
        <v>0</v>
      </c>
      <c r="AN29" s="191">
        <v>0</v>
      </c>
      <c r="AO29" s="191">
        <v>0</v>
      </c>
      <c r="AP29" s="191">
        <v>0</v>
      </c>
      <c r="AQ29" s="191">
        <v>0</v>
      </c>
      <c r="AR29" s="191">
        <v>0</v>
      </c>
      <c r="AS29" s="196">
        <v>0</v>
      </c>
      <c r="AT29" s="195">
        <v>0</v>
      </c>
      <c r="AU29" s="190">
        <v>2</v>
      </c>
      <c r="AV29" s="191">
        <v>1</v>
      </c>
      <c r="AW29" s="196">
        <v>3</v>
      </c>
      <c r="AX29" s="193">
        <v>0</v>
      </c>
      <c r="AY29" s="191">
        <v>10</v>
      </c>
      <c r="AZ29" s="191">
        <v>5</v>
      </c>
      <c r="BA29" s="191">
        <v>7</v>
      </c>
      <c r="BB29" s="191">
        <v>5</v>
      </c>
      <c r="BC29" s="191">
        <v>5</v>
      </c>
      <c r="BD29" s="194">
        <v>32</v>
      </c>
      <c r="BE29" s="195">
        <v>35</v>
      </c>
      <c r="BF29" s="190">
        <v>0</v>
      </c>
      <c r="BG29" s="191">
        <v>0</v>
      </c>
      <c r="BH29" s="196">
        <v>0</v>
      </c>
      <c r="BI29" s="193">
        <v>0</v>
      </c>
      <c r="BJ29" s="191">
        <v>5</v>
      </c>
      <c r="BK29" s="191">
        <v>6</v>
      </c>
      <c r="BL29" s="191">
        <v>1</v>
      </c>
      <c r="BM29" s="191">
        <v>4</v>
      </c>
      <c r="BN29" s="191">
        <v>0</v>
      </c>
      <c r="BO29" s="196">
        <v>16</v>
      </c>
      <c r="BP29" s="195">
        <v>16</v>
      </c>
      <c r="BQ29" s="190">
        <v>4</v>
      </c>
      <c r="BR29" s="191">
        <v>2</v>
      </c>
      <c r="BS29" s="196">
        <v>6</v>
      </c>
      <c r="BT29" s="193">
        <v>0</v>
      </c>
      <c r="BU29" s="191">
        <v>1</v>
      </c>
      <c r="BV29" s="191">
        <v>2</v>
      </c>
      <c r="BW29" s="191">
        <v>0</v>
      </c>
      <c r="BX29" s="191">
        <v>0</v>
      </c>
      <c r="BY29" s="191">
        <v>1</v>
      </c>
      <c r="BZ29" s="196">
        <v>4</v>
      </c>
      <c r="CA29" s="195">
        <v>10</v>
      </c>
      <c r="CB29" s="190">
        <v>0</v>
      </c>
      <c r="CC29" s="191">
        <v>0</v>
      </c>
      <c r="CD29" s="196">
        <v>0</v>
      </c>
      <c r="CE29" s="193">
        <v>0</v>
      </c>
      <c r="CF29" s="191">
        <v>0</v>
      </c>
      <c r="CG29" s="191">
        <v>1</v>
      </c>
      <c r="CH29" s="191">
        <v>0</v>
      </c>
      <c r="CI29" s="191">
        <v>0</v>
      </c>
      <c r="CJ29" s="191">
        <v>0</v>
      </c>
      <c r="CK29" s="196">
        <v>1</v>
      </c>
      <c r="CL29" s="195">
        <v>1</v>
      </c>
      <c r="CM29" s="190">
        <v>0</v>
      </c>
      <c r="CN29" s="191">
        <v>0</v>
      </c>
      <c r="CO29" s="196">
        <v>0</v>
      </c>
      <c r="CP29" s="193">
        <v>0</v>
      </c>
      <c r="CQ29" s="191">
        <v>0</v>
      </c>
      <c r="CR29" s="191">
        <v>0</v>
      </c>
      <c r="CS29" s="191">
        <v>0</v>
      </c>
      <c r="CT29" s="191">
        <v>0</v>
      </c>
      <c r="CU29" s="191">
        <v>0</v>
      </c>
      <c r="CV29" s="196">
        <v>0</v>
      </c>
      <c r="CW29" s="195">
        <v>0</v>
      </c>
      <c r="CX29" s="190">
        <v>0</v>
      </c>
      <c r="CY29" s="191">
        <v>0</v>
      </c>
      <c r="CZ29" s="196">
        <v>0</v>
      </c>
      <c r="DA29" s="193">
        <v>0</v>
      </c>
      <c r="DB29" s="191">
        <v>0</v>
      </c>
      <c r="DC29" s="191">
        <v>0</v>
      </c>
      <c r="DD29" s="191">
        <v>0</v>
      </c>
      <c r="DE29" s="191">
        <v>0</v>
      </c>
      <c r="DF29" s="191">
        <v>0</v>
      </c>
      <c r="DG29" s="196">
        <v>0</v>
      </c>
      <c r="DH29" s="195">
        <v>0</v>
      </c>
      <c r="DI29" s="190">
        <v>0</v>
      </c>
      <c r="DJ29" s="191">
        <v>0</v>
      </c>
      <c r="DK29" s="196">
        <v>0</v>
      </c>
      <c r="DL29" s="193">
        <v>0</v>
      </c>
      <c r="DM29" s="191">
        <v>0</v>
      </c>
      <c r="DN29" s="191">
        <v>0</v>
      </c>
      <c r="DO29" s="191">
        <v>0</v>
      </c>
      <c r="DP29" s="191">
        <v>0</v>
      </c>
      <c r="DQ29" s="191">
        <v>0</v>
      </c>
      <c r="DR29" s="196">
        <v>0</v>
      </c>
      <c r="DS29" s="195">
        <v>0</v>
      </c>
      <c r="DT29" s="190">
        <v>10</v>
      </c>
      <c r="DU29" s="191">
        <v>17</v>
      </c>
      <c r="DV29" s="196">
        <v>27</v>
      </c>
      <c r="DW29" s="193">
        <v>0</v>
      </c>
      <c r="DX29" s="191">
        <v>4</v>
      </c>
      <c r="DY29" s="191">
        <v>12</v>
      </c>
      <c r="DZ29" s="191">
        <v>8</v>
      </c>
      <c r="EA29" s="191">
        <v>4</v>
      </c>
      <c r="EB29" s="191">
        <v>5</v>
      </c>
      <c r="EC29" s="196">
        <v>33</v>
      </c>
      <c r="ED29" s="195">
        <v>60</v>
      </c>
      <c r="EE29" s="190">
        <v>2</v>
      </c>
      <c r="EF29" s="191">
        <v>0</v>
      </c>
      <c r="EG29" s="196">
        <v>2</v>
      </c>
      <c r="EH29" s="193">
        <v>0</v>
      </c>
      <c r="EI29" s="191">
        <v>6</v>
      </c>
      <c r="EJ29" s="191">
        <v>1</v>
      </c>
      <c r="EK29" s="191">
        <v>1</v>
      </c>
      <c r="EL29" s="191">
        <v>2</v>
      </c>
      <c r="EM29" s="191">
        <v>0</v>
      </c>
      <c r="EN29" s="196">
        <v>10</v>
      </c>
      <c r="EO29" s="195">
        <v>12</v>
      </c>
      <c r="EP29" s="190">
        <v>15</v>
      </c>
      <c r="EQ29" s="191">
        <v>19</v>
      </c>
      <c r="ER29" s="196">
        <v>34</v>
      </c>
      <c r="ES29" s="193">
        <v>0</v>
      </c>
      <c r="ET29" s="191">
        <v>10</v>
      </c>
      <c r="EU29" s="191">
        <v>14</v>
      </c>
      <c r="EV29" s="191">
        <v>8</v>
      </c>
      <c r="EW29" s="191">
        <v>5</v>
      </c>
      <c r="EX29" s="191">
        <v>5</v>
      </c>
      <c r="EY29" s="196">
        <v>42</v>
      </c>
      <c r="EZ29" s="195">
        <v>76</v>
      </c>
    </row>
    <row r="30" spans="2:156" ht="21" customHeight="1" x14ac:dyDescent="0.2">
      <c r="B30" s="106" t="s">
        <v>28</v>
      </c>
      <c r="C30" s="190">
        <v>0</v>
      </c>
      <c r="D30" s="191">
        <v>0</v>
      </c>
      <c r="E30" s="192">
        <v>0</v>
      </c>
      <c r="F30" s="193">
        <v>0</v>
      </c>
      <c r="G30" s="191">
        <v>0</v>
      </c>
      <c r="H30" s="191">
        <v>0</v>
      </c>
      <c r="I30" s="191">
        <v>1</v>
      </c>
      <c r="J30" s="191">
        <v>0</v>
      </c>
      <c r="K30" s="191">
        <v>0</v>
      </c>
      <c r="L30" s="194">
        <v>1</v>
      </c>
      <c r="M30" s="195">
        <v>1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0</v>
      </c>
      <c r="AA30" s="196">
        <v>0</v>
      </c>
      <c r="AB30" s="193">
        <v>0</v>
      </c>
      <c r="AC30" s="191">
        <v>1</v>
      </c>
      <c r="AD30" s="191">
        <v>0</v>
      </c>
      <c r="AE30" s="191">
        <v>1</v>
      </c>
      <c r="AF30" s="191">
        <v>1</v>
      </c>
      <c r="AG30" s="191">
        <v>0</v>
      </c>
      <c r="AH30" s="196">
        <v>3</v>
      </c>
      <c r="AI30" s="195">
        <v>3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0</v>
      </c>
      <c r="AW30" s="196">
        <v>0</v>
      </c>
      <c r="AX30" s="193">
        <v>0</v>
      </c>
      <c r="AY30" s="191">
        <v>3</v>
      </c>
      <c r="AZ30" s="191">
        <v>2</v>
      </c>
      <c r="BA30" s="191">
        <v>2</v>
      </c>
      <c r="BB30" s="191">
        <v>0</v>
      </c>
      <c r="BC30" s="191">
        <v>1</v>
      </c>
      <c r="BD30" s="194">
        <v>8</v>
      </c>
      <c r="BE30" s="195">
        <v>8</v>
      </c>
      <c r="BF30" s="190">
        <v>0</v>
      </c>
      <c r="BG30" s="191">
        <v>0</v>
      </c>
      <c r="BH30" s="196">
        <v>0</v>
      </c>
      <c r="BI30" s="193">
        <v>0</v>
      </c>
      <c r="BJ30" s="191">
        <v>2</v>
      </c>
      <c r="BK30" s="191">
        <v>3</v>
      </c>
      <c r="BL30" s="191">
        <v>1</v>
      </c>
      <c r="BM30" s="191">
        <v>0</v>
      </c>
      <c r="BN30" s="191">
        <v>0</v>
      </c>
      <c r="BO30" s="196">
        <v>6</v>
      </c>
      <c r="BP30" s="195">
        <v>6</v>
      </c>
      <c r="BQ30" s="190">
        <v>0</v>
      </c>
      <c r="BR30" s="191">
        <v>0</v>
      </c>
      <c r="BS30" s="196">
        <v>0</v>
      </c>
      <c r="BT30" s="193">
        <v>0</v>
      </c>
      <c r="BU30" s="191">
        <v>1</v>
      </c>
      <c r="BV30" s="191">
        <v>0</v>
      </c>
      <c r="BW30" s="191">
        <v>0</v>
      </c>
      <c r="BX30" s="191">
        <v>0</v>
      </c>
      <c r="BY30" s="191">
        <v>0</v>
      </c>
      <c r="BZ30" s="196">
        <v>1</v>
      </c>
      <c r="CA30" s="195">
        <v>1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1</v>
      </c>
      <c r="CH30" s="191">
        <v>0</v>
      </c>
      <c r="CI30" s="191">
        <v>0</v>
      </c>
      <c r="CJ30" s="191">
        <v>0</v>
      </c>
      <c r="CK30" s="196">
        <v>1</v>
      </c>
      <c r="CL30" s="195">
        <v>1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1</v>
      </c>
      <c r="CT30" s="191">
        <v>0</v>
      </c>
      <c r="CU30" s="191">
        <v>1</v>
      </c>
      <c r="CV30" s="196">
        <v>2</v>
      </c>
      <c r="CW30" s="195">
        <v>2</v>
      </c>
      <c r="CX30" s="190">
        <v>0</v>
      </c>
      <c r="CY30" s="191">
        <v>0</v>
      </c>
      <c r="CZ30" s="196">
        <v>0</v>
      </c>
      <c r="DA30" s="193">
        <v>0</v>
      </c>
      <c r="DB30" s="191">
        <v>0</v>
      </c>
      <c r="DC30" s="191">
        <v>0</v>
      </c>
      <c r="DD30" s="191">
        <v>0</v>
      </c>
      <c r="DE30" s="191">
        <v>0</v>
      </c>
      <c r="DF30" s="191">
        <v>0</v>
      </c>
      <c r="DG30" s="196">
        <v>0</v>
      </c>
      <c r="DH30" s="195">
        <v>0</v>
      </c>
      <c r="DI30" s="190">
        <v>0</v>
      </c>
      <c r="DJ30" s="191">
        <v>0</v>
      </c>
      <c r="DK30" s="196">
        <v>0</v>
      </c>
      <c r="DL30" s="193">
        <v>0</v>
      </c>
      <c r="DM30" s="191">
        <v>0</v>
      </c>
      <c r="DN30" s="191">
        <v>0</v>
      </c>
      <c r="DO30" s="191">
        <v>0</v>
      </c>
      <c r="DP30" s="191">
        <v>0</v>
      </c>
      <c r="DQ30" s="191">
        <v>0</v>
      </c>
      <c r="DR30" s="196">
        <v>0</v>
      </c>
      <c r="DS30" s="195">
        <v>0</v>
      </c>
      <c r="DT30" s="190">
        <v>0</v>
      </c>
      <c r="DU30" s="191">
        <v>1</v>
      </c>
      <c r="DV30" s="196">
        <v>1</v>
      </c>
      <c r="DW30" s="193">
        <v>0</v>
      </c>
      <c r="DX30" s="191">
        <v>5</v>
      </c>
      <c r="DY30" s="191">
        <v>4</v>
      </c>
      <c r="DZ30" s="191">
        <v>3</v>
      </c>
      <c r="EA30" s="191">
        <v>1</v>
      </c>
      <c r="EB30" s="191">
        <v>0</v>
      </c>
      <c r="EC30" s="196">
        <v>13</v>
      </c>
      <c r="ED30" s="195">
        <v>14</v>
      </c>
      <c r="EE30" s="190">
        <v>0</v>
      </c>
      <c r="EF30" s="191">
        <v>0</v>
      </c>
      <c r="EG30" s="196">
        <v>0</v>
      </c>
      <c r="EH30" s="193">
        <v>0</v>
      </c>
      <c r="EI30" s="191">
        <v>3</v>
      </c>
      <c r="EJ30" s="191">
        <v>0</v>
      </c>
      <c r="EK30" s="191">
        <v>1</v>
      </c>
      <c r="EL30" s="191">
        <v>0</v>
      </c>
      <c r="EM30" s="191">
        <v>0</v>
      </c>
      <c r="EN30" s="196">
        <v>4</v>
      </c>
      <c r="EO30" s="195">
        <v>4</v>
      </c>
      <c r="EP30" s="190">
        <v>0</v>
      </c>
      <c r="EQ30" s="191">
        <v>1</v>
      </c>
      <c r="ER30" s="196">
        <v>1</v>
      </c>
      <c r="ES30" s="193">
        <v>0</v>
      </c>
      <c r="ET30" s="191">
        <v>10</v>
      </c>
      <c r="EU30" s="191">
        <v>5</v>
      </c>
      <c r="EV30" s="191">
        <v>3</v>
      </c>
      <c r="EW30" s="191">
        <v>1</v>
      </c>
      <c r="EX30" s="191">
        <v>1</v>
      </c>
      <c r="EY30" s="196">
        <v>20</v>
      </c>
      <c r="EZ30" s="195">
        <v>21</v>
      </c>
    </row>
    <row r="31" spans="2:156" ht="21" customHeight="1" x14ac:dyDescent="0.2">
      <c r="B31" s="106" t="s">
        <v>29</v>
      </c>
      <c r="C31" s="190">
        <v>0</v>
      </c>
      <c r="D31" s="191">
        <v>0</v>
      </c>
      <c r="E31" s="192">
        <v>0</v>
      </c>
      <c r="F31" s="193">
        <v>0</v>
      </c>
      <c r="G31" s="191">
        <v>0</v>
      </c>
      <c r="H31" s="191">
        <v>2</v>
      </c>
      <c r="I31" s="191">
        <v>1</v>
      </c>
      <c r="J31" s="191">
        <v>1</v>
      </c>
      <c r="K31" s="191">
        <v>0</v>
      </c>
      <c r="L31" s="194">
        <v>4</v>
      </c>
      <c r="M31" s="195">
        <v>4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1</v>
      </c>
      <c r="Z31" s="191">
        <v>1</v>
      </c>
      <c r="AA31" s="196">
        <v>2</v>
      </c>
      <c r="AB31" s="193">
        <v>0</v>
      </c>
      <c r="AC31" s="191">
        <v>1</v>
      </c>
      <c r="AD31" s="191">
        <v>1</v>
      </c>
      <c r="AE31" s="191">
        <v>4</v>
      </c>
      <c r="AF31" s="191">
        <v>0</v>
      </c>
      <c r="AG31" s="191">
        <v>0</v>
      </c>
      <c r="AH31" s="196">
        <v>6</v>
      </c>
      <c r="AI31" s="195">
        <v>8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1</v>
      </c>
      <c r="AP31" s="191">
        <v>0</v>
      </c>
      <c r="AQ31" s="191">
        <v>0</v>
      </c>
      <c r="AR31" s="191">
        <v>0</v>
      </c>
      <c r="AS31" s="196">
        <v>1</v>
      </c>
      <c r="AT31" s="195">
        <v>1</v>
      </c>
      <c r="AU31" s="190">
        <v>1</v>
      </c>
      <c r="AV31" s="191">
        <v>0</v>
      </c>
      <c r="AW31" s="196">
        <v>1</v>
      </c>
      <c r="AX31" s="193">
        <v>0</v>
      </c>
      <c r="AY31" s="191">
        <v>1</v>
      </c>
      <c r="AZ31" s="191">
        <v>0</v>
      </c>
      <c r="BA31" s="191">
        <v>1</v>
      </c>
      <c r="BB31" s="191">
        <v>1</v>
      </c>
      <c r="BC31" s="191">
        <v>0</v>
      </c>
      <c r="BD31" s="194">
        <v>3</v>
      </c>
      <c r="BE31" s="195">
        <v>4</v>
      </c>
      <c r="BF31" s="190">
        <v>0</v>
      </c>
      <c r="BG31" s="191">
        <v>0</v>
      </c>
      <c r="BH31" s="196">
        <v>0</v>
      </c>
      <c r="BI31" s="193">
        <v>0</v>
      </c>
      <c r="BJ31" s="191">
        <v>0</v>
      </c>
      <c r="BK31" s="191">
        <v>3</v>
      </c>
      <c r="BL31" s="191">
        <v>2</v>
      </c>
      <c r="BM31" s="191">
        <v>0</v>
      </c>
      <c r="BN31" s="191">
        <v>0</v>
      </c>
      <c r="BO31" s="196">
        <v>5</v>
      </c>
      <c r="BP31" s="195">
        <v>5</v>
      </c>
      <c r="BQ31" s="190">
        <v>0</v>
      </c>
      <c r="BR31" s="191">
        <v>0</v>
      </c>
      <c r="BS31" s="196">
        <v>0</v>
      </c>
      <c r="BT31" s="193">
        <v>0</v>
      </c>
      <c r="BU31" s="191">
        <v>1</v>
      </c>
      <c r="BV31" s="191">
        <v>0</v>
      </c>
      <c r="BW31" s="191">
        <v>1</v>
      </c>
      <c r="BX31" s="191">
        <v>1</v>
      </c>
      <c r="BY31" s="191">
        <v>0</v>
      </c>
      <c r="BZ31" s="196">
        <v>3</v>
      </c>
      <c r="CA31" s="195">
        <v>3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1</v>
      </c>
      <c r="CH31" s="191">
        <v>0</v>
      </c>
      <c r="CI31" s="191">
        <v>0</v>
      </c>
      <c r="CJ31" s="191">
        <v>0</v>
      </c>
      <c r="CK31" s="196">
        <v>1</v>
      </c>
      <c r="CL31" s="195">
        <v>1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1</v>
      </c>
      <c r="CT31" s="191">
        <v>0</v>
      </c>
      <c r="CU31" s="191">
        <v>0</v>
      </c>
      <c r="CV31" s="196">
        <v>1</v>
      </c>
      <c r="CW31" s="195">
        <v>1</v>
      </c>
      <c r="CX31" s="190">
        <v>0</v>
      </c>
      <c r="CY31" s="191">
        <v>0</v>
      </c>
      <c r="CZ31" s="196">
        <v>0</v>
      </c>
      <c r="DA31" s="193">
        <v>0</v>
      </c>
      <c r="DB31" s="191">
        <v>0</v>
      </c>
      <c r="DC31" s="191">
        <v>0</v>
      </c>
      <c r="DD31" s="191">
        <v>0</v>
      </c>
      <c r="DE31" s="191">
        <v>0</v>
      </c>
      <c r="DF31" s="191">
        <v>0</v>
      </c>
      <c r="DG31" s="196">
        <v>0</v>
      </c>
      <c r="DH31" s="195">
        <v>0</v>
      </c>
      <c r="DI31" s="190">
        <v>0</v>
      </c>
      <c r="DJ31" s="191">
        <v>0</v>
      </c>
      <c r="DK31" s="196">
        <v>0</v>
      </c>
      <c r="DL31" s="193">
        <v>0</v>
      </c>
      <c r="DM31" s="191">
        <v>0</v>
      </c>
      <c r="DN31" s="191">
        <v>0</v>
      </c>
      <c r="DO31" s="191">
        <v>0</v>
      </c>
      <c r="DP31" s="191">
        <v>0</v>
      </c>
      <c r="DQ31" s="191">
        <v>0</v>
      </c>
      <c r="DR31" s="196">
        <v>0</v>
      </c>
      <c r="DS31" s="195">
        <v>0</v>
      </c>
      <c r="DT31" s="190">
        <v>1</v>
      </c>
      <c r="DU31" s="191">
        <v>3</v>
      </c>
      <c r="DV31" s="196">
        <v>4</v>
      </c>
      <c r="DW31" s="193">
        <v>0</v>
      </c>
      <c r="DX31" s="191">
        <v>2</v>
      </c>
      <c r="DY31" s="191">
        <v>2</v>
      </c>
      <c r="DZ31" s="191">
        <v>5</v>
      </c>
      <c r="EA31" s="191">
        <v>2</v>
      </c>
      <c r="EB31" s="191">
        <v>0</v>
      </c>
      <c r="EC31" s="196">
        <v>11</v>
      </c>
      <c r="ED31" s="195">
        <v>15</v>
      </c>
      <c r="EE31" s="190">
        <v>1</v>
      </c>
      <c r="EF31" s="191">
        <v>0</v>
      </c>
      <c r="EG31" s="196">
        <v>1</v>
      </c>
      <c r="EH31" s="193">
        <v>0</v>
      </c>
      <c r="EI31" s="191">
        <v>2</v>
      </c>
      <c r="EJ31" s="191">
        <v>0</v>
      </c>
      <c r="EK31" s="191">
        <v>0</v>
      </c>
      <c r="EL31" s="191">
        <v>0</v>
      </c>
      <c r="EM31" s="191">
        <v>0</v>
      </c>
      <c r="EN31" s="196">
        <v>2</v>
      </c>
      <c r="EO31" s="195">
        <v>3</v>
      </c>
      <c r="EP31" s="190">
        <v>1</v>
      </c>
      <c r="EQ31" s="191">
        <v>3</v>
      </c>
      <c r="ER31" s="196">
        <v>4</v>
      </c>
      <c r="ES31" s="193">
        <v>0</v>
      </c>
      <c r="ET31" s="191">
        <v>2</v>
      </c>
      <c r="EU31" s="191">
        <v>5</v>
      </c>
      <c r="EV31" s="191">
        <v>5</v>
      </c>
      <c r="EW31" s="191">
        <v>2</v>
      </c>
      <c r="EX31" s="191">
        <v>0</v>
      </c>
      <c r="EY31" s="196">
        <v>14</v>
      </c>
      <c r="EZ31" s="195">
        <v>18</v>
      </c>
    </row>
    <row r="32" spans="2:156" ht="21" customHeight="1" x14ac:dyDescent="0.2">
      <c r="B32" s="106" t="s">
        <v>30</v>
      </c>
      <c r="C32" s="190">
        <v>0</v>
      </c>
      <c r="D32" s="191">
        <v>0</v>
      </c>
      <c r="E32" s="192">
        <v>0</v>
      </c>
      <c r="F32" s="193">
        <v>0</v>
      </c>
      <c r="G32" s="191">
        <v>1</v>
      </c>
      <c r="H32" s="191">
        <v>0</v>
      </c>
      <c r="I32" s="191">
        <v>1</v>
      </c>
      <c r="J32" s="191">
        <v>1</v>
      </c>
      <c r="K32" s="191">
        <v>1</v>
      </c>
      <c r="L32" s="194">
        <v>4</v>
      </c>
      <c r="M32" s="195">
        <v>4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1</v>
      </c>
      <c r="V32" s="191">
        <v>0</v>
      </c>
      <c r="W32" s="196">
        <v>1</v>
      </c>
      <c r="X32" s="195">
        <v>1</v>
      </c>
      <c r="Y32" s="190">
        <v>1</v>
      </c>
      <c r="Z32" s="191">
        <v>1</v>
      </c>
      <c r="AA32" s="196">
        <v>2</v>
      </c>
      <c r="AB32" s="193">
        <v>0</v>
      </c>
      <c r="AC32" s="191">
        <v>0</v>
      </c>
      <c r="AD32" s="191">
        <v>1</v>
      </c>
      <c r="AE32" s="191">
        <v>2</v>
      </c>
      <c r="AF32" s="191">
        <v>2</v>
      </c>
      <c r="AG32" s="191">
        <v>1</v>
      </c>
      <c r="AH32" s="196">
        <v>6</v>
      </c>
      <c r="AI32" s="195">
        <v>8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0</v>
      </c>
      <c r="AQ32" s="191">
        <v>0</v>
      </c>
      <c r="AR32" s="191">
        <v>0</v>
      </c>
      <c r="AS32" s="196">
        <v>0</v>
      </c>
      <c r="AT32" s="195">
        <v>0</v>
      </c>
      <c r="AU32" s="190">
        <v>0</v>
      </c>
      <c r="AV32" s="191">
        <v>0</v>
      </c>
      <c r="AW32" s="196">
        <v>0</v>
      </c>
      <c r="AX32" s="193">
        <v>0</v>
      </c>
      <c r="AY32" s="191">
        <v>0</v>
      </c>
      <c r="AZ32" s="191">
        <v>3</v>
      </c>
      <c r="BA32" s="191">
        <v>2</v>
      </c>
      <c r="BB32" s="191">
        <v>1</v>
      </c>
      <c r="BC32" s="191">
        <v>0</v>
      </c>
      <c r="BD32" s="194">
        <v>6</v>
      </c>
      <c r="BE32" s="195">
        <v>6</v>
      </c>
      <c r="BF32" s="190">
        <v>0</v>
      </c>
      <c r="BG32" s="191">
        <v>0</v>
      </c>
      <c r="BH32" s="196">
        <v>0</v>
      </c>
      <c r="BI32" s="193">
        <v>0</v>
      </c>
      <c r="BJ32" s="191">
        <v>2</v>
      </c>
      <c r="BK32" s="191">
        <v>1</v>
      </c>
      <c r="BL32" s="191">
        <v>0</v>
      </c>
      <c r="BM32" s="191">
        <v>1</v>
      </c>
      <c r="BN32" s="191">
        <v>1</v>
      </c>
      <c r="BO32" s="196">
        <v>5</v>
      </c>
      <c r="BP32" s="195">
        <v>5</v>
      </c>
      <c r="BQ32" s="190">
        <v>0</v>
      </c>
      <c r="BR32" s="191">
        <v>1</v>
      </c>
      <c r="BS32" s="196">
        <v>1</v>
      </c>
      <c r="BT32" s="193">
        <v>0</v>
      </c>
      <c r="BU32" s="191">
        <v>1</v>
      </c>
      <c r="BV32" s="191">
        <v>0</v>
      </c>
      <c r="BW32" s="191">
        <v>0</v>
      </c>
      <c r="BX32" s="191">
        <v>0</v>
      </c>
      <c r="BY32" s="191">
        <v>0</v>
      </c>
      <c r="BZ32" s="196">
        <v>1</v>
      </c>
      <c r="CA32" s="195">
        <v>2</v>
      </c>
      <c r="CB32" s="190">
        <v>0</v>
      </c>
      <c r="CC32" s="191">
        <v>0</v>
      </c>
      <c r="CD32" s="196">
        <v>0</v>
      </c>
      <c r="CE32" s="193">
        <v>0</v>
      </c>
      <c r="CF32" s="191">
        <v>1</v>
      </c>
      <c r="CG32" s="191">
        <v>0</v>
      </c>
      <c r="CH32" s="191">
        <v>1</v>
      </c>
      <c r="CI32" s="191">
        <v>0</v>
      </c>
      <c r="CJ32" s="191">
        <v>0</v>
      </c>
      <c r="CK32" s="196">
        <v>2</v>
      </c>
      <c r="CL32" s="195">
        <v>2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  <c r="CX32" s="190">
        <v>0</v>
      </c>
      <c r="CY32" s="191">
        <v>0</v>
      </c>
      <c r="CZ32" s="196">
        <v>0</v>
      </c>
      <c r="DA32" s="193">
        <v>0</v>
      </c>
      <c r="DB32" s="191">
        <v>0</v>
      </c>
      <c r="DC32" s="191">
        <v>0</v>
      </c>
      <c r="DD32" s="191">
        <v>0</v>
      </c>
      <c r="DE32" s="191">
        <v>0</v>
      </c>
      <c r="DF32" s="191">
        <v>0</v>
      </c>
      <c r="DG32" s="196">
        <v>0</v>
      </c>
      <c r="DH32" s="195">
        <v>0</v>
      </c>
      <c r="DI32" s="190">
        <v>0</v>
      </c>
      <c r="DJ32" s="191">
        <v>0</v>
      </c>
      <c r="DK32" s="196">
        <v>0</v>
      </c>
      <c r="DL32" s="193">
        <v>0</v>
      </c>
      <c r="DM32" s="191">
        <v>0</v>
      </c>
      <c r="DN32" s="191">
        <v>0</v>
      </c>
      <c r="DO32" s="191">
        <v>0</v>
      </c>
      <c r="DP32" s="191">
        <v>0</v>
      </c>
      <c r="DQ32" s="191">
        <v>0</v>
      </c>
      <c r="DR32" s="196">
        <v>0</v>
      </c>
      <c r="DS32" s="195">
        <v>0</v>
      </c>
      <c r="DT32" s="190">
        <v>0</v>
      </c>
      <c r="DU32" s="191">
        <v>1</v>
      </c>
      <c r="DV32" s="196">
        <v>1</v>
      </c>
      <c r="DW32" s="193">
        <v>0</v>
      </c>
      <c r="DX32" s="191">
        <v>2</v>
      </c>
      <c r="DY32" s="191">
        <v>1</v>
      </c>
      <c r="DZ32" s="191">
        <v>2</v>
      </c>
      <c r="EA32" s="191">
        <v>2</v>
      </c>
      <c r="EB32" s="191">
        <v>1</v>
      </c>
      <c r="EC32" s="196">
        <v>8</v>
      </c>
      <c r="ED32" s="195">
        <v>9</v>
      </c>
      <c r="EE32" s="190">
        <v>0</v>
      </c>
      <c r="EF32" s="191">
        <v>0</v>
      </c>
      <c r="EG32" s="196">
        <v>0</v>
      </c>
      <c r="EH32" s="193">
        <v>0</v>
      </c>
      <c r="EI32" s="191">
        <v>0</v>
      </c>
      <c r="EJ32" s="191">
        <v>4</v>
      </c>
      <c r="EK32" s="191">
        <v>0</v>
      </c>
      <c r="EL32" s="191">
        <v>1</v>
      </c>
      <c r="EM32" s="191">
        <v>0</v>
      </c>
      <c r="EN32" s="196">
        <v>5</v>
      </c>
      <c r="EO32" s="195">
        <v>5</v>
      </c>
      <c r="EP32" s="190">
        <v>1</v>
      </c>
      <c r="EQ32" s="191">
        <v>2</v>
      </c>
      <c r="ER32" s="196">
        <v>3</v>
      </c>
      <c r="ES32" s="193">
        <v>0</v>
      </c>
      <c r="ET32" s="191">
        <v>3</v>
      </c>
      <c r="EU32" s="191">
        <v>2</v>
      </c>
      <c r="EV32" s="191">
        <v>2</v>
      </c>
      <c r="EW32" s="191">
        <v>2</v>
      </c>
      <c r="EX32" s="191">
        <v>1</v>
      </c>
      <c r="EY32" s="196">
        <v>10</v>
      </c>
      <c r="EZ32" s="195">
        <v>13</v>
      </c>
    </row>
    <row r="33" spans="2:156" ht="21" customHeight="1" x14ac:dyDescent="0.2">
      <c r="B33" s="106" t="s">
        <v>31</v>
      </c>
      <c r="C33" s="190">
        <v>0</v>
      </c>
      <c r="D33" s="191">
        <v>0</v>
      </c>
      <c r="E33" s="192">
        <v>0</v>
      </c>
      <c r="F33" s="193">
        <v>0</v>
      </c>
      <c r="G33" s="191">
        <v>1</v>
      </c>
      <c r="H33" s="191">
        <v>1</v>
      </c>
      <c r="I33" s="191">
        <v>1</v>
      </c>
      <c r="J33" s="191">
        <v>0</v>
      </c>
      <c r="K33" s="191">
        <v>0</v>
      </c>
      <c r="L33" s="194">
        <v>3</v>
      </c>
      <c r="M33" s="195">
        <v>3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1</v>
      </c>
      <c r="T33" s="191">
        <v>0</v>
      </c>
      <c r="U33" s="191">
        <v>0</v>
      </c>
      <c r="V33" s="191">
        <v>0</v>
      </c>
      <c r="W33" s="196">
        <v>1</v>
      </c>
      <c r="X33" s="195">
        <v>1</v>
      </c>
      <c r="Y33" s="190">
        <v>0</v>
      </c>
      <c r="Z33" s="191">
        <v>0</v>
      </c>
      <c r="AA33" s="196">
        <v>0</v>
      </c>
      <c r="AB33" s="193">
        <v>0</v>
      </c>
      <c r="AC33" s="191">
        <v>0</v>
      </c>
      <c r="AD33" s="191">
        <v>1</v>
      </c>
      <c r="AE33" s="191">
        <v>2</v>
      </c>
      <c r="AF33" s="191">
        <v>0</v>
      </c>
      <c r="AG33" s="191">
        <v>0</v>
      </c>
      <c r="AH33" s="196">
        <v>3</v>
      </c>
      <c r="AI33" s="195">
        <v>3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0</v>
      </c>
      <c r="AR33" s="191">
        <v>0</v>
      </c>
      <c r="AS33" s="196">
        <v>0</v>
      </c>
      <c r="AT33" s="195">
        <v>0</v>
      </c>
      <c r="AU33" s="190">
        <v>0</v>
      </c>
      <c r="AV33" s="191">
        <v>0</v>
      </c>
      <c r="AW33" s="196">
        <v>0</v>
      </c>
      <c r="AX33" s="193">
        <v>0</v>
      </c>
      <c r="AY33" s="191">
        <v>0</v>
      </c>
      <c r="AZ33" s="191">
        <v>1</v>
      </c>
      <c r="BA33" s="191">
        <v>1</v>
      </c>
      <c r="BB33" s="191">
        <v>2</v>
      </c>
      <c r="BC33" s="191">
        <v>1</v>
      </c>
      <c r="BD33" s="194">
        <v>5</v>
      </c>
      <c r="BE33" s="195">
        <v>5</v>
      </c>
      <c r="BF33" s="190">
        <v>0</v>
      </c>
      <c r="BG33" s="191">
        <v>0</v>
      </c>
      <c r="BH33" s="196">
        <v>0</v>
      </c>
      <c r="BI33" s="193">
        <v>0</v>
      </c>
      <c r="BJ33" s="191">
        <v>2</v>
      </c>
      <c r="BK33" s="191">
        <v>3</v>
      </c>
      <c r="BL33" s="191">
        <v>0</v>
      </c>
      <c r="BM33" s="191">
        <v>1</v>
      </c>
      <c r="BN33" s="191">
        <v>0</v>
      </c>
      <c r="BO33" s="196">
        <v>6</v>
      </c>
      <c r="BP33" s="195">
        <v>6</v>
      </c>
      <c r="BQ33" s="190">
        <v>0</v>
      </c>
      <c r="BR33" s="191">
        <v>0</v>
      </c>
      <c r="BS33" s="196">
        <v>0</v>
      </c>
      <c r="BT33" s="193">
        <v>0</v>
      </c>
      <c r="BU33" s="191">
        <v>1</v>
      </c>
      <c r="BV33" s="191">
        <v>2</v>
      </c>
      <c r="BW33" s="191">
        <v>1</v>
      </c>
      <c r="BX33" s="191">
        <v>0</v>
      </c>
      <c r="BY33" s="191">
        <v>0</v>
      </c>
      <c r="BZ33" s="196">
        <v>4</v>
      </c>
      <c r="CA33" s="195">
        <v>4</v>
      </c>
      <c r="CB33" s="190">
        <v>0</v>
      </c>
      <c r="CC33" s="191">
        <v>0</v>
      </c>
      <c r="CD33" s="196">
        <v>0</v>
      </c>
      <c r="CE33" s="193">
        <v>0</v>
      </c>
      <c r="CF33" s="191">
        <v>1</v>
      </c>
      <c r="CG33" s="191">
        <v>0</v>
      </c>
      <c r="CH33" s="191">
        <v>0</v>
      </c>
      <c r="CI33" s="191">
        <v>1</v>
      </c>
      <c r="CJ33" s="191">
        <v>0</v>
      </c>
      <c r="CK33" s="196">
        <v>2</v>
      </c>
      <c r="CL33" s="195">
        <v>2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  <c r="CX33" s="190">
        <v>0</v>
      </c>
      <c r="CY33" s="191">
        <v>0</v>
      </c>
      <c r="CZ33" s="196">
        <v>0</v>
      </c>
      <c r="DA33" s="193">
        <v>0</v>
      </c>
      <c r="DB33" s="191">
        <v>0</v>
      </c>
      <c r="DC33" s="191">
        <v>0</v>
      </c>
      <c r="DD33" s="191">
        <v>0</v>
      </c>
      <c r="DE33" s="191">
        <v>0</v>
      </c>
      <c r="DF33" s="191">
        <v>0</v>
      </c>
      <c r="DG33" s="196">
        <v>0</v>
      </c>
      <c r="DH33" s="195">
        <v>0</v>
      </c>
      <c r="DI33" s="190">
        <v>0</v>
      </c>
      <c r="DJ33" s="191">
        <v>0</v>
      </c>
      <c r="DK33" s="196">
        <v>0</v>
      </c>
      <c r="DL33" s="193">
        <v>0</v>
      </c>
      <c r="DM33" s="191">
        <v>0</v>
      </c>
      <c r="DN33" s="191">
        <v>0</v>
      </c>
      <c r="DO33" s="191">
        <v>0</v>
      </c>
      <c r="DP33" s="191">
        <v>0</v>
      </c>
      <c r="DQ33" s="191">
        <v>0</v>
      </c>
      <c r="DR33" s="196">
        <v>0</v>
      </c>
      <c r="DS33" s="195">
        <v>0</v>
      </c>
      <c r="DT33" s="190">
        <v>2</v>
      </c>
      <c r="DU33" s="191">
        <v>1</v>
      </c>
      <c r="DV33" s="196">
        <v>3</v>
      </c>
      <c r="DW33" s="193">
        <v>0</v>
      </c>
      <c r="DX33" s="191">
        <v>3</v>
      </c>
      <c r="DY33" s="191">
        <v>6</v>
      </c>
      <c r="DZ33" s="191">
        <v>2</v>
      </c>
      <c r="EA33" s="191">
        <v>2</v>
      </c>
      <c r="EB33" s="191">
        <v>0</v>
      </c>
      <c r="EC33" s="196">
        <v>13</v>
      </c>
      <c r="ED33" s="195">
        <v>16</v>
      </c>
      <c r="EE33" s="190">
        <v>0</v>
      </c>
      <c r="EF33" s="191">
        <v>0</v>
      </c>
      <c r="EG33" s="196">
        <v>0</v>
      </c>
      <c r="EH33" s="193">
        <v>0</v>
      </c>
      <c r="EI33" s="191">
        <v>0</v>
      </c>
      <c r="EJ33" s="191">
        <v>0</v>
      </c>
      <c r="EK33" s="191">
        <v>1</v>
      </c>
      <c r="EL33" s="191">
        <v>0</v>
      </c>
      <c r="EM33" s="191">
        <v>0</v>
      </c>
      <c r="EN33" s="196">
        <v>1</v>
      </c>
      <c r="EO33" s="195">
        <v>1</v>
      </c>
      <c r="EP33" s="190">
        <v>2</v>
      </c>
      <c r="EQ33" s="191">
        <v>1</v>
      </c>
      <c r="ER33" s="196">
        <v>3</v>
      </c>
      <c r="ES33" s="193">
        <v>0</v>
      </c>
      <c r="ET33" s="191">
        <v>6</v>
      </c>
      <c r="EU33" s="191">
        <v>5</v>
      </c>
      <c r="EV33" s="191">
        <v>2</v>
      </c>
      <c r="EW33" s="191">
        <v>2</v>
      </c>
      <c r="EX33" s="191">
        <v>0</v>
      </c>
      <c r="EY33" s="196">
        <v>15</v>
      </c>
      <c r="EZ33" s="195">
        <v>18</v>
      </c>
    </row>
    <row r="34" spans="2:156" ht="21" customHeight="1" x14ac:dyDescent="0.2">
      <c r="B34" s="106" t="s">
        <v>32</v>
      </c>
      <c r="C34" s="190">
        <v>0</v>
      </c>
      <c r="D34" s="191">
        <v>0</v>
      </c>
      <c r="E34" s="192">
        <v>0</v>
      </c>
      <c r="F34" s="193">
        <v>0</v>
      </c>
      <c r="G34" s="191">
        <v>2</v>
      </c>
      <c r="H34" s="191">
        <v>2</v>
      </c>
      <c r="I34" s="191">
        <v>1</v>
      </c>
      <c r="J34" s="191">
        <v>0</v>
      </c>
      <c r="K34" s="191">
        <v>1</v>
      </c>
      <c r="L34" s="194">
        <v>6</v>
      </c>
      <c r="M34" s="195">
        <v>6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1</v>
      </c>
      <c r="U34" s="191">
        <v>0</v>
      </c>
      <c r="V34" s="191">
        <v>1</v>
      </c>
      <c r="W34" s="196">
        <v>2</v>
      </c>
      <c r="X34" s="195">
        <v>2</v>
      </c>
      <c r="Y34" s="190">
        <v>1</v>
      </c>
      <c r="Z34" s="191">
        <v>0</v>
      </c>
      <c r="AA34" s="196">
        <v>1</v>
      </c>
      <c r="AB34" s="193">
        <v>0</v>
      </c>
      <c r="AC34" s="191">
        <v>1</v>
      </c>
      <c r="AD34" s="191">
        <v>3</v>
      </c>
      <c r="AE34" s="191">
        <v>0</v>
      </c>
      <c r="AF34" s="191">
        <v>0</v>
      </c>
      <c r="AG34" s="191">
        <v>1</v>
      </c>
      <c r="AH34" s="196">
        <v>5</v>
      </c>
      <c r="AI34" s="195">
        <v>6</v>
      </c>
      <c r="AJ34" s="190">
        <v>0</v>
      </c>
      <c r="AK34" s="191">
        <v>0</v>
      </c>
      <c r="AL34" s="196">
        <v>0</v>
      </c>
      <c r="AM34" s="193">
        <v>0</v>
      </c>
      <c r="AN34" s="191">
        <v>1</v>
      </c>
      <c r="AO34" s="191">
        <v>0</v>
      </c>
      <c r="AP34" s="191">
        <v>0</v>
      </c>
      <c r="AQ34" s="191">
        <v>0</v>
      </c>
      <c r="AR34" s="191">
        <v>0</v>
      </c>
      <c r="AS34" s="196">
        <v>1</v>
      </c>
      <c r="AT34" s="195">
        <v>1</v>
      </c>
      <c r="AU34" s="190">
        <v>0</v>
      </c>
      <c r="AV34" s="191">
        <v>0</v>
      </c>
      <c r="AW34" s="196">
        <v>0</v>
      </c>
      <c r="AX34" s="193">
        <v>0</v>
      </c>
      <c r="AY34" s="191">
        <v>1</v>
      </c>
      <c r="AZ34" s="191">
        <v>2</v>
      </c>
      <c r="BA34" s="191">
        <v>2</v>
      </c>
      <c r="BB34" s="191">
        <v>3</v>
      </c>
      <c r="BC34" s="191">
        <v>0</v>
      </c>
      <c r="BD34" s="194">
        <v>8</v>
      </c>
      <c r="BE34" s="195">
        <v>8</v>
      </c>
      <c r="BF34" s="190">
        <v>0</v>
      </c>
      <c r="BG34" s="191">
        <v>0</v>
      </c>
      <c r="BH34" s="196">
        <v>0</v>
      </c>
      <c r="BI34" s="193">
        <v>0</v>
      </c>
      <c r="BJ34" s="191">
        <v>2</v>
      </c>
      <c r="BK34" s="191">
        <v>4</v>
      </c>
      <c r="BL34" s="191">
        <v>2</v>
      </c>
      <c r="BM34" s="191">
        <v>1</v>
      </c>
      <c r="BN34" s="191">
        <v>0</v>
      </c>
      <c r="BO34" s="196">
        <v>9</v>
      </c>
      <c r="BP34" s="195">
        <v>9</v>
      </c>
      <c r="BQ34" s="190">
        <v>1</v>
      </c>
      <c r="BR34" s="191">
        <v>0</v>
      </c>
      <c r="BS34" s="196">
        <v>1</v>
      </c>
      <c r="BT34" s="193">
        <v>0</v>
      </c>
      <c r="BU34" s="191">
        <v>0</v>
      </c>
      <c r="BV34" s="191">
        <v>1</v>
      </c>
      <c r="BW34" s="191">
        <v>0</v>
      </c>
      <c r="BX34" s="191">
        <v>0</v>
      </c>
      <c r="BY34" s="191">
        <v>0</v>
      </c>
      <c r="BZ34" s="196">
        <v>1</v>
      </c>
      <c r="CA34" s="195">
        <v>2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2</v>
      </c>
      <c r="CI34" s="191">
        <v>0</v>
      </c>
      <c r="CJ34" s="191">
        <v>0</v>
      </c>
      <c r="CK34" s="196">
        <v>2</v>
      </c>
      <c r="CL34" s="195">
        <v>2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  <c r="CX34" s="190">
        <v>0</v>
      </c>
      <c r="CY34" s="191">
        <v>0</v>
      </c>
      <c r="CZ34" s="196">
        <v>0</v>
      </c>
      <c r="DA34" s="193">
        <v>0</v>
      </c>
      <c r="DB34" s="191">
        <v>0</v>
      </c>
      <c r="DC34" s="191">
        <v>0</v>
      </c>
      <c r="DD34" s="191">
        <v>0</v>
      </c>
      <c r="DE34" s="191">
        <v>0</v>
      </c>
      <c r="DF34" s="191">
        <v>0</v>
      </c>
      <c r="DG34" s="196">
        <v>0</v>
      </c>
      <c r="DH34" s="195">
        <v>0</v>
      </c>
      <c r="DI34" s="190">
        <v>0</v>
      </c>
      <c r="DJ34" s="191">
        <v>0</v>
      </c>
      <c r="DK34" s="196">
        <v>0</v>
      </c>
      <c r="DL34" s="193">
        <v>0</v>
      </c>
      <c r="DM34" s="191">
        <v>0</v>
      </c>
      <c r="DN34" s="191">
        <v>0</v>
      </c>
      <c r="DO34" s="191">
        <v>0</v>
      </c>
      <c r="DP34" s="191">
        <v>0</v>
      </c>
      <c r="DQ34" s="191">
        <v>0</v>
      </c>
      <c r="DR34" s="196">
        <v>0</v>
      </c>
      <c r="DS34" s="195">
        <v>0</v>
      </c>
      <c r="DT34" s="190">
        <v>1</v>
      </c>
      <c r="DU34" s="191">
        <v>2</v>
      </c>
      <c r="DV34" s="196">
        <v>3</v>
      </c>
      <c r="DW34" s="193">
        <v>0</v>
      </c>
      <c r="DX34" s="191">
        <v>6</v>
      </c>
      <c r="DY34" s="191">
        <v>5</v>
      </c>
      <c r="DZ34" s="191">
        <v>3</v>
      </c>
      <c r="EA34" s="191">
        <v>1</v>
      </c>
      <c r="EB34" s="191">
        <v>1</v>
      </c>
      <c r="EC34" s="196">
        <v>16</v>
      </c>
      <c r="ED34" s="195">
        <v>19</v>
      </c>
      <c r="EE34" s="190">
        <v>0</v>
      </c>
      <c r="EF34" s="191">
        <v>0</v>
      </c>
      <c r="EG34" s="196">
        <v>0</v>
      </c>
      <c r="EH34" s="193">
        <v>0</v>
      </c>
      <c r="EI34" s="191">
        <v>1</v>
      </c>
      <c r="EJ34" s="191">
        <v>1</v>
      </c>
      <c r="EK34" s="191">
        <v>0</v>
      </c>
      <c r="EL34" s="191">
        <v>2</v>
      </c>
      <c r="EM34" s="191">
        <v>0</v>
      </c>
      <c r="EN34" s="196">
        <v>4</v>
      </c>
      <c r="EO34" s="195">
        <v>4</v>
      </c>
      <c r="EP34" s="190">
        <v>3</v>
      </c>
      <c r="EQ34" s="191">
        <v>2</v>
      </c>
      <c r="ER34" s="196">
        <v>5</v>
      </c>
      <c r="ES34" s="193">
        <v>0</v>
      </c>
      <c r="ET34" s="191">
        <v>6</v>
      </c>
      <c r="EU34" s="191">
        <v>9</v>
      </c>
      <c r="EV34" s="191">
        <v>4</v>
      </c>
      <c r="EW34" s="191">
        <v>1</v>
      </c>
      <c r="EX34" s="191">
        <v>1</v>
      </c>
      <c r="EY34" s="196">
        <v>21</v>
      </c>
      <c r="EZ34" s="195">
        <v>26</v>
      </c>
    </row>
    <row r="35" spans="2:156" ht="21" customHeight="1" x14ac:dyDescent="0.2">
      <c r="B35" s="106" t="s">
        <v>33</v>
      </c>
      <c r="C35" s="190">
        <v>0</v>
      </c>
      <c r="D35" s="191">
        <v>0</v>
      </c>
      <c r="E35" s="192">
        <v>0</v>
      </c>
      <c r="F35" s="193">
        <v>0</v>
      </c>
      <c r="G35" s="191">
        <v>2</v>
      </c>
      <c r="H35" s="191">
        <v>0</v>
      </c>
      <c r="I35" s="191">
        <v>1</v>
      </c>
      <c r="J35" s="191">
        <v>0</v>
      </c>
      <c r="K35" s="191">
        <v>0</v>
      </c>
      <c r="L35" s="194">
        <v>3</v>
      </c>
      <c r="M35" s="195">
        <v>3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0</v>
      </c>
      <c r="AA35" s="196">
        <v>0</v>
      </c>
      <c r="AB35" s="193">
        <v>0</v>
      </c>
      <c r="AC35" s="191">
        <v>1</v>
      </c>
      <c r="AD35" s="191">
        <v>0</v>
      </c>
      <c r="AE35" s="191">
        <v>1</v>
      </c>
      <c r="AF35" s="191">
        <v>0</v>
      </c>
      <c r="AG35" s="191">
        <v>0</v>
      </c>
      <c r="AH35" s="196">
        <v>2</v>
      </c>
      <c r="AI35" s="195">
        <v>2</v>
      </c>
      <c r="AJ35" s="190">
        <v>2</v>
      </c>
      <c r="AK35" s="191">
        <v>2</v>
      </c>
      <c r="AL35" s="196">
        <v>4</v>
      </c>
      <c r="AM35" s="193">
        <v>0</v>
      </c>
      <c r="AN35" s="191">
        <v>2</v>
      </c>
      <c r="AO35" s="191">
        <v>0</v>
      </c>
      <c r="AP35" s="191">
        <v>2</v>
      </c>
      <c r="AQ35" s="191">
        <v>0</v>
      </c>
      <c r="AR35" s="191">
        <v>0</v>
      </c>
      <c r="AS35" s="196">
        <v>4</v>
      </c>
      <c r="AT35" s="195">
        <v>8</v>
      </c>
      <c r="AU35" s="190">
        <v>0</v>
      </c>
      <c r="AV35" s="191">
        <v>0</v>
      </c>
      <c r="AW35" s="196">
        <v>0</v>
      </c>
      <c r="AX35" s="193">
        <v>0</v>
      </c>
      <c r="AY35" s="191">
        <v>1</v>
      </c>
      <c r="AZ35" s="191">
        <v>0</v>
      </c>
      <c r="BA35" s="191">
        <v>1</v>
      </c>
      <c r="BB35" s="191">
        <v>0</v>
      </c>
      <c r="BC35" s="191">
        <v>1</v>
      </c>
      <c r="BD35" s="194">
        <v>3</v>
      </c>
      <c r="BE35" s="195">
        <v>3</v>
      </c>
      <c r="BF35" s="190">
        <v>0</v>
      </c>
      <c r="BG35" s="191">
        <v>0</v>
      </c>
      <c r="BH35" s="196">
        <v>0</v>
      </c>
      <c r="BI35" s="193">
        <v>0</v>
      </c>
      <c r="BJ35" s="191">
        <v>0</v>
      </c>
      <c r="BK35" s="191">
        <v>0</v>
      </c>
      <c r="BL35" s="191">
        <v>0</v>
      </c>
      <c r="BM35" s="191">
        <v>0</v>
      </c>
      <c r="BN35" s="191">
        <v>0</v>
      </c>
      <c r="BO35" s="196">
        <v>0</v>
      </c>
      <c r="BP35" s="195">
        <v>0</v>
      </c>
      <c r="BQ35" s="190">
        <v>0</v>
      </c>
      <c r="BR35" s="191">
        <v>0</v>
      </c>
      <c r="BS35" s="196">
        <v>0</v>
      </c>
      <c r="BT35" s="193">
        <v>0</v>
      </c>
      <c r="BU35" s="191">
        <v>0</v>
      </c>
      <c r="BV35" s="191">
        <v>0</v>
      </c>
      <c r="BW35" s="191">
        <v>0</v>
      </c>
      <c r="BX35" s="191">
        <v>0</v>
      </c>
      <c r="BY35" s="191">
        <v>0</v>
      </c>
      <c r="BZ35" s="196">
        <v>0</v>
      </c>
      <c r="CA35" s="195">
        <v>0</v>
      </c>
      <c r="CB35" s="190">
        <v>0</v>
      </c>
      <c r="CC35" s="191">
        <v>0</v>
      </c>
      <c r="CD35" s="196">
        <v>0</v>
      </c>
      <c r="CE35" s="193">
        <v>0</v>
      </c>
      <c r="CF35" s="191">
        <v>1</v>
      </c>
      <c r="CG35" s="191">
        <v>0</v>
      </c>
      <c r="CH35" s="191">
        <v>0</v>
      </c>
      <c r="CI35" s="191">
        <v>0</v>
      </c>
      <c r="CJ35" s="191">
        <v>1</v>
      </c>
      <c r="CK35" s="196">
        <v>2</v>
      </c>
      <c r="CL35" s="195">
        <v>2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  <c r="CX35" s="190">
        <v>0</v>
      </c>
      <c r="CY35" s="191">
        <v>0</v>
      </c>
      <c r="CZ35" s="196">
        <v>0</v>
      </c>
      <c r="DA35" s="193">
        <v>0</v>
      </c>
      <c r="DB35" s="191">
        <v>0</v>
      </c>
      <c r="DC35" s="191">
        <v>0</v>
      </c>
      <c r="DD35" s="191">
        <v>0</v>
      </c>
      <c r="DE35" s="191">
        <v>0</v>
      </c>
      <c r="DF35" s="191">
        <v>0</v>
      </c>
      <c r="DG35" s="196">
        <v>0</v>
      </c>
      <c r="DH35" s="195">
        <v>0</v>
      </c>
      <c r="DI35" s="190">
        <v>0</v>
      </c>
      <c r="DJ35" s="191">
        <v>0</v>
      </c>
      <c r="DK35" s="196">
        <v>0</v>
      </c>
      <c r="DL35" s="193">
        <v>0</v>
      </c>
      <c r="DM35" s="191">
        <v>0</v>
      </c>
      <c r="DN35" s="191">
        <v>0</v>
      </c>
      <c r="DO35" s="191">
        <v>0</v>
      </c>
      <c r="DP35" s="191">
        <v>0</v>
      </c>
      <c r="DQ35" s="191">
        <v>0</v>
      </c>
      <c r="DR35" s="196">
        <v>0</v>
      </c>
      <c r="DS35" s="195">
        <v>0</v>
      </c>
      <c r="DT35" s="190">
        <v>2</v>
      </c>
      <c r="DU35" s="191">
        <v>0</v>
      </c>
      <c r="DV35" s="196">
        <v>2</v>
      </c>
      <c r="DW35" s="193">
        <v>0</v>
      </c>
      <c r="DX35" s="191">
        <v>3</v>
      </c>
      <c r="DY35" s="191">
        <v>0</v>
      </c>
      <c r="DZ35" s="191">
        <v>0</v>
      </c>
      <c r="EA35" s="191">
        <v>0</v>
      </c>
      <c r="EB35" s="191">
        <v>0</v>
      </c>
      <c r="EC35" s="196">
        <v>3</v>
      </c>
      <c r="ED35" s="195">
        <v>5</v>
      </c>
      <c r="EE35" s="190">
        <v>0</v>
      </c>
      <c r="EF35" s="191">
        <v>0</v>
      </c>
      <c r="EG35" s="196">
        <v>0</v>
      </c>
      <c r="EH35" s="193">
        <v>0</v>
      </c>
      <c r="EI35" s="191">
        <v>0</v>
      </c>
      <c r="EJ35" s="191">
        <v>0</v>
      </c>
      <c r="EK35" s="191">
        <v>0</v>
      </c>
      <c r="EL35" s="191">
        <v>0</v>
      </c>
      <c r="EM35" s="191">
        <v>1</v>
      </c>
      <c r="EN35" s="196">
        <v>1</v>
      </c>
      <c r="EO35" s="195">
        <v>1</v>
      </c>
      <c r="EP35" s="190">
        <v>2</v>
      </c>
      <c r="EQ35" s="191">
        <v>2</v>
      </c>
      <c r="ER35" s="196">
        <v>4</v>
      </c>
      <c r="ES35" s="193">
        <v>0</v>
      </c>
      <c r="ET35" s="191">
        <v>3</v>
      </c>
      <c r="EU35" s="191">
        <v>0</v>
      </c>
      <c r="EV35" s="191">
        <v>2</v>
      </c>
      <c r="EW35" s="191">
        <v>0</v>
      </c>
      <c r="EX35" s="191">
        <v>1</v>
      </c>
      <c r="EY35" s="196">
        <v>6</v>
      </c>
      <c r="EZ35" s="195">
        <v>10</v>
      </c>
    </row>
    <row r="36" spans="2:156" ht="21" customHeight="1" x14ac:dyDescent="0.2">
      <c r="B36" s="106" t="s">
        <v>34</v>
      </c>
      <c r="C36" s="190">
        <v>0</v>
      </c>
      <c r="D36" s="191">
        <v>0</v>
      </c>
      <c r="E36" s="192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0</v>
      </c>
      <c r="L36" s="194">
        <v>0</v>
      </c>
      <c r="M36" s="195">
        <v>0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0</v>
      </c>
      <c r="Z36" s="191">
        <v>0</v>
      </c>
      <c r="AA36" s="196">
        <v>0</v>
      </c>
      <c r="AB36" s="193">
        <v>0</v>
      </c>
      <c r="AC36" s="191">
        <v>0</v>
      </c>
      <c r="AD36" s="191">
        <v>2</v>
      </c>
      <c r="AE36" s="191">
        <v>0</v>
      </c>
      <c r="AF36" s="191">
        <v>0</v>
      </c>
      <c r="AG36" s="191">
        <v>1</v>
      </c>
      <c r="AH36" s="196">
        <v>3</v>
      </c>
      <c r="AI36" s="195">
        <v>3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0</v>
      </c>
      <c r="AP36" s="191">
        <v>0</v>
      </c>
      <c r="AQ36" s="191">
        <v>0</v>
      </c>
      <c r="AR36" s="191">
        <v>1</v>
      </c>
      <c r="AS36" s="196">
        <v>1</v>
      </c>
      <c r="AT36" s="195">
        <v>1</v>
      </c>
      <c r="AU36" s="190">
        <v>0</v>
      </c>
      <c r="AV36" s="191">
        <v>0</v>
      </c>
      <c r="AW36" s="196">
        <v>0</v>
      </c>
      <c r="AX36" s="193">
        <v>0</v>
      </c>
      <c r="AY36" s="191">
        <v>1</v>
      </c>
      <c r="AZ36" s="191">
        <v>4</v>
      </c>
      <c r="BA36" s="191">
        <v>1</v>
      </c>
      <c r="BB36" s="191">
        <v>2</v>
      </c>
      <c r="BC36" s="191">
        <v>1</v>
      </c>
      <c r="BD36" s="194">
        <v>9</v>
      </c>
      <c r="BE36" s="195">
        <v>9</v>
      </c>
      <c r="BF36" s="190">
        <v>0</v>
      </c>
      <c r="BG36" s="191">
        <v>0</v>
      </c>
      <c r="BH36" s="196">
        <v>0</v>
      </c>
      <c r="BI36" s="193">
        <v>0</v>
      </c>
      <c r="BJ36" s="191">
        <v>1</v>
      </c>
      <c r="BK36" s="191">
        <v>1</v>
      </c>
      <c r="BL36" s="191">
        <v>0</v>
      </c>
      <c r="BM36" s="191">
        <v>0</v>
      </c>
      <c r="BN36" s="191">
        <v>0</v>
      </c>
      <c r="BO36" s="196">
        <v>2</v>
      </c>
      <c r="BP36" s="195">
        <v>2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  <c r="CX36" s="190">
        <v>0</v>
      </c>
      <c r="CY36" s="191">
        <v>0</v>
      </c>
      <c r="CZ36" s="196">
        <v>0</v>
      </c>
      <c r="DA36" s="193">
        <v>0</v>
      </c>
      <c r="DB36" s="191">
        <v>0</v>
      </c>
      <c r="DC36" s="191">
        <v>0</v>
      </c>
      <c r="DD36" s="191">
        <v>0</v>
      </c>
      <c r="DE36" s="191">
        <v>0</v>
      </c>
      <c r="DF36" s="191">
        <v>0</v>
      </c>
      <c r="DG36" s="196">
        <v>0</v>
      </c>
      <c r="DH36" s="195">
        <v>0</v>
      </c>
      <c r="DI36" s="190">
        <v>0</v>
      </c>
      <c r="DJ36" s="191">
        <v>0</v>
      </c>
      <c r="DK36" s="196">
        <v>0</v>
      </c>
      <c r="DL36" s="193">
        <v>0</v>
      </c>
      <c r="DM36" s="191">
        <v>0</v>
      </c>
      <c r="DN36" s="191">
        <v>0</v>
      </c>
      <c r="DO36" s="191">
        <v>0</v>
      </c>
      <c r="DP36" s="191">
        <v>0</v>
      </c>
      <c r="DQ36" s="191">
        <v>0</v>
      </c>
      <c r="DR36" s="196">
        <v>0</v>
      </c>
      <c r="DS36" s="195">
        <v>0</v>
      </c>
      <c r="DT36" s="190">
        <v>0</v>
      </c>
      <c r="DU36" s="191">
        <v>0</v>
      </c>
      <c r="DV36" s="196">
        <v>0</v>
      </c>
      <c r="DW36" s="193">
        <v>0</v>
      </c>
      <c r="DX36" s="191">
        <v>2</v>
      </c>
      <c r="DY36" s="191">
        <v>6</v>
      </c>
      <c r="DZ36" s="191">
        <v>1</v>
      </c>
      <c r="EA36" s="191">
        <v>0</v>
      </c>
      <c r="EB36" s="191">
        <v>1</v>
      </c>
      <c r="EC36" s="196">
        <v>10</v>
      </c>
      <c r="ED36" s="195">
        <v>10</v>
      </c>
      <c r="EE36" s="190">
        <v>0</v>
      </c>
      <c r="EF36" s="191">
        <v>0</v>
      </c>
      <c r="EG36" s="196">
        <v>0</v>
      </c>
      <c r="EH36" s="193">
        <v>0</v>
      </c>
      <c r="EI36" s="191">
        <v>0</v>
      </c>
      <c r="EJ36" s="191">
        <v>1</v>
      </c>
      <c r="EK36" s="191">
        <v>0</v>
      </c>
      <c r="EL36" s="191">
        <v>2</v>
      </c>
      <c r="EM36" s="191">
        <v>0</v>
      </c>
      <c r="EN36" s="196">
        <v>3</v>
      </c>
      <c r="EO36" s="195">
        <v>3</v>
      </c>
      <c r="EP36" s="190">
        <v>0</v>
      </c>
      <c r="EQ36" s="191">
        <v>0</v>
      </c>
      <c r="ER36" s="196">
        <v>0</v>
      </c>
      <c r="ES36" s="193">
        <v>0</v>
      </c>
      <c r="ET36" s="191">
        <v>4</v>
      </c>
      <c r="EU36" s="191">
        <v>6</v>
      </c>
      <c r="EV36" s="191">
        <v>1</v>
      </c>
      <c r="EW36" s="191">
        <v>0</v>
      </c>
      <c r="EX36" s="191">
        <v>1</v>
      </c>
      <c r="EY36" s="196">
        <v>12</v>
      </c>
      <c r="EZ36" s="195">
        <v>12</v>
      </c>
    </row>
    <row r="37" spans="2:156" ht="21" customHeight="1" x14ac:dyDescent="0.2">
      <c r="B37" s="106" t="s">
        <v>35</v>
      </c>
      <c r="C37" s="190">
        <v>0</v>
      </c>
      <c r="D37" s="191">
        <v>0</v>
      </c>
      <c r="E37" s="192">
        <v>0</v>
      </c>
      <c r="F37" s="193">
        <v>0</v>
      </c>
      <c r="G37" s="191">
        <v>2</v>
      </c>
      <c r="H37" s="191">
        <v>6</v>
      </c>
      <c r="I37" s="191">
        <v>0</v>
      </c>
      <c r="J37" s="191">
        <v>0</v>
      </c>
      <c r="K37" s="191">
        <v>0</v>
      </c>
      <c r="L37" s="194">
        <v>8</v>
      </c>
      <c r="M37" s="195">
        <v>8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1</v>
      </c>
      <c r="U37" s="191">
        <v>0</v>
      </c>
      <c r="V37" s="191">
        <v>1</v>
      </c>
      <c r="W37" s="196">
        <v>2</v>
      </c>
      <c r="X37" s="195">
        <v>2</v>
      </c>
      <c r="Y37" s="190">
        <v>0</v>
      </c>
      <c r="Z37" s="191">
        <v>1</v>
      </c>
      <c r="AA37" s="196">
        <v>1</v>
      </c>
      <c r="AB37" s="193">
        <v>0</v>
      </c>
      <c r="AC37" s="191">
        <v>2</v>
      </c>
      <c r="AD37" s="191">
        <v>4</v>
      </c>
      <c r="AE37" s="191">
        <v>1</v>
      </c>
      <c r="AF37" s="191">
        <v>0</v>
      </c>
      <c r="AG37" s="191">
        <v>2</v>
      </c>
      <c r="AH37" s="196">
        <v>9</v>
      </c>
      <c r="AI37" s="195">
        <v>10</v>
      </c>
      <c r="AJ37" s="190">
        <v>0</v>
      </c>
      <c r="AK37" s="191">
        <v>1</v>
      </c>
      <c r="AL37" s="196">
        <v>1</v>
      </c>
      <c r="AM37" s="193">
        <v>0</v>
      </c>
      <c r="AN37" s="191">
        <v>1</v>
      </c>
      <c r="AO37" s="191">
        <v>0</v>
      </c>
      <c r="AP37" s="191">
        <v>0</v>
      </c>
      <c r="AQ37" s="191">
        <v>0</v>
      </c>
      <c r="AR37" s="191">
        <v>1</v>
      </c>
      <c r="AS37" s="196">
        <v>2</v>
      </c>
      <c r="AT37" s="195">
        <v>3</v>
      </c>
      <c r="AU37" s="190">
        <v>1</v>
      </c>
      <c r="AV37" s="191">
        <v>0</v>
      </c>
      <c r="AW37" s="196">
        <v>1</v>
      </c>
      <c r="AX37" s="193">
        <v>0</v>
      </c>
      <c r="AY37" s="191">
        <v>6</v>
      </c>
      <c r="AZ37" s="191">
        <v>6</v>
      </c>
      <c r="BA37" s="191">
        <v>2</v>
      </c>
      <c r="BB37" s="191">
        <v>3</v>
      </c>
      <c r="BC37" s="191">
        <v>2</v>
      </c>
      <c r="BD37" s="194">
        <v>19</v>
      </c>
      <c r="BE37" s="195">
        <v>20</v>
      </c>
      <c r="BF37" s="190">
        <v>0</v>
      </c>
      <c r="BG37" s="191">
        <v>0</v>
      </c>
      <c r="BH37" s="196">
        <v>0</v>
      </c>
      <c r="BI37" s="193">
        <v>0</v>
      </c>
      <c r="BJ37" s="191">
        <v>4</v>
      </c>
      <c r="BK37" s="191">
        <v>3</v>
      </c>
      <c r="BL37" s="191">
        <v>0</v>
      </c>
      <c r="BM37" s="191">
        <v>0</v>
      </c>
      <c r="BN37" s="191">
        <v>0</v>
      </c>
      <c r="BO37" s="196">
        <v>7</v>
      </c>
      <c r="BP37" s="195">
        <v>7</v>
      </c>
      <c r="BQ37" s="190">
        <v>2</v>
      </c>
      <c r="BR37" s="191">
        <v>0</v>
      </c>
      <c r="BS37" s="196">
        <v>2</v>
      </c>
      <c r="BT37" s="193">
        <v>0</v>
      </c>
      <c r="BU37" s="191">
        <v>4</v>
      </c>
      <c r="BV37" s="191">
        <v>3</v>
      </c>
      <c r="BW37" s="191">
        <v>0</v>
      </c>
      <c r="BX37" s="191">
        <v>1</v>
      </c>
      <c r="BY37" s="191">
        <v>0</v>
      </c>
      <c r="BZ37" s="196">
        <v>8</v>
      </c>
      <c r="CA37" s="195">
        <v>10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1</v>
      </c>
      <c r="CK37" s="196">
        <v>1</v>
      </c>
      <c r="CL37" s="195">
        <v>1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  <c r="CX37" s="190">
        <v>0</v>
      </c>
      <c r="CY37" s="191">
        <v>0</v>
      </c>
      <c r="CZ37" s="196">
        <v>0</v>
      </c>
      <c r="DA37" s="193">
        <v>0</v>
      </c>
      <c r="DB37" s="191">
        <v>0</v>
      </c>
      <c r="DC37" s="191">
        <v>0</v>
      </c>
      <c r="DD37" s="191">
        <v>0</v>
      </c>
      <c r="DE37" s="191">
        <v>0</v>
      </c>
      <c r="DF37" s="191">
        <v>0</v>
      </c>
      <c r="DG37" s="196">
        <v>0</v>
      </c>
      <c r="DH37" s="195">
        <v>0</v>
      </c>
      <c r="DI37" s="190">
        <v>0</v>
      </c>
      <c r="DJ37" s="191">
        <v>0</v>
      </c>
      <c r="DK37" s="196">
        <v>0</v>
      </c>
      <c r="DL37" s="193">
        <v>0</v>
      </c>
      <c r="DM37" s="191">
        <v>0</v>
      </c>
      <c r="DN37" s="191">
        <v>0</v>
      </c>
      <c r="DO37" s="191">
        <v>0</v>
      </c>
      <c r="DP37" s="191">
        <v>0</v>
      </c>
      <c r="DQ37" s="191">
        <v>0</v>
      </c>
      <c r="DR37" s="196">
        <v>0</v>
      </c>
      <c r="DS37" s="195">
        <v>0</v>
      </c>
      <c r="DT37" s="190">
        <v>3</v>
      </c>
      <c r="DU37" s="191">
        <v>0</v>
      </c>
      <c r="DV37" s="196">
        <v>3</v>
      </c>
      <c r="DW37" s="193">
        <v>0</v>
      </c>
      <c r="DX37" s="191">
        <v>6</v>
      </c>
      <c r="DY37" s="191">
        <v>9</v>
      </c>
      <c r="DZ37" s="191">
        <v>1</v>
      </c>
      <c r="EA37" s="191">
        <v>1</v>
      </c>
      <c r="EB37" s="191">
        <v>2</v>
      </c>
      <c r="EC37" s="196">
        <v>19</v>
      </c>
      <c r="ED37" s="195">
        <v>22</v>
      </c>
      <c r="EE37" s="190">
        <v>1</v>
      </c>
      <c r="EF37" s="191">
        <v>0</v>
      </c>
      <c r="EG37" s="196">
        <v>1</v>
      </c>
      <c r="EH37" s="193">
        <v>0</v>
      </c>
      <c r="EI37" s="191">
        <v>4</v>
      </c>
      <c r="EJ37" s="191">
        <v>1</v>
      </c>
      <c r="EK37" s="191">
        <v>0</v>
      </c>
      <c r="EL37" s="191">
        <v>3</v>
      </c>
      <c r="EM37" s="191">
        <v>0</v>
      </c>
      <c r="EN37" s="196">
        <v>8</v>
      </c>
      <c r="EO37" s="195">
        <v>9</v>
      </c>
      <c r="EP37" s="190">
        <v>4</v>
      </c>
      <c r="EQ37" s="191">
        <v>2</v>
      </c>
      <c r="ER37" s="196">
        <v>6</v>
      </c>
      <c r="ES37" s="193">
        <v>0</v>
      </c>
      <c r="ET37" s="191">
        <v>12</v>
      </c>
      <c r="EU37" s="191">
        <v>9</v>
      </c>
      <c r="EV37" s="191">
        <v>1</v>
      </c>
      <c r="EW37" s="191">
        <v>0</v>
      </c>
      <c r="EX37" s="191">
        <v>2</v>
      </c>
      <c r="EY37" s="196">
        <v>24</v>
      </c>
      <c r="EZ37" s="195">
        <v>30</v>
      </c>
    </row>
    <row r="38" spans="2:156" ht="21" customHeight="1" x14ac:dyDescent="0.2">
      <c r="B38" s="106" t="s">
        <v>36</v>
      </c>
      <c r="C38" s="190">
        <v>0</v>
      </c>
      <c r="D38" s="191">
        <v>0</v>
      </c>
      <c r="E38" s="192">
        <v>0</v>
      </c>
      <c r="F38" s="193">
        <v>0</v>
      </c>
      <c r="G38" s="191">
        <v>2</v>
      </c>
      <c r="H38" s="191">
        <v>0</v>
      </c>
      <c r="I38" s="191">
        <v>0</v>
      </c>
      <c r="J38" s="191">
        <v>1</v>
      </c>
      <c r="K38" s="191">
        <v>1</v>
      </c>
      <c r="L38" s="194">
        <v>4</v>
      </c>
      <c r="M38" s="195">
        <v>4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1</v>
      </c>
      <c r="W38" s="196">
        <v>1</v>
      </c>
      <c r="X38" s="195">
        <v>1</v>
      </c>
      <c r="Y38" s="190">
        <v>0</v>
      </c>
      <c r="Z38" s="191">
        <v>1</v>
      </c>
      <c r="AA38" s="196">
        <v>1</v>
      </c>
      <c r="AB38" s="193">
        <v>0</v>
      </c>
      <c r="AC38" s="191">
        <v>4</v>
      </c>
      <c r="AD38" s="191">
        <v>0</v>
      </c>
      <c r="AE38" s="191">
        <v>0</v>
      </c>
      <c r="AF38" s="191">
        <v>0</v>
      </c>
      <c r="AG38" s="191">
        <v>1</v>
      </c>
      <c r="AH38" s="196">
        <v>5</v>
      </c>
      <c r="AI38" s="195">
        <v>6</v>
      </c>
      <c r="AJ38" s="190">
        <v>0</v>
      </c>
      <c r="AK38" s="191">
        <v>0</v>
      </c>
      <c r="AL38" s="196">
        <v>0</v>
      </c>
      <c r="AM38" s="193">
        <v>0</v>
      </c>
      <c r="AN38" s="191">
        <v>0</v>
      </c>
      <c r="AO38" s="191">
        <v>1</v>
      </c>
      <c r="AP38" s="191">
        <v>0</v>
      </c>
      <c r="AQ38" s="191">
        <v>0</v>
      </c>
      <c r="AR38" s="191">
        <v>0</v>
      </c>
      <c r="AS38" s="196">
        <v>1</v>
      </c>
      <c r="AT38" s="195">
        <v>1</v>
      </c>
      <c r="AU38" s="190">
        <v>0</v>
      </c>
      <c r="AV38" s="191">
        <v>0</v>
      </c>
      <c r="AW38" s="196">
        <v>0</v>
      </c>
      <c r="AX38" s="193">
        <v>0</v>
      </c>
      <c r="AY38" s="191">
        <v>3</v>
      </c>
      <c r="AZ38" s="191">
        <v>2</v>
      </c>
      <c r="BA38" s="191">
        <v>0</v>
      </c>
      <c r="BB38" s="191">
        <v>2</v>
      </c>
      <c r="BC38" s="191">
        <v>1</v>
      </c>
      <c r="BD38" s="194">
        <v>8</v>
      </c>
      <c r="BE38" s="195">
        <v>8</v>
      </c>
      <c r="BF38" s="190">
        <v>0</v>
      </c>
      <c r="BG38" s="191">
        <v>0</v>
      </c>
      <c r="BH38" s="196">
        <v>0</v>
      </c>
      <c r="BI38" s="193">
        <v>0</v>
      </c>
      <c r="BJ38" s="191">
        <v>0</v>
      </c>
      <c r="BK38" s="191">
        <v>2</v>
      </c>
      <c r="BL38" s="191">
        <v>0</v>
      </c>
      <c r="BM38" s="191">
        <v>0</v>
      </c>
      <c r="BN38" s="191">
        <v>0</v>
      </c>
      <c r="BO38" s="196">
        <v>2</v>
      </c>
      <c r="BP38" s="195">
        <v>2</v>
      </c>
      <c r="BQ38" s="190">
        <v>0</v>
      </c>
      <c r="BR38" s="191">
        <v>1</v>
      </c>
      <c r="BS38" s="196">
        <v>1</v>
      </c>
      <c r="BT38" s="193">
        <v>0</v>
      </c>
      <c r="BU38" s="191">
        <v>1</v>
      </c>
      <c r="BV38" s="191">
        <v>1</v>
      </c>
      <c r="BW38" s="191">
        <v>0</v>
      </c>
      <c r="BX38" s="191">
        <v>0</v>
      </c>
      <c r="BY38" s="191">
        <v>0</v>
      </c>
      <c r="BZ38" s="196">
        <v>2</v>
      </c>
      <c r="CA38" s="195">
        <v>3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1</v>
      </c>
      <c r="CH38" s="191">
        <v>0</v>
      </c>
      <c r="CI38" s="191">
        <v>0</v>
      </c>
      <c r="CJ38" s="191">
        <v>0</v>
      </c>
      <c r="CK38" s="196">
        <v>1</v>
      </c>
      <c r="CL38" s="195">
        <v>1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  <c r="CX38" s="190">
        <v>0</v>
      </c>
      <c r="CY38" s="191">
        <v>0</v>
      </c>
      <c r="CZ38" s="196">
        <v>0</v>
      </c>
      <c r="DA38" s="193">
        <v>0</v>
      </c>
      <c r="DB38" s="191">
        <v>0</v>
      </c>
      <c r="DC38" s="191">
        <v>0</v>
      </c>
      <c r="DD38" s="191">
        <v>0</v>
      </c>
      <c r="DE38" s="191">
        <v>0</v>
      </c>
      <c r="DF38" s="191">
        <v>0</v>
      </c>
      <c r="DG38" s="196">
        <v>0</v>
      </c>
      <c r="DH38" s="195">
        <v>0</v>
      </c>
      <c r="DI38" s="190">
        <v>0</v>
      </c>
      <c r="DJ38" s="191">
        <v>0</v>
      </c>
      <c r="DK38" s="196">
        <v>0</v>
      </c>
      <c r="DL38" s="193">
        <v>0</v>
      </c>
      <c r="DM38" s="191">
        <v>0</v>
      </c>
      <c r="DN38" s="191">
        <v>0</v>
      </c>
      <c r="DO38" s="191">
        <v>0</v>
      </c>
      <c r="DP38" s="191">
        <v>0</v>
      </c>
      <c r="DQ38" s="191">
        <v>0</v>
      </c>
      <c r="DR38" s="196">
        <v>0</v>
      </c>
      <c r="DS38" s="195">
        <v>0</v>
      </c>
      <c r="DT38" s="190">
        <v>2</v>
      </c>
      <c r="DU38" s="191">
        <v>3</v>
      </c>
      <c r="DV38" s="196">
        <v>5</v>
      </c>
      <c r="DW38" s="193">
        <v>0</v>
      </c>
      <c r="DX38" s="191">
        <v>8</v>
      </c>
      <c r="DY38" s="191">
        <v>4</v>
      </c>
      <c r="DZ38" s="191">
        <v>1</v>
      </c>
      <c r="EA38" s="191">
        <v>1</v>
      </c>
      <c r="EB38" s="191">
        <v>1</v>
      </c>
      <c r="EC38" s="196">
        <v>15</v>
      </c>
      <c r="ED38" s="195">
        <v>20</v>
      </c>
      <c r="EE38" s="190">
        <v>0</v>
      </c>
      <c r="EF38" s="191">
        <v>0</v>
      </c>
      <c r="EG38" s="196">
        <v>0</v>
      </c>
      <c r="EH38" s="193">
        <v>0</v>
      </c>
      <c r="EI38" s="191">
        <v>3</v>
      </c>
      <c r="EJ38" s="191">
        <v>1</v>
      </c>
      <c r="EK38" s="191">
        <v>1</v>
      </c>
      <c r="EL38" s="191">
        <v>1</v>
      </c>
      <c r="EM38" s="191">
        <v>0</v>
      </c>
      <c r="EN38" s="196">
        <v>6</v>
      </c>
      <c r="EO38" s="195">
        <v>6</v>
      </c>
      <c r="EP38" s="190">
        <v>2</v>
      </c>
      <c r="EQ38" s="191">
        <v>5</v>
      </c>
      <c r="ER38" s="196">
        <v>7</v>
      </c>
      <c r="ES38" s="193">
        <v>0</v>
      </c>
      <c r="ET38" s="191">
        <v>12</v>
      </c>
      <c r="EU38" s="191">
        <v>6</v>
      </c>
      <c r="EV38" s="191">
        <v>2</v>
      </c>
      <c r="EW38" s="191">
        <v>1</v>
      </c>
      <c r="EX38" s="191">
        <v>2</v>
      </c>
      <c r="EY38" s="196">
        <v>23</v>
      </c>
      <c r="EZ38" s="195">
        <v>30</v>
      </c>
    </row>
    <row r="39" spans="2:156" ht="21" customHeight="1" thickBot="1" x14ac:dyDescent="0.25">
      <c r="B39" s="108" t="s">
        <v>37</v>
      </c>
      <c r="C39" s="197">
        <v>0</v>
      </c>
      <c r="D39" s="198">
        <v>0</v>
      </c>
      <c r="E39" s="199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0</v>
      </c>
      <c r="AE39" s="198">
        <v>0</v>
      </c>
      <c r="AF39" s="198">
        <v>0</v>
      </c>
      <c r="AG39" s="198">
        <v>0</v>
      </c>
      <c r="AH39" s="203">
        <v>0</v>
      </c>
      <c r="AI39" s="202">
        <v>0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1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0</v>
      </c>
      <c r="BK39" s="198">
        <v>0</v>
      </c>
      <c r="BL39" s="198">
        <v>0</v>
      </c>
      <c r="BM39" s="198">
        <v>0</v>
      </c>
      <c r="BN39" s="198">
        <v>0</v>
      </c>
      <c r="BO39" s="203">
        <v>0</v>
      </c>
      <c r="BP39" s="202">
        <v>0</v>
      </c>
      <c r="BQ39" s="197">
        <v>0</v>
      </c>
      <c r="BR39" s="198">
        <v>0</v>
      </c>
      <c r="BS39" s="203">
        <v>0</v>
      </c>
      <c r="BT39" s="200">
        <v>0</v>
      </c>
      <c r="BU39" s="198">
        <v>1</v>
      </c>
      <c r="BV39" s="198">
        <v>1</v>
      </c>
      <c r="BW39" s="198">
        <v>0</v>
      </c>
      <c r="BX39" s="198">
        <v>0</v>
      </c>
      <c r="BY39" s="198">
        <v>0</v>
      </c>
      <c r="BZ39" s="203">
        <v>2</v>
      </c>
      <c r="CA39" s="202">
        <v>2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  <c r="CX39" s="197">
        <v>0</v>
      </c>
      <c r="CY39" s="198">
        <v>0</v>
      </c>
      <c r="CZ39" s="203">
        <v>0</v>
      </c>
      <c r="DA39" s="200">
        <v>0</v>
      </c>
      <c r="DB39" s="198">
        <v>0</v>
      </c>
      <c r="DC39" s="198">
        <v>0</v>
      </c>
      <c r="DD39" s="198">
        <v>0</v>
      </c>
      <c r="DE39" s="198">
        <v>0</v>
      </c>
      <c r="DF39" s="198">
        <v>0</v>
      </c>
      <c r="DG39" s="203">
        <v>0</v>
      </c>
      <c r="DH39" s="202">
        <v>0</v>
      </c>
      <c r="DI39" s="197">
        <v>0</v>
      </c>
      <c r="DJ39" s="198">
        <v>0</v>
      </c>
      <c r="DK39" s="203">
        <v>0</v>
      </c>
      <c r="DL39" s="200">
        <v>0</v>
      </c>
      <c r="DM39" s="198">
        <v>0</v>
      </c>
      <c r="DN39" s="198">
        <v>0</v>
      </c>
      <c r="DO39" s="198">
        <v>0</v>
      </c>
      <c r="DP39" s="198">
        <v>0</v>
      </c>
      <c r="DQ39" s="198">
        <v>0</v>
      </c>
      <c r="DR39" s="203">
        <v>0</v>
      </c>
      <c r="DS39" s="202">
        <v>0</v>
      </c>
      <c r="DT39" s="197">
        <v>0</v>
      </c>
      <c r="DU39" s="198">
        <v>0</v>
      </c>
      <c r="DV39" s="203">
        <v>0</v>
      </c>
      <c r="DW39" s="200">
        <v>0</v>
      </c>
      <c r="DX39" s="198">
        <v>1</v>
      </c>
      <c r="DY39" s="198">
        <v>2</v>
      </c>
      <c r="DZ39" s="198">
        <v>0</v>
      </c>
      <c r="EA39" s="198">
        <v>0</v>
      </c>
      <c r="EB39" s="198">
        <v>0</v>
      </c>
      <c r="EC39" s="203">
        <v>3</v>
      </c>
      <c r="ED39" s="202">
        <v>3</v>
      </c>
      <c r="EE39" s="197">
        <v>0</v>
      </c>
      <c r="EF39" s="198">
        <v>0</v>
      </c>
      <c r="EG39" s="203">
        <v>0</v>
      </c>
      <c r="EH39" s="200">
        <v>0</v>
      </c>
      <c r="EI39" s="198">
        <v>0</v>
      </c>
      <c r="EJ39" s="198">
        <v>0</v>
      </c>
      <c r="EK39" s="198">
        <v>0</v>
      </c>
      <c r="EL39" s="198">
        <v>0</v>
      </c>
      <c r="EM39" s="198">
        <v>0</v>
      </c>
      <c r="EN39" s="203">
        <v>0</v>
      </c>
      <c r="EO39" s="202">
        <v>0</v>
      </c>
      <c r="EP39" s="197">
        <v>0</v>
      </c>
      <c r="EQ39" s="198">
        <v>0</v>
      </c>
      <c r="ER39" s="203">
        <v>0</v>
      </c>
      <c r="ES39" s="200">
        <v>0</v>
      </c>
      <c r="ET39" s="198">
        <v>1</v>
      </c>
      <c r="EU39" s="198">
        <v>2</v>
      </c>
      <c r="EV39" s="198">
        <v>0</v>
      </c>
      <c r="EW39" s="198">
        <v>0</v>
      </c>
      <c r="EX39" s="198">
        <v>0</v>
      </c>
      <c r="EY39" s="203">
        <v>3</v>
      </c>
      <c r="EZ39" s="202">
        <v>3</v>
      </c>
    </row>
  </sheetData>
  <mergeCells count="59">
    <mergeCell ref="CM3:CW3"/>
    <mergeCell ref="I1:J1"/>
    <mergeCell ref="L1:M1"/>
    <mergeCell ref="B3:B5"/>
    <mergeCell ref="C3:M3"/>
    <mergeCell ref="N3:X3"/>
    <mergeCell ref="Y3:AI3"/>
    <mergeCell ref="X4:X5"/>
    <mergeCell ref="Y4:AA4"/>
    <mergeCell ref="AB4:AH4"/>
    <mergeCell ref="AI4:AI5"/>
    <mergeCell ref="AJ3:AT3"/>
    <mergeCell ref="AU3:BE3"/>
    <mergeCell ref="BF3:BP3"/>
    <mergeCell ref="BQ3:CA3"/>
    <mergeCell ref="CB3:CL3"/>
    <mergeCell ref="C4:E4"/>
    <mergeCell ref="F4:L4"/>
    <mergeCell ref="M4:M5"/>
    <mergeCell ref="N4:P4"/>
    <mergeCell ref="Q4:W4"/>
    <mergeCell ref="CX3:DH3"/>
    <mergeCell ref="DI3:DS3"/>
    <mergeCell ref="DT3:ED3"/>
    <mergeCell ref="EE3:EO3"/>
    <mergeCell ref="EP3:EZ3"/>
    <mergeCell ref="CA4:CA5"/>
    <mergeCell ref="AJ4:AL4"/>
    <mergeCell ref="AM4:AS4"/>
    <mergeCell ref="AT4:AT5"/>
    <mergeCell ref="AU4:AW4"/>
    <mergeCell ref="AX4:BD4"/>
    <mergeCell ref="BE4:BE5"/>
    <mergeCell ref="BF4:BH4"/>
    <mergeCell ref="BI4:BO4"/>
    <mergeCell ref="BP4:BP5"/>
    <mergeCell ref="BQ4:BS4"/>
    <mergeCell ref="BT4:BZ4"/>
    <mergeCell ref="DS4:DS5"/>
    <mergeCell ref="CB4:CD4"/>
    <mergeCell ref="CE4:CK4"/>
    <mergeCell ref="CL4:CL5"/>
    <mergeCell ref="CM4:CO4"/>
    <mergeCell ref="CP4:CV4"/>
    <mergeCell ref="CW4:CW5"/>
    <mergeCell ref="CX4:CZ4"/>
    <mergeCell ref="DA4:DG4"/>
    <mergeCell ref="DH4:DH5"/>
    <mergeCell ref="DI4:DK4"/>
    <mergeCell ref="DL4:DR4"/>
    <mergeCell ref="EP4:ER4"/>
    <mergeCell ref="ES4:EY4"/>
    <mergeCell ref="EZ4:EZ5"/>
    <mergeCell ref="DT4:DV4"/>
    <mergeCell ref="DW4:EC4"/>
    <mergeCell ref="ED4:ED5"/>
    <mergeCell ref="EE4:EG4"/>
    <mergeCell ref="EH4:EN4"/>
    <mergeCell ref="EO4:EO5"/>
  </mergeCells>
  <phoneticPr fontId="4"/>
  <pageMargins left="0.59055118110236227" right="0.39370078740157483" top="0.74803149606299213" bottom="0.74803149606299213" header="0.31496062992125984" footer="0.31496062992125984"/>
  <pageSetup paperSize="9" scale="33" orientation="landscape" r:id="rId1"/>
  <headerFooter>
    <oddFooter>&amp;L&amp;20&amp;A&amp;C&amp;P/&amp;N</oddFooter>
  </headerFooter>
  <colBreaks count="3" manualBreakCount="3">
    <brk id="46" max="1048575" man="1"/>
    <brk id="90" max="1048575" man="1"/>
    <brk id="134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DH40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5" width="9" style="175"/>
    <col min="6" max="6" width="7.77734375" style="175" customWidth="1"/>
    <col min="7" max="7" width="9" style="175"/>
    <col min="8" max="8" width="10.6640625" style="175" customWidth="1"/>
    <col min="9" max="16" width="9" style="175"/>
    <col min="17" max="17" width="7.77734375" style="175" customWidth="1"/>
    <col min="18" max="27" width="9" style="175"/>
    <col min="28" max="28" width="6.88671875" style="175" customWidth="1"/>
    <col min="29" max="38" width="9" style="175"/>
    <col min="39" max="39" width="7.21875" style="175" customWidth="1"/>
    <col min="40" max="49" width="9" style="175"/>
    <col min="50" max="50" width="7.44140625" style="175" customWidth="1"/>
    <col min="51" max="60" width="9" style="175"/>
    <col min="61" max="61" width="7.6640625" style="175" customWidth="1"/>
    <col min="62" max="71" width="9" style="175"/>
    <col min="72" max="72" width="7.88671875" style="175" customWidth="1"/>
    <col min="73" max="82" width="9" style="175"/>
    <col min="83" max="83" width="7" style="175" customWidth="1"/>
    <col min="84" max="93" width="9" style="175"/>
    <col min="94" max="94" width="7.6640625" style="175" customWidth="1"/>
    <col min="95" max="16384" width="9" style="175"/>
  </cols>
  <sheetData>
    <row r="1" spans="2:112" ht="24" customHeight="1" x14ac:dyDescent="0.2">
      <c r="B1" s="142" t="s">
        <v>121</v>
      </c>
      <c r="J1" s="442">
        <f>第１表!F2</f>
        <v>7</v>
      </c>
      <c r="K1" s="442"/>
      <c r="L1" s="18">
        <f>第１表!G2</f>
        <v>2</v>
      </c>
      <c r="M1" s="447">
        <f>IF(L1&lt;3,L1+12-2,L1-2)</f>
        <v>12</v>
      </c>
      <c r="N1" s="447"/>
    </row>
    <row r="2" spans="2:112" ht="24" customHeight="1" thickBot="1" x14ac:dyDescent="0.25">
      <c r="B2" s="142" t="s">
        <v>135</v>
      </c>
    </row>
    <row r="3" spans="2:112" ht="21" customHeight="1" thickBot="1" x14ac:dyDescent="0.25">
      <c r="B3" s="484"/>
      <c r="C3" s="487" t="s">
        <v>111</v>
      </c>
      <c r="D3" s="487"/>
      <c r="E3" s="487"/>
      <c r="F3" s="487"/>
      <c r="G3" s="487"/>
      <c r="H3" s="487"/>
      <c r="I3" s="487"/>
      <c r="J3" s="487"/>
      <c r="K3" s="487"/>
      <c r="L3" s="487"/>
      <c r="M3" s="488"/>
      <c r="N3" s="482" t="s">
        <v>110</v>
      </c>
      <c r="O3" s="482"/>
      <c r="P3" s="482"/>
      <c r="Q3" s="482"/>
      <c r="R3" s="482"/>
      <c r="S3" s="482"/>
      <c r="T3" s="482"/>
      <c r="U3" s="482"/>
      <c r="V3" s="482"/>
      <c r="W3" s="482"/>
      <c r="X3" s="483"/>
      <c r="Y3" s="481" t="s">
        <v>109</v>
      </c>
      <c r="Z3" s="482"/>
      <c r="AA3" s="482"/>
      <c r="AB3" s="482"/>
      <c r="AC3" s="482"/>
      <c r="AD3" s="482"/>
      <c r="AE3" s="482"/>
      <c r="AF3" s="482"/>
      <c r="AG3" s="482"/>
      <c r="AH3" s="482"/>
      <c r="AI3" s="483"/>
      <c r="AJ3" s="481" t="s">
        <v>108</v>
      </c>
      <c r="AK3" s="482"/>
      <c r="AL3" s="482"/>
      <c r="AM3" s="482"/>
      <c r="AN3" s="482"/>
      <c r="AO3" s="482"/>
      <c r="AP3" s="482"/>
      <c r="AQ3" s="482"/>
      <c r="AR3" s="482"/>
      <c r="AS3" s="482"/>
      <c r="AT3" s="483"/>
      <c r="AU3" s="481" t="s">
        <v>107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106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105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124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1" t="s">
        <v>104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  <c r="CX3" s="481" t="s">
        <v>156</v>
      </c>
      <c r="CY3" s="482"/>
      <c r="CZ3" s="482"/>
      <c r="DA3" s="482"/>
      <c r="DB3" s="482"/>
      <c r="DC3" s="482"/>
      <c r="DD3" s="482"/>
      <c r="DE3" s="482"/>
      <c r="DF3" s="482"/>
      <c r="DG3" s="482"/>
      <c r="DH3" s="483"/>
    </row>
    <row r="4" spans="2:112" ht="21" customHeight="1" x14ac:dyDescent="0.2">
      <c r="B4" s="485"/>
      <c r="C4" s="489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89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71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65" t="s">
        <v>61</v>
      </c>
      <c r="AV4" s="466"/>
      <c r="AW4" s="471"/>
      <c r="AX4" s="468" t="s">
        <v>62</v>
      </c>
      <c r="AY4" s="466"/>
      <c r="AZ4" s="466"/>
      <c r="BA4" s="466"/>
      <c r="BB4" s="466"/>
      <c r="BC4" s="466"/>
      <c r="BD4" s="471"/>
      <c r="BE4" s="469" t="s">
        <v>52</v>
      </c>
      <c r="BF4" s="465" t="s">
        <v>61</v>
      </c>
      <c r="BG4" s="466"/>
      <c r="BH4" s="467"/>
      <c r="BI4" s="468" t="s">
        <v>62</v>
      </c>
      <c r="BJ4" s="466"/>
      <c r="BK4" s="466"/>
      <c r="BL4" s="466"/>
      <c r="BM4" s="466"/>
      <c r="BN4" s="466"/>
      <c r="BO4" s="467"/>
      <c r="BP4" s="469" t="s">
        <v>52</v>
      </c>
      <c r="BQ4" s="465" t="s">
        <v>61</v>
      </c>
      <c r="BR4" s="466"/>
      <c r="BS4" s="467"/>
      <c r="BT4" s="468" t="s">
        <v>62</v>
      </c>
      <c r="BU4" s="466"/>
      <c r="BV4" s="466"/>
      <c r="BW4" s="466"/>
      <c r="BX4" s="466"/>
      <c r="BY4" s="466"/>
      <c r="BZ4" s="467"/>
      <c r="CA4" s="469" t="s">
        <v>52</v>
      </c>
      <c r="CB4" s="465" t="s">
        <v>61</v>
      </c>
      <c r="CC4" s="466"/>
      <c r="CD4" s="467"/>
      <c r="CE4" s="468" t="s">
        <v>62</v>
      </c>
      <c r="CF4" s="466"/>
      <c r="CG4" s="466"/>
      <c r="CH4" s="466"/>
      <c r="CI4" s="466"/>
      <c r="CJ4" s="466"/>
      <c r="CK4" s="467"/>
      <c r="CL4" s="469" t="s">
        <v>52</v>
      </c>
      <c r="CM4" s="465" t="s">
        <v>61</v>
      </c>
      <c r="CN4" s="466"/>
      <c r="CO4" s="467"/>
      <c r="CP4" s="468" t="s">
        <v>62</v>
      </c>
      <c r="CQ4" s="466"/>
      <c r="CR4" s="466"/>
      <c r="CS4" s="466"/>
      <c r="CT4" s="466"/>
      <c r="CU4" s="466"/>
      <c r="CV4" s="467"/>
      <c r="CW4" s="469" t="s">
        <v>52</v>
      </c>
      <c r="CX4" s="465" t="s">
        <v>61</v>
      </c>
      <c r="CY4" s="466"/>
      <c r="CZ4" s="467"/>
      <c r="DA4" s="468" t="s">
        <v>62</v>
      </c>
      <c r="DB4" s="466"/>
      <c r="DC4" s="466"/>
      <c r="DD4" s="466"/>
      <c r="DE4" s="466"/>
      <c r="DF4" s="466"/>
      <c r="DG4" s="467"/>
      <c r="DH4" s="469" t="s">
        <v>52</v>
      </c>
    </row>
    <row r="5" spans="2:112" ht="30" customHeight="1" thickBot="1" x14ac:dyDescent="0.25">
      <c r="B5" s="486"/>
      <c r="C5" s="204" t="s">
        <v>43</v>
      </c>
      <c r="D5" s="178" t="s">
        <v>44</v>
      </c>
      <c r="E5" s="179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204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1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1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1" t="s">
        <v>45</v>
      </c>
      <c r="BE5" s="470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70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70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70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70"/>
      <c r="CX5" s="177" t="s">
        <v>43</v>
      </c>
      <c r="CY5" s="178" t="s">
        <v>44</v>
      </c>
      <c r="CZ5" s="182" t="s">
        <v>45</v>
      </c>
      <c r="DA5" s="180" t="s">
        <v>83</v>
      </c>
      <c r="DB5" s="178" t="s">
        <v>47</v>
      </c>
      <c r="DC5" s="178" t="s">
        <v>48</v>
      </c>
      <c r="DD5" s="178" t="s">
        <v>49</v>
      </c>
      <c r="DE5" s="178" t="s">
        <v>50</v>
      </c>
      <c r="DF5" s="178" t="s">
        <v>51</v>
      </c>
      <c r="DG5" s="182" t="s">
        <v>45</v>
      </c>
      <c r="DH5" s="470"/>
    </row>
    <row r="6" spans="2:112" ht="21" customHeight="1" x14ac:dyDescent="0.2">
      <c r="B6" s="84" t="s">
        <v>4</v>
      </c>
      <c r="C6" s="183">
        <v>0</v>
      </c>
      <c r="D6" s="184">
        <v>0</v>
      </c>
      <c r="E6" s="185">
        <v>0</v>
      </c>
      <c r="F6" s="186">
        <v>0</v>
      </c>
      <c r="G6" s="184">
        <v>210265</v>
      </c>
      <c r="H6" s="184">
        <v>367230</v>
      </c>
      <c r="I6" s="184">
        <v>390873</v>
      </c>
      <c r="J6" s="184">
        <v>489720</v>
      </c>
      <c r="K6" s="184">
        <v>445064</v>
      </c>
      <c r="L6" s="187">
        <v>1903152</v>
      </c>
      <c r="M6" s="188">
        <v>1903152</v>
      </c>
      <c r="N6" s="183">
        <v>19</v>
      </c>
      <c r="O6" s="184">
        <v>74</v>
      </c>
      <c r="P6" s="189">
        <v>93</v>
      </c>
      <c r="Q6" s="186">
        <v>0</v>
      </c>
      <c r="R6" s="184">
        <v>435</v>
      </c>
      <c r="S6" s="184">
        <v>1718</v>
      </c>
      <c r="T6" s="184">
        <v>3460</v>
      </c>
      <c r="U6" s="184">
        <v>9703</v>
      </c>
      <c r="V6" s="184">
        <v>18566</v>
      </c>
      <c r="W6" s="189">
        <v>33882</v>
      </c>
      <c r="X6" s="188">
        <v>33975</v>
      </c>
      <c r="Y6" s="183">
        <v>15033</v>
      </c>
      <c r="Z6" s="184">
        <v>48603</v>
      </c>
      <c r="AA6" s="189">
        <v>63636</v>
      </c>
      <c r="AB6" s="186">
        <v>0</v>
      </c>
      <c r="AC6" s="184">
        <v>119232</v>
      </c>
      <c r="AD6" s="184">
        <v>198075</v>
      </c>
      <c r="AE6" s="184">
        <v>118852</v>
      </c>
      <c r="AF6" s="184">
        <v>101413</v>
      </c>
      <c r="AG6" s="184">
        <v>80727</v>
      </c>
      <c r="AH6" s="189">
        <v>618299</v>
      </c>
      <c r="AI6" s="188">
        <v>681935</v>
      </c>
      <c r="AJ6" s="183">
        <v>2533</v>
      </c>
      <c r="AK6" s="184">
        <v>9128</v>
      </c>
      <c r="AL6" s="189">
        <v>11661</v>
      </c>
      <c r="AM6" s="186">
        <v>0</v>
      </c>
      <c r="AN6" s="184">
        <v>13579</v>
      </c>
      <c r="AO6" s="184">
        <v>21868</v>
      </c>
      <c r="AP6" s="184">
        <v>14303</v>
      </c>
      <c r="AQ6" s="184">
        <v>11134</v>
      </c>
      <c r="AR6" s="184">
        <v>7436</v>
      </c>
      <c r="AS6" s="189">
        <v>68320</v>
      </c>
      <c r="AT6" s="188">
        <v>79981</v>
      </c>
      <c r="AU6" s="183">
        <v>0</v>
      </c>
      <c r="AV6" s="184">
        <v>0</v>
      </c>
      <c r="AW6" s="189">
        <v>0</v>
      </c>
      <c r="AX6" s="186">
        <v>0</v>
      </c>
      <c r="AY6" s="184">
        <v>188156</v>
      </c>
      <c r="AZ6" s="184">
        <v>197854</v>
      </c>
      <c r="BA6" s="184">
        <v>117114</v>
      </c>
      <c r="BB6" s="184">
        <v>68173</v>
      </c>
      <c r="BC6" s="184">
        <v>30932</v>
      </c>
      <c r="BD6" s="187">
        <v>602229</v>
      </c>
      <c r="BE6" s="188">
        <v>602229</v>
      </c>
      <c r="BF6" s="183">
        <v>3</v>
      </c>
      <c r="BG6" s="184">
        <v>0</v>
      </c>
      <c r="BH6" s="189">
        <v>3</v>
      </c>
      <c r="BI6" s="186">
        <v>0</v>
      </c>
      <c r="BJ6" s="184">
        <v>31182</v>
      </c>
      <c r="BK6" s="184">
        <v>47618</v>
      </c>
      <c r="BL6" s="184">
        <v>28037</v>
      </c>
      <c r="BM6" s="184">
        <v>17132</v>
      </c>
      <c r="BN6" s="184">
        <v>5822</v>
      </c>
      <c r="BO6" s="189">
        <v>129791</v>
      </c>
      <c r="BP6" s="188">
        <v>129794</v>
      </c>
      <c r="BQ6" s="183">
        <v>298</v>
      </c>
      <c r="BR6" s="184">
        <v>1347</v>
      </c>
      <c r="BS6" s="189">
        <v>1645</v>
      </c>
      <c r="BT6" s="186">
        <v>0</v>
      </c>
      <c r="BU6" s="184">
        <v>15841</v>
      </c>
      <c r="BV6" s="184">
        <v>31138</v>
      </c>
      <c r="BW6" s="184">
        <v>53895</v>
      </c>
      <c r="BX6" s="184">
        <v>39845</v>
      </c>
      <c r="BY6" s="184">
        <v>20701</v>
      </c>
      <c r="BZ6" s="189">
        <v>161420</v>
      </c>
      <c r="CA6" s="188">
        <v>163065</v>
      </c>
      <c r="CB6" s="183">
        <v>14</v>
      </c>
      <c r="CC6" s="184">
        <v>105</v>
      </c>
      <c r="CD6" s="189">
        <v>119</v>
      </c>
      <c r="CE6" s="186">
        <v>0</v>
      </c>
      <c r="CF6" s="184">
        <v>1254</v>
      </c>
      <c r="CG6" s="184">
        <v>2973</v>
      </c>
      <c r="CH6" s="184">
        <v>4256</v>
      </c>
      <c r="CI6" s="184">
        <v>4165</v>
      </c>
      <c r="CJ6" s="184">
        <v>2744</v>
      </c>
      <c r="CK6" s="189">
        <v>15392</v>
      </c>
      <c r="CL6" s="188">
        <v>15511</v>
      </c>
      <c r="CM6" s="183">
        <v>0</v>
      </c>
      <c r="CN6" s="184">
        <v>0</v>
      </c>
      <c r="CO6" s="189">
        <v>0</v>
      </c>
      <c r="CP6" s="186">
        <v>0</v>
      </c>
      <c r="CQ6" s="184">
        <v>0</v>
      </c>
      <c r="CR6" s="184">
        <v>0</v>
      </c>
      <c r="CS6" s="184">
        <v>0</v>
      </c>
      <c r="CT6" s="184">
        <v>0</v>
      </c>
      <c r="CU6" s="184">
        <v>0</v>
      </c>
      <c r="CV6" s="189">
        <v>0</v>
      </c>
      <c r="CW6" s="188">
        <v>0</v>
      </c>
      <c r="CX6" s="183">
        <v>0</v>
      </c>
      <c r="CY6" s="184">
        <v>0</v>
      </c>
      <c r="CZ6" s="189">
        <v>0</v>
      </c>
      <c r="DA6" s="186">
        <v>0</v>
      </c>
      <c r="DB6" s="184">
        <v>0</v>
      </c>
      <c r="DC6" s="184">
        <v>0</v>
      </c>
      <c r="DD6" s="184">
        <v>0</v>
      </c>
      <c r="DE6" s="184">
        <v>0</v>
      </c>
      <c r="DF6" s="184">
        <v>0</v>
      </c>
      <c r="DG6" s="189">
        <v>0</v>
      </c>
      <c r="DH6" s="188">
        <v>0</v>
      </c>
    </row>
    <row r="7" spans="2:112" ht="21" customHeight="1" x14ac:dyDescent="0.2">
      <c r="B7" s="95" t="s">
        <v>5</v>
      </c>
      <c r="C7" s="190">
        <v>0</v>
      </c>
      <c r="D7" s="191">
        <v>0</v>
      </c>
      <c r="E7" s="192">
        <v>0</v>
      </c>
      <c r="F7" s="193">
        <v>0</v>
      </c>
      <c r="G7" s="191">
        <v>69453</v>
      </c>
      <c r="H7" s="191">
        <v>152672</v>
      </c>
      <c r="I7" s="191">
        <v>138314</v>
      </c>
      <c r="J7" s="191">
        <v>169709</v>
      </c>
      <c r="K7" s="191">
        <v>164177</v>
      </c>
      <c r="L7" s="194">
        <v>694325</v>
      </c>
      <c r="M7" s="195">
        <v>694325</v>
      </c>
      <c r="N7" s="190">
        <v>13</v>
      </c>
      <c r="O7" s="191">
        <v>38</v>
      </c>
      <c r="P7" s="196">
        <v>51</v>
      </c>
      <c r="Q7" s="193">
        <v>0</v>
      </c>
      <c r="R7" s="191">
        <v>100</v>
      </c>
      <c r="S7" s="191">
        <v>665</v>
      </c>
      <c r="T7" s="191">
        <v>1316</v>
      </c>
      <c r="U7" s="191">
        <v>3761</v>
      </c>
      <c r="V7" s="191">
        <v>8208</v>
      </c>
      <c r="W7" s="196">
        <v>14050</v>
      </c>
      <c r="X7" s="195">
        <v>14101</v>
      </c>
      <c r="Y7" s="190">
        <v>6089</v>
      </c>
      <c r="Z7" s="191">
        <v>25226</v>
      </c>
      <c r="AA7" s="196">
        <v>31315</v>
      </c>
      <c r="AB7" s="193">
        <v>0</v>
      </c>
      <c r="AC7" s="191">
        <v>41909</v>
      </c>
      <c r="AD7" s="191">
        <v>104272</v>
      </c>
      <c r="AE7" s="191">
        <v>58738</v>
      </c>
      <c r="AF7" s="191">
        <v>46868</v>
      </c>
      <c r="AG7" s="191">
        <v>36092</v>
      </c>
      <c r="AH7" s="196">
        <v>287879</v>
      </c>
      <c r="AI7" s="195">
        <v>319194</v>
      </c>
      <c r="AJ7" s="190">
        <v>921</v>
      </c>
      <c r="AK7" s="191">
        <v>4494</v>
      </c>
      <c r="AL7" s="196">
        <v>5415</v>
      </c>
      <c r="AM7" s="193">
        <v>0</v>
      </c>
      <c r="AN7" s="191">
        <v>3449</v>
      </c>
      <c r="AO7" s="191">
        <v>9346</v>
      </c>
      <c r="AP7" s="191">
        <v>6084</v>
      </c>
      <c r="AQ7" s="191">
        <v>4530</v>
      </c>
      <c r="AR7" s="191">
        <v>3169</v>
      </c>
      <c r="AS7" s="196">
        <v>26578</v>
      </c>
      <c r="AT7" s="195">
        <v>31993</v>
      </c>
      <c r="AU7" s="190">
        <v>0</v>
      </c>
      <c r="AV7" s="191">
        <v>0</v>
      </c>
      <c r="AW7" s="196">
        <v>0</v>
      </c>
      <c r="AX7" s="193">
        <v>0</v>
      </c>
      <c r="AY7" s="191">
        <v>58235</v>
      </c>
      <c r="AZ7" s="191">
        <v>79110</v>
      </c>
      <c r="BA7" s="191">
        <v>41132</v>
      </c>
      <c r="BB7" s="191">
        <v>22493</v>
      </c>
      <c r="BC7" s="191">
        <v>10292</v>
      </c>
      <c r="BD7" s="194">
        <v>211262</v>
      </c>
      <c r="BE7" s="195">
        <v>211262</v>
      </c>
      <c r="BF7" s="190">
        <v>0</v>
      </c>
      <c r="BG7" s="191">
        <v>0</v>
      </c>
      <c r="BH7" s="196">
        <v>0</v>
      </c>
      <c r="BI7" s="193">
        <v>0</v>
      </c>
      <c r="BJ7" s="191">
        <v>8988</v>
      </c>
      <c r="BK7" s="191">
        <v>20997</v>
      </c>
      <c r="BL7" s="191">
        <v>12185</v>
      </c>
      <c r="BM7" s="191">
        <v>7310</v>
      </c>
      <c r="BN7" s="191">
        <v>2331</v>
      </c>
      <c r="BO7" s="196">
        <v>51811</v>
      </c>
      <c r="BP7" s="195">
        <v>51811</v>
      </c>
      <c r="BQ7" s="190">
        <v>65</v>
      </c>
      <c r="BR7" s="191">
        <v>429</v>
      </c>
      <c r="BS7" s="196">
        <v>494</v>
      </c>
      <c r="BT7" s="193">
        <v>0</v>
      </c>
      <c r="BU7" s="191">
        <v>4698</v>
      </c>
      <c r="BV7" s="191">
        <v>11337</v>
      </c>
      <c r="BW7" s="191">
        <v>20376</v>
      </c>
      <c r="BX7" s="191">
        <v>14714</v>
      </c>
      <c r="BY7" s="191">
        <v>7585</v>
      </c>
      <c r="BZ7" s="196">
        <v>58710</v>
      </c>
      <c r="CA7" s="195">
        <v>59204</v>
      </c>
      <c r="CB7" s="190">
        <v>5</v>
      </c>
      <c r="CC7" s="191">
        <v>47</v>
      </c>
      <c r="CD7" s="196">
        <v>52</v>
      </c>
      <c r="CE7" s="193">
        <v>0</v>
      </c>
      <c r="CF7" s="191">
        <v>510</v>
      </c>
      <c r="CG7" s="191">
        <v>1813</v>
      </c>
      <c r="CH7" s="191">
        <v>2503</v>
      </c>
      <c r="CI7" s="191">
        <v>2499</v>
      </c>
      <c r="CJ7" s="191">
        <v>1534</v>
      </c>
      <c r="CK7" s="196">
        <v>8859</v>
      </c>
      <c r="CL7" s="195">
        <v>8911</v>
      </c>
      <c r="CM7" s="190">
        <v>0</v>
      </c>
      <c r="CN7" s="191">
        <v>0</v>
      </c>
      <c r="CO7" s="196">
        <v>0</v>
      </c>
      <c r="CP7" s="193">
        <v>0</v>
      </c>
      <c r="CQ7" s="191">
        <v>0</v>
      </c>
      <c r="CR7" s="191">
        <v>0</v>
      </c>
      <c r="CS7" s="191">
        <v>0</v>
      </c>
      <c r="CT7" s="191">
        <v>0</v>
      </c>
      <c r="CU7" s="191">
        <v>0</v>
      </c>
      <c r="CV7" s="196">
        <v>0</v>
      </c>
      <c r="CW7" s="195">
        <v>0</v>
      </c>
      <c r="CX7" s="190">
        <v>0</v>
      </c>
      <c r="CY7" s="191">
        <v>0</v>
      </c>
      <c r="CZ7" s="196">
        <v>0</v>
      </c>
      <c r="DA7" s="193">
        <v>0</v>
      </c>
      <c r="DB7" s="191">
        <v>0</v>
      </c>
      <c r="DC7" s="191">
        <v>0</v>
      </c>
      <c r="DD7" s="191">
        <v>0</v>
      </c>
      <c r="DE7" s="191">
        <v>0</v>
      </c>
      <c r="DF7" s="191">
        <v>0</v>
      </c>
      <c r="DG7" s="196">
        <v>0</v>
      </c>
      <c r="DH7" s="195">
        <v>0</v>
      </c>
    </row>
    <row r="8" spans="2:112" ht="21" customHeight="1" x14ac:dyDescent="0.2">
      <c r="B8" s="106" t="s">
        <v>6</v>
      </c>
      <c r="C8" s="190">
        <v>0</v>
      </c>
      <c r="D8" s="191">
        <v>0</v>
      </c>
      <c r="E8" s="192">
        <v>0</v>
      </c>
      <c r="F8" s="193">
        <v>0</v>
      </c>
      <c r="G8" s="191">
        <v>36475</v>
      </c>
      <c r="H8" s="191">
        <v>54337</v>
      </c>
      <c r="I8" s="191">
        <v>59775</v>
      </c>
      <c r="J8" s="191">
        <v>77374</v>
      </c>
      <c r="K8" s="191">
        <v>74369</v>
      </c>
      <c r="L8" s="194">
        <v>302330</v>
      </c>
      <c r="M8" s="195">
        <v>302330</v>
      </c>
      <c r="N8" s="190">
        <v>5</v>
      </c>
      <c r="O8" s="191">
        <v>9</v>
      </c>
      <c r="P8" s="196">
        <v>14</v>
      </c>
      <c r="Q8" s="193">
        <v>0</v>
      </c>
      <c r="R8" s="191">
        <v>53</v>
      </c>
      <c r="S8" s="191">
        <v>143</v>
      </c>
      <c r="T8" s="191">
        <v>490</v>
      </c>
      <c r="U8" s="191">
        <v>1350</v>
      </c>
      <c r="V8" s="191">
        <v>2665</v>
      </c>
      <c r="W8" s="196">
        <v>4701</v>
      </c>
      <c r="X8" s="195">
        <v>4715</v>
      </c>
      <c r="Y8" s="190">
        <v>2766</v>
      </c>
      <c r="Z8" s="191">
        <v>7229</v>
      </c>
      <c r="AA8" s="196">
        <v>9995</v>
      </c>
      <c r="AB8" s="193">
        <v>0</v>
      </c>
      <c r="AC8" s="191">
        <v>26376</v>
      </c>
      <c r="AD8" s="191">
        <v>30177</v>
      </c>
      <c r="AE8" s="191">
        <v>17463</v>
      </c>
      <c r="AF8" s="191">
        <v>15503</v>
      </c>
      <c r="AG8" s="191">
        <v>12643</v>
      </c>
      <c r="AH8" s="196">
        <v>102162</v>
      </c>
      <c r="AI8" s="195">
        <v>112157</v>
      </c>
      <c r="AJ8" s="190">
        <v>272</v>
      </c>
      <c r="AK8" s="191">
        <v>781</v>
      </c>
      <c r="AL8" s="196">
        <v>1053</v>
      </c>
      <c r="AM8" s="193">
        <v>0</v>
      </c>
      <c r="AN8" s="191">
        <v>2238</v>
      </c>
      <c r="AO8" s="191">
        <v>2723</v>
      </c>
      <c r="AP8" s="191">
        <v>1615</v>
      </c>
      <c r="AQ8" s="191">
        <v>1505</v>
      </c>
      <c r="AR8" s="191">
        <v>1005</v>
      </c>
      <c r="AS8" s="196">
        <v>9086</v>
      </c>
      <c r="AT8" s="195">
        <v>10139</v>
      </c>
      <c r="AU8" s="190">
        <v>0</v>
      </c>
      <c r="AV8" s="191">
        <v>0</v>
      </c>
      <c r="AW8" s="196">
        <v>0</v>
      </c>
      <c r="AX8" s="193">
        <v>0</v>
      </c>
      <c r="AY8" s="191">
        <v>31324</v>
      </c>
      <c r="AZ8" s="191">
        <v>28617</v>
      </c>
      <c r="BA8" s="191">
        <v>15924</v>
      </c>
      <c r="BB8" s="191">
        <v>10126</v>
      </c>
      <c r="BC8" s="191">
        <v>4113</v>
      </c>
      <c r="BD8" s="194">
        <v>90104</v>
      </c>
      <c r="BE8" s="195">
        <v>90104</v>
      </c>
      <c r="BF8" s="190">
        <v>0</v>
      </c>
      <c r="BG8" s="191">
        <v>0</v>
      </c>
      <c r="BH8" s="196">
        <v>0</v>
      </c>
      <c r="BI8" s="193">
        <v>0</v>
      </c>
      <c r="BJ8" s="191">
        <v>4597</v>
      </c>
      <c r="BK8" s="191">
        <v>5532</v>
      </c>
      <c r="BL8" s="191">
        <v>3433</v>
      </c>
      <c r="BM8" s="191">
        <v>2159</v>
      </c>
      <c r="BN8" s="191">
        <v>896</v>
      </c>
      <c r="BO8" s="196">
        <v>16617</v>
      </c>
      <c r="BP8" s="195">
        <v>16617</v>
      </c>
      <c r="BQ8" s="190">
        <v>9</v>
      </c>
      <c r="BR8" s="191">
        <v>95</v>
      </c>
      <c r="BS8" s="196">
        <v>104</v>
      </c>
      <c r="BT8" s="193">
        <v>0</v>
      </c>
      <c r="BU8" s="191">
        <v>1800</v>
      </c>
      <c r="BV8" s="191">
        <v>3635</v>
      </c>
      <c r="BW8" s="191">
        <v>5502</v>
      </c>
      <c r="BX8" s="191">
        <v>4377</v>
      </c>
      <c r="BY8" s="191">
        <v>2084</v>
      </c>
      <c r="BZ8" s="196">
        <v>17398</v>
      </c>
      <c r="CA8" s="195">
        <v>17502</v>
      </c>
      <c r="CB8" s="190">
        <v>2</v>
      </c>
      <c r="CC8" s="191">
        <v>0</v>
      </c>
      <c r="CD8" s="196">
        <v>2</v>
      </c>
      <c r="CE8" s="193">
        <v>0</v>
      </c>
      <c r="CF8" s="191">
        <v>174</v>
      </c>
      <c r="CG8" s="191">
        <v>365</v>
      </c>
      <c r="CH8" s="191">
        <v>519</v>
      </c>
      <c r="CI8" s="191">
        <v>484</v>
      </c>
      <c r="CJ8" s="191">
        <v>459</v>
      </c>
      <c r="CK8" s="196">
        <v>2001</v>
      </c>
      <c r="CL8" s="195">
        <v>2003</v>
      </c>
      <c r="CM8" s="190">
        <v>0</v>
      </c>
      <c r="CN8" s="191">
        <v>0</v>
      </c>
      <c r="CO8" s="196">
        <v>0</v>
      </c>
      <c r="CP8" s="193">
        <v>0</v>
      </c>
      <c r="CQ8" s="191">
        <v>0</v>
      </c>
      <c r="CR8" s="191">
        <v>0</v>
      </c>
      <c r="CS8" s="191">
        <v>0</v>
      </c>
      <c r="CT8" s="191">
        <v>0</v>
      </c>
      <c r="CU8" s="191">
        <v>0</v>
      </c>
      <c r="CV8" s="196">
        <v>0</v>
      </c>
      <c r="CW8" s="195">
        <v>0</v>
      </c>
      <c r="CX8" s="190">
        <v>0</v>
      </c>
      <c r="CY8" s="191">
        <v>0</v>
      </c>
      <c r="CZ8" s="196">
        <v>0</v>
      </c>
      <c r="DA8" s="193">
        <v>0</v>
      </c>
      <c r="DB8" s="191">
        <v>0</v>
      </c>
      <c r="DC8" s="191">
        <v>0</v>
      </c>
      <c r="DD8" s="191">
        <v>0</v>
      </c>
      <c r="DE8" s="191">
        <v>0</v>
      </c>
      <c r="DF8" s="191">
        <v>0</v>
      </c>
      <c r="DG8" s="196">
        <v>0</v>
      </c>
      <c r="DH8" s="195">
        <v>0</v>
      </c>
    </row>
    <row r="9" spans="2:112" ht="21" customHeight="1" x14ac:dyDescent="0.2">
      <c r="B9" s="106" t="s">
        <v>14</v>
      </c>
      <c r="C9" s="190">
        <v>0</v>
      </c>
      <c r="D9" s="191">
        <v>0</v>
      </c>
      <c r="E9" s="192">
        <v>0</v>
      </c>
      <c r="F9" s="193">
        <v>0</v>
      </c>
      <c r="G9" s="191">
        <v>13496</v>
      </c>
      <c r="H9" s="191">
        <v>29660</v>
      </c>
      <c r="I9" s="191">
        <v>34139</v>
      </c>
      <c r="J9" s="191">
        <v>39136</v>
      </c>
      <c r="K9" s="191">
        <v>30712</v>
      </c>
      <c r="L9" s="194">
        <v>147143</v>
      </c>
      <c r="M9" s="195">
        <v>147143</v>
      </c>
      <c r="N9" s="190">
        <v>1</v>
      </c>
      <c r="O9" s="191">
        <v>5</v>
      </c>
      <c r="P9" s="196">
        <v>6</v>
      </c>
      <c r="Q9" s="193">
        <v>0</v>
      </c>
      <c r="R9" s="191">
        <v>5</v>
      </c>
      <c r="S9" s="191">
        <v>93</v>
      </c>
      <c r="T9" s="191">
        <v>202</v>
      </c>
      <c r="U9" s="191">
        <v>770</v>
      </c>
      <c r="V9" s="191">
        <v>1110</v>
      </c>
      <c r="W9" s="196">
        <v>2180</v>
      </c>
      <c r="X9" s="195">
        <v>2186</v>
      </c>
      <c r="Y9" s="190">
        <v>610</v>
      </c>
      <c r="Z9" s="191">
        <v>2997</v>
      </c>
      <c r="AA9" s="196">
        <v>3607</v>
      </c>
      <c r="AB9" s="193">
        <v>0</v>
      </c>
      <c r="AC9" s="191">
        <v>6561</v>
      </c>
      <c r="AD9" s="191">
        <v>13346</v>
      </c>
      <c r="AE9" s="191">
        <v>9744</v>
      </c>
      <c r="AF9" s="191">
        <v>7704</v>
      </c>
      <c r="AG9" s="191">
        <v>5965</v>
      </c>
      <c r="AH9" s="196">
        <v>43320</v>
      </c>
      <c r="AI9" s="195">
        <v>46927</v>
      </c>
      <c r="AJ9" s="190">
        <v>65</v>
      </c>
      <c r="AK9" s="191">
        <v>298</v>
      </c>
      <c r="AL9" s="196">
        <v>363</v>
      </c>
      <c r="AM9" s="193">
        <v>0</v>
      </c>
      <c r="AN9" s="191">
        <v>179</v>
      </c>
      <c r="AO9" s="191">
        <v>869</v>
      </c>
      <c r="AP9" s="191">
        <v>503</v>
      </c>
      <c r="AQ9" s="191">
        <v>510</v>
      </c>
      <c r="AR9" s="191">
        <v>200</v>
      </c>
      <c r="AS9" s="196">
        <v>2261</v>
      </c>
      <c r="AT9" s="195">
        <v>2624</v>
      </c>
      <c r="AU9" s="190">
        <v>0</v>
      </c>
      <c r="AV9" s="191">
        <v>0</v>
      </c>
      <c r="AW9" s="196">
        <v>0</v>
      </c>
      <c r="AX9" s="193">
        <v>0</v>
      </c>
      <c r="AY9" s="191">
        <v>14212</v>
      </c>
      <c r="AZ9" s="191">
        <v>17934</v>
      </c>
      <c r="BA9" s="191">
        <v>12308</v>
      </c>
      <c r="BB9" s="191">
        <v>6772</v>
      </c>
      <c r="BC9" s="191">
        <v>2868</v>
      </c>
      <c r="BD9" s="194">
        <v>54094</v>
      </c>
      <c r="BE9" s="195">
        <v>54094</v>
      </c>
      <c r="BF9" s="190">
        <v>0</v>
      </c>
      <c r="BG9" s="191">
        <v>0</v>
      </c>
      <c r="BH9" s="196">
        <v>0</v>
      </c>
      <c r="BI9" s="193">
        <v>0</v>
      </c>
      <c r="BJ9" s="191">
        <v>902</v>
      </c>
      <c r="BK9" s="191">
        <v>2956</v>
      </c>
      <c r="BL9" s="191">
        <v>1916</v>
      </c>
      <c r="BM9" s="191">
        <v>1076</v>
      </c>
      <c r="BN9" s="191">
        <v>423</v>
      </c>
      <c r="BO9" s="196">
        <v>7273</v>
      </c>
      <c r="BP9" s="195">
        <v>7273</v>
      </c>
      <c r="BQ9" s="190">
        <v>2</v>
      </c>
      <c r="BR9" s="191">
        <v>128</v>
      </c>
      <c r="BS9" s="196">
        <v>130</v>
      </c>
      <c r="BT9" s="193">
        <v>0</v>
      </c>
      <c r="BU9" s="191">
        <v>811</v>
      </c>
      <c r="BV9" s="191">
        <v>2225</v>
      </c>
      <c r="BW9" s="191">
        <v>5485</v>
      </c>
      <c r="BX9" s="191">
        <v>4108</v>
      </c>
      <c r="BY9" s="191">
        <v>1850</v>
      </c>
      <c r="BZ9" s="196">
        <v>14479</v>
      </c>
      <c r="CA9" s="195">
        <v>14609</v>
      </c>
      <c r="CB9" s="190">
        <v>0</v>
      </c>
      <c r="CC9" s="191">
        <v>0</v>
      </c>
      <c r="CD9" s="196">
        <v>0</v>
      </c>
      <c r="CE9" s="193">
        <v>0</v>
      </c>
      <c r="CF9" s="191">
        <v>9</v>
      </c>
      <c r="CG9" s="191">
        <v>47</v>
      </c>
      <c r="CH9" s="191">
        <v>89</v>
      </c>
      <c r="CI9" s="191">
        <v>31</v>
      </c>
      <c r="CJ9" s="191">
        <v>57</v>
      </c>
      <c r="CK9" s="196">
        <v>233</v>
      </c>
      <c r="CL9" s="195">
        <v>233</v>
      </c>
      <c r="CM9" s="190">
        <v>0</v>
      </c>
      <c r="CN9" s="191">
        <v>0</v>
      </c>
      <c r="CO9" s="196">
        <v>0</v>
      </c>
      <c r="CP9" s="193">
        <v>0</v>
      </c>
      <c r="CQ9" s="191">
        <v>0</v>
      </c>
      <c r="CR9" s="191">
        <v>0</v>
      </c>
      <c r="CS9" s="191">
        <v>0</v>
      </c>
      <c r="CT9" s="191">
        <v>0</v>
      </c>
      <c r="CU9" s="191">
        <v>0</v>
      </c>
      <c r="CV9" s="196">
        <v>0</v>
      </c>
      <c r="CW9" s="195">
        <v>0</v>
      </c>
      <c r="CX9" s="190">
        <v>0</v>
      </c>
      <c r="CY9" s="191">
        <v>0</v>
      </c>
      <c r="CZ9" s="196">
        <v>0</v>
      </c>
      <c r="DA9" s="193">
        <v>0</v>
      </c>
      <c r="DB9" s="191">
        <v>0</v>
      </c>
      <c r="DC9" s="191">
        <v>0</v>
      </c>
      <c r="DD9" s="191">
        <v>0</v>
      </c>
      <c r="DE9" s="191">
        <v>0</v>
      </c>
      <c r="DF9" s="191">
        <v>0</v>
      </c>
      <c r="DG9" s="196">
        <v>0</v>
      </c>
      <c r="DH9" s="195">
        <v>0</v>
      </c>
    </row>
    <row r="10" spans="2:112" ht="21" customHeight="1" x14ac:dyDescent="0.2">
      <c r="B10" s="106" t="s">
        <v>7</v>
      </c>
      <c r="C10" s="190">
        <v>0</v>
      </c>
      <c r="D10" s="191">
        <v>0</v>
      </c>
      <c r="E10" s="192">
        <v>0</v>
      </c>
      <c r="F10" s="193">
        <v>0</v>
      </c>
      <c r="G10" s="191">
        <v>17521</v>
      </c>
      <c r="H10" s="191">
        <v>19677</v>
      </c>
      <c r="I10" s="191">
        <v>20931</v>
      </c>
      <c r="J10" s="191">
        <v>31906</v>
      </c>
      <c r="K10" s="191">
        <v>22352</v>
      </c>
      <c r="L10" s="194">
        <v>112387</v>
      </c>
      <c r="M10" s="195">
        <v>112387</v>
      </c>
      <c r="N10" s="190">
        <v>0</v>
      </c>
      <c r="O10" s="191">
        <v>0</v>
      </c>
      <c r="P10" s="196">
        <v>0</v>
      </c>
      <c r="Q10" s="193">
        <v>0</v>
      </c>
      <c r="R10" s="191">
        <v>45</v>
      </c>
      <c r="S10" s="191">
        <v>161</v>
      </c>
      <c r="T10" s="191">
        <v>208</v>
      </c>
      <c r="U10" s="191">
        <v>742</v>
      </c>
      <c r="V10" s="191">
        <v>1045</v>
      </c>
      <c r="W10" s="196">
        <v>2201</v>
      </c>
      <c r="X10" s="195">
        <v>2201</v>
      </c>
      <c r="Y10" s="190">
        <v>133</v>
      </c>
      <c r="Z10" s="191">
        <v>222</v>
      </c>
      <c r="AA10" s="196">
        <v>355</v>
      </c>
      <c r="AB10" s="193">
        <v>0</v>
      </c>
      <c r="AC10" s="191">
        <v>5111</v>
      </c>
      <c r="AD10" s="191">
        <v>4851</v>
      </c>
      <c r="AE10" s="191">
        <v>2887</v>
      </c>
      <c r="AF10" s="191">
        <v>3631</v>
      </c>
      <c r="AG10" s="191">
        <v>3125</v>
      </c>
      <c r="AH10" s="196">
        <v>19605</v>
      </c>
      <c r="AI10" s="195">
        <v>19960</v>
      </c>
      <c r="AJ10" s="190">
        <v>28</v>
      </c>
      <c r="AK10" s="191">
        <v>132</v>
      </c>
      <c r="AL10" s="196">
        <v>160</v>
      </c>
      <c r="AM10" s="193">
        <v>0</v>
      </c>
      <c r="AN10" s="191">
        <v>739</v>
      </c>
      <c r="AO10" s="191">
        <v>782</v>
      </c>
      <c r="AP10" s="191">
        <v>562</v>
      </c>
      <c r="AQ10" s="191">
        <v>454</v>
      </c>
      <c r="AR10" s="191">
        <v>245</v>
      </c>
      <c r="AS10" s="196">
        <v>2782</v>
      </c>
      <c r="AT10" s="195">
        <v>2942</v>
      </c>
      <c r="AU10" s="190">
        <v>0</v>
      </c>
      <c r="AV10" s="191">
        <v>0</v>
      </c>
      <c r="AW10" s="196">
        <v>0</v>
      </c>
      <c r="AX10" s="193">
        <v>0</v>
      </c>
      <c r="AY10" s="191">
        <v>13829</v>
      </c>
      <c r="AZ10" s="191">
        <v>9118</v>
      </c>
      <c r="BA10" s="191">
        <v>4937</v>
      </c>
      <c r="BB10" s="191">
        <v>2941</v>
      </c>
      <c r="BC10" s="191">
        <v>1308</v>
      </c>
      <c r="BD10" s="194">
        <v>32133</v>
      </c>
      <c r="BE10" s="195">
        <v>32133</v>
      </c>
      <c r="BF10" s="190">
        <v>0</v>
      </c>
      <c r="BG10" s="191">
        <v>0</v>
      </c>
      <c r="BH10" s="196">
        <v>0</v>
      </c>
      <c r="BI10" s="193">
        <v>0</v>
      </c>
      <c r="BJ10" s="191">
        <v>2009</v>
      </c>
      <c r="BK10" s="191">
        <v>1576</v>
      </c>
      <c r="BL10" s="191">
        <v>911</v>
      </c>
      <c r="BM10" s="191">
        <v>660</v>
      </c>
      <c r="BN10" s="191">
        <v>213</v>
      </c>
      <c r="BO10" s="196">
        <v>5369</v>
      </c>
      <c r="BP10" s="195">
        <v>5369</v>
      </c>
      <c r="BQ10" s="190">
        <v>5</v>
      </c>
      <c r="BR10" s="191">
        <v>66</v>
      </c>
      <c r="BS10" s="196">
        <v>71</v>
      </c>
      <c r="BT10" s="193">
        <v>0</v>
      </c>
      <c r="BU10" s="191">
        <v>2060</v>
      </c>
      <c r="BV10" s="191">
        <v>2232</v>
      </c>
      <c r="BW10" s="191">
        <v>2964</v>
      </c>
      <c r="BX10" s="191">
        <v>2219</v>
      </c>
      <c r="BY10" s="191">
        <v>1254</v>
      </c>
      <c r="BZ10" s="196">
        <v>10729</v>
      </c>
      <c r="CA10" s="195">
        <v>10800</v>
      </c>
      <c r="CB10" s="190">
        <v>0</v>
      </c>
      <c r="CC10" s="191">
        <v>0</v>
      </c>
      <c r="CD10" s="196">
        <v>0</v>
      </c>
      <c r="CE10" s="193">
        <v>0</v>
      </c>
      <c r="CF10" s="191">
        <v>69</v>
      </c>
      <c r="CG10" s="191">
        <v>46</v>
      </c>
      <c r="CH10" s="191">
        <v>140</v>
      </c>
      <c r="CI10" s="191">
        <v>128</v>
      </c>
      <c r="CJ10" s="191">
        <v>56</v>
      </c>
      <c r="CK10" s="196">
        <v>439</v>
      </c>
      <c r="CL10" s="195">
        <v>439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0</v>
      </c>
      <c r="CS10" s="191">
        <v>0</v>
      </c>
      <c r="CT10" s="191">
        <v>0</v>
      </c>
      <c r="CU10" s="191">
        <v>0</v>
      </c>
      <c r="CV10" s="196">
        <v>0</v>
      </c>
      <c r="CW10" s="195">
        <v>0</v>
      </c>
      <c r="CX10" s="190">
        <v>0</v>
      </c>
      <c r="CY10" s="191">
        <v>0</v>
      </c>
      <c r="CZ10" s="196">
        <v>0</v>
      </c>
      <c r="DA10" s="193">
        <v>0</v>
      </c>
      <c r="DB10" s="191">
        <v>0</v>
      </c>
      <c r="DC10" s="191">
        <v>0</v>
      </c>
      <c r="DD10" s="191">
        <v>0</v>
      </c>
      <c r="DE10" s="191">
        <v>0</v>
      </c>
      <c r="DF10" s="191">
        <v>0</v>
      </c>
      <c r="DG10" s="196">
        <v>0</v>
      </c>
      <c r="DH10" s="195">
        <v>0</v>
      </c>
    </row>
    <row r="11" spans="2:112" ht="21" customHeight="1" x14ac:dyDescent="0.2">
      <c r="B11" s="106" t="s">
        <v>8</v>
      </c>
      <c r="C11" s="190">
        <v>0</v>
      </c>
      <c r="D11" s="191">
        <v>0</v>
      </c>
      <c r="E11" s="192">
        <v>0</v>
      </c>
      <c r="F11" s="193">
        <v>0</v>
      </c>
      <c r="G11" s="191">
        <v>6447</v>
      </c>
      <c r="H11" s="191">
        <v>12461</v>
      </c>
      <c r="I11" s="191">
        <v>15614</v>
      </c>
      <c r="J11" s="191">
        <v>16127</v>
      </c>
      <c r="K11" s="191">
        <v>17258</v>
      </c>
      <c r="L11" s="194">
        <v>67907</v>
      </c>
      <c r="M11" s="195">
        <v>67907</v>
      </c>
      <c r="N11" s="190">
        <v>0</v>
      </c>
      <c r="O11" s="191">
        <v>0</v>
      </c>
      <c r="P11" s="196">
        <v>0</v>
      </c>
      <c r="Q11" s="193">
        <v>0</v>
      </c>
      <c r="R11" s="191">
        <v>32</v>
      </c>
      <c r="S11" s="191">
        <v>69</v>
      </c>
      <c r="T11" s="191">
        <v>114</v>
      </c>
      <c r="U11" s="191">
        <v>239</v>
      </c>
      <c r="V11" s="191">
        <v>507</v>
      </c>
      <c r="W11" s="196">
        <v>961</v>
      </c>
      <c r="X11" s="195">
        <v>961</v>
      </c>
      <c r="Y11" s="190">
        <v>246</v>
      </c>
      <c r="Z11" s="191">
        <v>484</v>
      </c>
      <c r="AA11" s="196">
        <v>730</v>
      </c>
      <c r="AB11" s="193">
        <v>0</v>
      </c>
      <c r="AC11" s="191">
        <v>2327</v>
      </c>
      <c r="AD11" s="191">
        <v>3163</v>
      </c>
      <c r="AE11" s="191">
        <v>2065</v>
      </c>
      <c r="AF11" s="191">
        <v>2026</v>
      </c>
      <c r="AG11" s="191">
        <v>2003</v>
      </c>
      <c r="AH11" s="196">
        <v>11584</v>
      </c>
      <c r="AI11" s="195">
        <v>12314</v>
      </c>
      <c r="AJ11" s="190">
        <v>135</v>
      </c>
      <c r="AK11" s="191">
        <v>287</v>
      </c>
      <c r="AL11" s="196">
        <v>422</v>
      </c>
      <c r="AM11" s="193">
        <v>0</v>
      </c>
      <c r="AN11" s="191">
        <v>899</v>
      </c>
      <c r="AO11" s="191">
        <v>1308</v>
      </c>
      <c r="AP11" s="191">
        <v>475</v>
      </c>
      <c r="AQ11" s="191">
        <v>629</v>
      </c>
      <c r="AR11" s="191">
        <v>264</v>
      </c>
      <c r="AS11" s="196">
        <v>3575</v>
      </c>
      <c r="AT11" s="195">
        <v>3997</v>
      </c>
      <c r="AU11" s="190">
        <v>0</v>
      </c>
      <c r="AV11" s="191">
        <v>0</v>
      </c>
      <c r="AW11" s="196">
        <v>0</v>
      </c>
      <c r="AX11" s="193">
        <v>0</v>
      </c>
      <c r="AY11" s="191">
        <v>5751</v>
      </c>
      <c r="AZ11" s="191">
        <v>5779</v>
      </c>
      <c r="BA11" s="191">
        <v>3626</v>
      </c>
      <c r="BB11" s="191">
        <v>2575</v>
      </c>
      <c r="BC11" s="191">
        <v>1371</v>
      </c>
      <c r="BD11" s="194">
        <v>19102</v>
      </c>
      <c r="BE11" s="195">
        <v>19102</v>
      </c>
      <c r="BF11" s="190">
        <v>0</v>
      </c>
      <c r="BG11" s="191">
        <v>0</v>
      </c>
      <c r="BH11" s="196">
        <v>0</v>
      </c>
      <c r="BI11" s="193">
        <v>0</v>
      </c>
      <c r="BJ11" s="191">
        <v>1083</v>
      </c>
      <c r="BK11" s="191">
        <v>1420</v>
      </c>
      <c r="BL11" s="191">
        <v>896</v>
      </c>
      <c r="BM11" s="191">
        <v>470</v>
      </c>
      <c r="BN11" s="191">
        <v>131</v>
      </c>
      <c r="BO11" s="196">
        <v>4000</v>
      </c>
      <c r="BP11" s="195">
        <v>4000</v>
      </c>
      <c r="BQ11" s="190">
        <v>35</v>
      </c>
      <c r="BR11" s="191">
        <v>64</v>
      </c>
      <c r="BS11" s="196">
        <v>99</v>
      </c>
      <c r="BT11" s="193">
        <v>0</v>
      </c>
      <c r="BU11" s="191">
        <v>582</v>
      </c>
      <c r="BV11" s="191">
        <v>1292</v>
      </c>
      <c r="BW11" s="191">
        <v>2611</v>
      </c>
      <c r="BX11" s="191">
        <v>1697</v>
      </c>
      <c r="BY11" s="191">
        <v>664</v>
      </c>
      <c r="BZ11" s="196">
        <v>6846</v>
      </c>
      <c r="CA11" s="195">
        <v>6945</v>
      </c>
      <c r="CB11" s="190">
        <v>5</v>
      </c>
      <c r="CC11" s="191">
        <v>0</v>
      </c>
      <c r="CD11" s="196">
        <v>5</v>
      </c>
      <c r="CE11" s="193">
        <v>0</v>
      </c>
      <c r="CF11" s="191">
        <v>21</v>
      </c>
      <c r="CG11" s="191">
        <v>29</v>
      </c>
      <c r="CH11" s="191">
        <v>52</v>
      </c>
      <c r="CI11" s="191">
        <v>91</v>
      </c>
      <c r="CJ11" s="191">
        <v>40</v>
      </c>
      <c r="CK11" s="196">
        <v>233</v>
      </c>
      <c r="CL11" s="195">
        <v>238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0</v>
      </c>
      <c r="CU11" s="191">
        <v>0</v>
      </c>
      <c r="CV11" s="196">
        <v>0</v>
      </c>
      <c r="CW11" s="195">
        <v>0</v>
      </c>
      <c r="CX11" s="190">
        <v>0</v>
      </c>
      <c r="CY11" s="191">
        <v>0</v>
      </c>
      <c r="CZ11" s="196">
        <v>0</v>
      </c>
      <c r="DA11" s="193">
        <v>0</v>
      </c>
      <c r="DB11" s="191">
        <v>0</v>
      </c>
      <c r="DC11" s="191">
        <v>0</v>
      </c>
      <c r="DD11" s="191">
        <v>0</v>
      </c>
      <c r="DE11" s="191">
        <v>0</v>
      </c>
      <c r="DF11" s="191">
        <v>0</v>
      </c>
      <c r="DG11" s="196">
        <v>0</v>
      </c>
      <c r="DH11" s="195">
        <v>0</v>
      </c>
    </row>
    <row r="12" spans="2:112" ht="21" customHeight="1" x14ac:dyDescent="0.2">
      <c r="B12" s="106" t="s">
        <v>9</v>
      </c>
      <c r="C12" s="190">
        <v>0</v>
      </c>
      <c r="D12" s="191">
        <v>0</v>
      </c>
      <c r="E12" s="192">
        <v>0</v>
      </c>
      <c r="F12" s="193">
        <v>0</v>
      </c>
      <c r="G12" s="191">
        <v>5962</v>
      </c>
      <c r="H12" s="191">
        <v>8124</v>
      </c>
      <c r="I12" s="191">
        <v>12408</v>
      </c>
      <c r="J12" s="191">
        <v>16949</v>
      </c>
      <c r="K12" s="191">
        <v>14186</v>
      </c>
      <c r="L12" s="194">
        <v>57629</v>
      </c>
      <c r="M12" s="195">
        <v>57629</v>
      </c>
      <c r="N12" s="190">
        <v>0</v>
      </c>
      <c r="O12" s="191">
        <v>0</v>
      </c>
      <c r="P12" s="196">
        <v>0</v>
      </c>
      <c r="Q12" s="193">
        <v>0</v>
      </c>
      <c r="R12" s="191">
        <v>10</v>
      </c>
      <c r="S12" s="191">
        <v>21</v>
      </c>
      <c r="T12" s="191">
        <v>110</v>
      </c>
      <c r="U12" s="191">
        <v>250</v>
      </c>
      <c r="V12" s="191">
        <v>513</v>
      </c>
      <c r="W12" s="196">
        <v>904</v>
      </c>
      <c r="X12" s="195">
        <v>904</v>
      </c>
      <c r="Y12" s="190">
        <v>474</v>
      </c>
      <c r="Z12" s="191">
        <v>668</v>
      </c>
      <c r="AA12" s="196">
        <v>1142</v>
      </c>
      <c r="AB12" s="193">
        <v>0</v>
      </c>
      <c r="AC12" s="191">
        <v>3461</v>
      </c>
      <c r="AD12" s="191">
        <v>3510</v>
      </c>
      <c r="AE12" s="191">
        <v>2926</v>
      </c>
      <c r="AF12" s="191">
        <v>2886</v>
      </c>
      <c r="AG12" s="191">
        <v>2706</v>
      </c>
      <c r="AH12" s="196">
        <v>15489</v>
      </c>
      <c r="AI12" s="195">
        <v>16631</v>
      </c>
      <c r="AJ12" s="190">
        <v>30</v>
      </c>
      <c r="AK12" s="191">
        <v>89</v>
      </c>
      <c r="AL12" s="196">
        <v>119</v>
      </c>
      <c r="AM12" s="193">
        <v>0</v>
      </c>
      <c r="AN12" s="191">
        <v>385</v>
      </c>
      <c r="AO12" s="191">
        <v>512</v>
      </c>
      <c r="AP12" s="191">
        <v>339</v>
      </c>
      <c r="AQ12" s="191">
        <v>325</v>
      </c>
      <c r="AR12" s="191">
        <v>290</v>
      </c>
      <c r="AS12" s="196">
        <v>1851</v>
      </c>
      <c r="AT12" s="195">
        <v>1970</v>
      </c>
      <c r="AU12" s="190">
        <v>0</v>
      </c>
      <c r="AV12" s="191">
        <v>0</v>
      </c>
      <c r="AW12" s="196">
        <v>0</v>
      </c>
      <c r="AX12" s="193">
        <v>0</v>
      </c>
      <c r="AY12" s="191">
        <v>4243</v>
      </c>
      <c r="AZ12" s="191">
        <v>3529</v>
      </c>
      <c r="BA12" s="191">
        <v>2724</v>
      </c>
      <c r="BB12" s="191">
        <v>1449</v>
      </c>
      <c r="BC12" s="191">
        <v>596</v>
      </c>
      <c r="BD12" s="194">
        <v>12541</v>
      </c>
      <c r="BE12" s="195">
        <v>12541</v>
      </c>
      <c r="BF12" s="190">
        <v>0</v>
      </c>
      <c r="BG12" s="191">
        <v>0</v>
      </c>
      <c r="BH12" s="196">
        <v>0</v>
      </c>
      <c r="BI12" s="193">
        <v>0</v>
      </c>
      <c r="BJ12" s="191">
        <v>1004</v>
      </c>
      <c r="BK12" s="191">
        <v>931</v>
      </c>
      <c r="BL12" s="191">
        <v>632</v>
      </c>
      <c r="BM12" s="191">
        <v>576</v>
      </c>
      <c r="BN12" s="191">
        <v>109</v>
      </c>
      <c r="BO12" s="196">
        <v>3252</v>
      </c>
      <c r="BP12" s="195">
        <v>3252</v>
      </c>
      <c r="BQ12" s="190">
        <v>15</v>
      </c>
      <c r="BR12" s="191">
        <v>13</v>
      </c>
      <c r="BS12" s="196">
        <v>28</v>
      </c>
      <c r="BT12" s="193">
        <v>0</v>
      </c>
      <c r="BU12" s="191">
        <v>308</v>
      </c>
      <c r="BV12" s="191">
        <v>853</v>
      </c>
      <c r="BW12" s="191">
        <v>1271</v>
      </c>
      <c r="BX12" s="191">
        <v>1262</v>
      </c>
      <c r="BY12" s="191">
        <v>714</v>
      </c>
      <c r="BZ12" s="196">
        <v>4408</v>
      </c>
      <c r="CA12" s="195">
        <v>4436</v>
      </c>
      <c r="CB12" s="190">
        <v>0</v>
      </c>
      <c r="CC12" s="191">
        <v>0</v>
      </c>
      <c r="CD12" s="196">
        <v>0</v>
      </c>
      <c r="CE12" s="193">
        <v>0</v>
      </c>
      <c r="CF12" s="191">
        <v>67</v>
      </c>
      <c r="CG12" s="191">
        <v>114</v>
      </c>
      <c r="CH12" s="191">
        <v>143</v>
      </c>
      <c r="CI12" s="191">
        <v>160</v>
      </c>
      <c r="CJ12" s="191">
        <v>119</v>
      </c>
      <c r="CK12" s="196">
        <v>603</v>
      </c>
      <c r="CL12" s="195">
        <v>603</v>
      </c>
      <c r="CM12" s="190">
        <v>0</v>
      </c>
      <c r="CN12" s="191">
        <v>0</v>
      </c>
      <c r="CO12" s="196">
        <v>0</v>
      </c>
      <c r="CP12" s="193">
        <v>0</v>
      </c>
      <c r="CQ12" s="191">
        <v>0</v>
      </c>
      <c r="CR12" s="191">
        <v>0</v>
      </c>
      <c r="CS12" s="191">
        <v>0</v>
      </c>
      <c r="CT12" s="191">
        <v>0</v>
      </c>
      <c r="CU12" s="191">
        <v>0</v>
      </c>
      <c r="CV12" s="196">
        <v>0</v>
      </c>
      <c r="CW12" s="195">
        <v>0</v>
      </c>
      <c r="CX12" s="190">
        <v>0</v>
      </c>
      <c r="CY12" s="191">
        <v>0</v>
      </c>
      <c r="CZ12" s="196">
        <v>0</v>
      </c>
      <c r="DA12" s="193">
        <v>0</v>
      </c>
      <c r="DB12" s="191">
        <v>0</v>
      </c>
      <c r="DC12" s="191">
        <v>0</v>
      </c>
      <c r="DD12" s="191">
        <v>0</v>
      </c>
      <c r="DE12" s="191">
        <v>0</v>
      </c>
      <c r="DF12" s="191">
        <v>0</v>
      </c>
      <c r="DG12" s="196">
        <v>0</v>
      </c>
      <c r="DH12" s="195">
        <v>0</v>
      </c>
    </row>
    <row r="13" spans="2:112" ht="21" customHeight="1" x14ac:dyDescent="0.2">
      <c r="B13" s="106" t="s">
        <v>10</v>
      </c>
      <c r="C13" s="190">
        <v>0</v>
      </c>
      <c r="D13" s="191">
        <v>0</v>
      </c>
      <c r="E13" s="192">
        <v>0</v>
      </c>
      <c r="F13" s="193">
        <v>0</v>
      </c>
      <c r="G13" s="191">
        <v>16274</v>
      </c>
      <c r="H13" s="191">
        <v>17132</v>
      </c>
      <c r="I13" s="191">
        <v>23727</v>
      </c>
      <c r="J13" s="191">
        <v>32873</v>
      </c>
      <c r="K13" s="191">
        <v>25170</v>
      </c>
      <c r="L13" s="194">
        <v>115176</v>
      </c>
      <c r="M13" s="195">
        <v>115176</v>
      </c>
      <c r="N13" s="190">
        <v>0</v>
      </c>
      <c r="O13" s="191">
        <v>4</v>
      </c>
      <c r="P13" s="196">
        <v>4</v>
      </c>
      <c r="Q13" s="193">
        <v>0</v>
      </c>
      <c r="R13" s="191">
        <v>31</v>
      </c>
      <c r="S13" s="191">
        <v>80</v>
      </c>
      <c r="T13" s="191">
        <v>162</v>
      </c>
      <c r="U13" s="191">
        <v>446</v>
      </c>
      <c r="V13" s="191">
        <v>841</v>
      </c>
      <c r="W13" s="196">
        <v>1560</v>
      </c>
      <c r="X13" s="195">
        <v>1564</v>
      </c>
      <c r="Y13" s="190">
        <v>956</v>
      </c>
      <c r="Z13" s="191">
        <v>2112</v>
      </c>
      <c r="AA13" s="196">
        <v>3068</v>
      </c>
      <c r="AB13" s="193">
        <v>0</v>
      </c>
      <c r="AC13" s="191">
        <v>9192</v>
      </c>
      <c r="AD13" s="191">
        <v>5959</v>
      </c>
      <c r="AE13" s="191">
        <v>3793</v>
      </c>
      <c r="AF13" s="191">
        <v>3904</v>
      </c>
      <c r="AG13" s="191">
        <v>3149</v>
      </c>
      <c r="AH13" s="196">
        <v>25997</v>
      </c>
      <c r="AI13" s="195">
        <v>29065</v>
      </c>
      <c r="AJ13" s="190">
        <v>194</v>
      </c>
      <c r="AK13" s="191">
        <v>597</v>
      </c>
      <c r="AL13" s="196">
        <v>791</v>
      </c>
      <c r="AM13" s="193">
        <v>0</v>
      </c>
      <c r="AN13" s="191">
        <v>1245</v>
      </c>
      <c r="AO13" s="191">
        <v>1026</v>
      </c>
      <c r="AP13" s="191">
        <v>824</v>
      </c>
      <c r="AQ13" s="191">
        <v>440</v>
      </c>
      <c r="AR13" s="191">
        <v>632</v>
      </c>
      <c r="AS13" s="196">
        <v>4167</v>
      </c>
      <c r="AT13" s="195">
        <v>4958</v>
      </c>
      <c r="AU13" s="190">
        <v>0</v>
      </c>
      <c r="AV13" s="191">
        <v>0</v>
      </c>
      <c r="AW13" s="196">
        <v>0</v>
      </c>
      <c r="AX13" s="193">
        <v>0</v>
      </c>
      <c r="AY13" s="191">
        <v>14847</v>
      </c>
      <c r="AZ13" s="191">
        <v>8153</v>
      </c>
      <c r="BA13" s="191">
        <v>5020</v>
      </c>
      <c r="BB13" s="191">
        <v>3072</v>
      </c>
      <c r="BC13" s="191">
        <v>1613</v>
      </c>
      <c r="BD13" s="194">
        <v>32705</v>
      </c>
      <c r="BE13" s="195">
        <v>32705</v>
      </c>
      <c r="BF13" s="190">
        <v>0</v>
      </c>
      <c r="BG13" s="191">
        <v>0</v>
      </c>
      <c r="BH13" s="196">
        <v>0</v>
      </c>
      <c r="BI13" s="193">
        <v>0</v>
      </c>
      <c r="BJ13" s="191">
        <v>1698</v>
      </c>
      <c r="BK13" s="191">
        <v>1412</v>
      </c>
      <c r="BL13" s="191">
        <v>903</v>
      </c>
      <c r="BM13" s="191">
        <v>439</v>
      </c>
      <c r="BN13" s="191">
        <v>206</v>
      </c>
      <c r="BO13" s="196">
        <v>4658</v>
      </c>
      <c r="BP13" s="195">
        <v>4658</v>
      </c>
      <c r="BQ13" s="190">
        <v>43</v>
      </c>
      <c r="BR13" s="191">
        <v>189</v>
      </c>
      <c r="BS13" s="196">
        <v>232</v>
      </c>
      <c r="BT13" s="193">
        <v>0</v>
      </c>
      <c r="BU13" s="191">
        <v>1489</v>
      </c>
      <c r="BV13" s="191">
        <v>1450</v>
      </c>
      <c r="BW13" s="191">
        <v>2063</v>
      </c>
      <c r="BX13" s="191">
        <v>1514</v>
      </c>
      <c r="BY13" s="191">
        <v>874</v>
      </c>
      <c r="BZ13" s="196">
        <v>7390</v>
      </c>
      <c r="CA13" s="195">
        <v>7622</v>
      </c>
      <c r="CB13" s="190">
        <v>0</v>
      </c>
      <c r="CC13" s="191">
        <v>5</v>
      </c>
      <c r="CD13" s="196">
        <v>5</v>
      </c>
      <c r="CE13" s="193">
        <v>0</v>
      </c>
      <c r="CF13" s="191">
        <v>31</v>
      </c>
      <c r="CG13" s="191">
        <v>64</v>
      </c>
      <c r="CH13" s="191">
        <v>119</v>
      </c>
      <c r="CI13" s="191">
        <v>41</v>
      </c>
      <c r="CJ13" s="191">
        <v>73</v>
      </c>
      <c r="CK13" s="196">
        <v>328</v>
      </c>
      <c r="CL13" s="195">
        <v>333</v>
      </c>
      <c r="CM13" s="190">
        <v>0</v>
      </c>
      <c r="CN13" s="191">
        <v>0</v>
      </c>
      <c r="CO13" s="196">
        <v>0</v>
      </c>
      <c r="CP13" s="193">
        <v>0</v>
      </c>
      <c r="CQ13" s="191">
        <v>0</v>
      </c>
      <c r="CR13" s="191">
        <v>0</v>
      </c>
      <c r="CS13" s="191">
        <v>0</v>
      </c>
      <c r="CT13" s="191">
        <v>0</v>
      </c>
      <c r="CU13" s="191">
        <v>0</v>
      </c>
      <c r="CV13" s="196">
        <v>0</v>
      </c>
      <c r="CW13" s="195">
        <v>0</v>
      </c>
      <c r="CX13" s="190">
        <v>0</v>
      </c>
      <c r="CY13" s="191">
        <v>0</v>
      </c>
      <c r="CZ13" s="196">
        <v>0</v>
      </c>
      <c r="DA13" s="193">
        <v>0</v>
      </c>
      <c r="DB13" s="191">
        <v>0</v>
      </c>
      <c r="DC13" s="191">
        <v>0</v>
      </c>
      <c r="DD13" s="191">
        <v>0</v>
      </c>
      <c r="DE13" s="191">
        <v>0</v>
      </c>
      <c r="DF13" s="191">
        <v>0</v>
      </c>
      <c r="DG13" s="196">
        <v>0</v>
      </c>
      <c r="DH13" s="195">
        <v>0</v>
      </c>
    </row>
    <row r="14" spans="2:112" ht="21" customHeight="1" x14ac:dyDescent="0.2">
      <c r="B14" s="106" t="s">
        <v>11</v>
      </c>
      <c r="C14" s="190">
        <v>0</v>
      </c>
      <c r="D14" s="191">
        <v>0</v>
      </c>
      <c r="E14" s="192">
        <v>0</v>
      </c>
      <c r="F14" s="193">
        <v>0</v>
      </c>
      <c r="G14" s="191">
        <v>5261</v>
      </c>
      <c r="H14" s="191">
        <v>7038</v>
      </c>
      <c r="I14" s="191">
        <v>9789</v>
      </c>
      <c r="J14" s="191">
        <v>9760</v>
      </c>
      <c r="K14" s="191">
        <v>10959</v>
      </c>
      <c r="L14" s="194">
        <v>42807</v>
      </c>
      <c r="M14" s="195">
        <v>42807</v>
      </c>
      <c r="N14" s="190">
        <v>0</v>
      </c>
      <c r="O14" s="191">
        <v>0</v>
      </c>
      <c r="P14" s="196">
        <v>0</v>
      </c>
      <c r="Q14" s="193">
        <v>0</v>
      </c>
      <c r="R14" s="191">
        <v>17</v>
      </c>
      <c r="S14" s="191">
        <v>52</v>
      </c>
      <c r="T14" s="191">
        <v>98</v>
      </c>
      <c r="U14" s="191">
        <v>278</v>
      </c>
      <c r="V14" s="191">
        <v>502</v>
      </c>
      <c r="W14" s="196">
        <v>947</v>
      </c>
      <c r="X14" s="195">
        <v>947</v>
      </c>
      <c r="Y14" s="190">
        <v>291</v>
      </c>
      <c r="Z14" s="191">
        <v>672</v>
      </c>
      <c r="AA14" s="196">
        <v>963</v>
      </c>
      <c r="AB14" s="193">
        <v>0</v>
      </c>
      <c r="AC14" s="191">
        <v>3009</v>
      </c>
      <c r="AD14" s="191">
        <v>2278</v>
      </c>
      <c r="AE14" s="191">
        <v>2160</v>
      </c>
      <c r="AF14" s="191">
        <v>1933</v>
      </c>
      <c r="AG14" s="191">
        <v>2007</v>
      </c>
      <c r="AH14" s="196">
        <v>11387</v>
      </c>
      <c r="AI14" s="195">
        <v>12350</v>
      </c>
      <c r="AJ14" s="190">
        <v>21</v>
      </c>
      <c r="AK14" s="191">
        <v>61</v>
      </c>
      <c r="AL14" s="196">
        <v>82</v>
      </c>
      <c r="AM14" s="193">
        <v>0</v>
      </c>
      <c r="AN14" s="191">
        <v>267</v>
      </c>
      <c r="AO14" s="191">
        <v>233</v>
      </c>
      <c r="AP14" s="191">
        <v>383</v>
      </c>
      <c r="AQ14" s="191">
        <v>162</v>
      </c>
      <c r="AR14" s="191">
        <v>131</v>
      </c>
      <c r="AS14" s="196">
        <v>1176</v>
      </c>
      <c r="AT14" s="195">
        <v>1258</v>
      </c>
      <c r="AU14" s="190">
        <v>0</v>
      </c>
      <c r="AV14" s="191">
        <v>0</v>
      </c>
      <c r="AW14" s="196">
        <v>0</v>
      </c>
      <c r="AX14" s="193">
        <v>0</v>
      </c>
      <c r="AY14" s="191">
        <v>5359</v>
      </c>
      <c r="AZ14" s="191">
        <v>4279</v>
      </c>
      <c r="BA14" s="191">
        <v>3289</v>
      </c>
      <c r="BB14" s="191">
        <v>2121</v>
      </c>
      <c r="BC14" s="191">
        <v>913</v>
      </c>
      <c r="BD14" s="194">
        <v>15961</v>
      </c>
      <c r="BE14" s="195">
        <v>15961</v>
      </c>
      <c r="BF14" s="190">
        <v>0</v>
      </c>
      <c r="BG14" s="191">
        <v>0</v>
      </c>
      <c r="BH14" s="196">
        <v>0</v>
      </c>
      <c r="BI14" s="193">
        <v>0</v>
      </c>
      <c r="BJ14" s="191">
        <v>1515</v>
      </c>
      <c r="BK14" s="191">
        <v>1018</v>
      </c>
      <c r="BL14" s="191">
        <v>606</v>
      </c>
      <c r="BM14" s="191">
        <v>524</v>
      </c>
      <c r="BN14" s="191">
        <v>181</v>
      </c>
      <c r="BO14" s="196">
        <v>3844</v>
      </c>
      <c r="BP14" s="195">
        <v>3844</v>
      </c>
      <c r="BQ14" s="190">
        <v>27</v>
      </c>
      <c r="BR14" s="191">
        <v>41</v>
      </c>
      <c r="BS14" s="196">
        <v>68</v>
      </c>
      <c r="BT14" s="193">
        <v>0</v>
      </c>
      <c r="BU14" s="191">
        <v>461</v>
      </c>
      <c r="BV14" s="191">
        <v>985</v>
      </c>
      <c r="BW14" s="191">
        <v>1262</v>
      </c>
      <c r="BX14" s="191">
        <v>1049</v>
      </c>
      <c r="BY14" s="191">
        <v>610</v>
      </c>
      <c r="BZ14" s="196">
        <v>4367</v>
      </c>
      <c r="CA14" s="195">
        <v>4435</v>
      </c>
      <c r="CB14" s="190">
        <v>0</v>
      </c>
      <c r="CC14" s="191">
        <v>18</v>
      </c>
      <c r="CD14" s="196">
        <v>18</v>
      </c>
      <c r="CE14" s="193">
        <v>0</v>
      </c>
      <c r="CF14" s="191">
        <v>45</v>
      </c>
      <c r="CG14" s="191">
        <v>42</v>
      </c>
      <c r="CH14" s="191">
        <v>101</v>
      </c>
      <c r="CI14" s="191">
        <v>67</v>
      </c>
      <c r="CJ14" s="191">
        <v>77</v>
      </c>
      <c r="CK14" s="196">
        <v>332</v>
      </c>
      <c r="CL14" s="195">
        <v>350</v>
      </c>
      <c r="CM14" s="190">
        <v>0</v>
      </c>
      <c r="CN14" s="191">
        <v>0</v>
      </c>
      <c r="CO14" s="196">
        <v>0</v>
      </c>
      <c r="CP14" s="193">
        <v>0</v>
      </c>
      <c r="CQ14" s="191">
        <v>0</v>
      </c>
      <c r="CR14" s="191">
        <v>0</v>
      </c>
      <c r="CS14" s="191">
        <v>0</v>
      </c>
      <c r="CT14" s="191">
        <v>0</v>
      </c>
      <c r="CU14" s="191">
        <v>0</v>
      </c>
      <c r="CV14" s="196">
        <v>0</v>
      </c>
      <c r="CW14" s="195">
        <v>0</v>
      </c>
      <c r="CX14" s="190">
        <v>0</v>
      </c>
      <c r="CY14" s="191">
        <v>0</v>
      </c>
      <c r="CZ14" s="196">
        <v>0</v>
      </c>
      <c r="DA14" s="193">
        <v>0</v>
      </c>
      <c r="DB14" s="191">
        <v>0</v>
      </c>
      <c r="DC14" s="191">
        <v>0</v>
      </c>
      <c r="DD14" s="191">
        <v>0</v>
      </c>
      <c r="DE14" s="191">
        <v>0</v>
      </c>
      <c r="DF14" s="191">
        <v>0</v>
      </c>
      <c r="DG14" s="196">
        <v>0</v>
      </c>
      <c r="DH14" s="195">
        <v>0</v>
      </c>
    </row>
    <row r="15" spans="2:112" ht="21" customHeight="1" x14ac:dyDescent="0.2">
      <c r="B15" s="106" t="s">
        <v>12</v>
      </c>
      <c r="C15" s="190">
        <v>0</v>
      </c>
      <c r="D15" s="191">
        <v>0</v>
      </c>
      <c r="E15" s="192">
        <v>0</v>
      </c>
      <c r="F15" s="193">
        <v>0</v>
      </c>
      <c r="G15" s="191">
        <v>7327</v>
      </c>
      <c r="H15" s="191">
        <v>10570</v>
      </c>
      <c r="I15" s="191">
        <v>10920</v>
      </c>
      <c r="J15" s="191">
        <v>16163</v>
      </c>
      <c r="K15" s="191">
        <v>12708</v>
      </c>
      <c r="L15" s="194">
        <v>57688</v>
      </c>
      <c r="M15" s="195">
        <v>57688</v>
      </c>
      <c r="N15" s="190">
        <v>0</v>
      </c>
      <c r="O15" s="191">
        <v>10</v>
      </c>
      <c r="P15" s="196">
        <v>10</v>
      </c>
      <c r="Q15" s="193">
        <v>0</v>
      </c>
      <c r="R15" s="191">
        <v>20</v>
      </c>
      <c r="S15" s="191">
        <v>104</v>
      </c>
      <c r="T15" s="191">
        <v>86</v>
      </c>
      <c r="U15" s="191">
        <v>269</v>
      </c>
      <c r="V15" s="191">
        <v>360</v>
      </c>
      <c r="W15" s="196">
        <v>839</v>
      </c>
      <c r="X15" s="195">
        <v>849</v>
      </c>
      <c r="Y15" s="190">
        <v>664</v>
      </c>
      <c r="Z15" s="191">
        <v>2084</v>
      </c>
      <c r="AA15" s="196">
        <v>2748</v>
      </c>
      <c r="AB15" s="193">
        <v>0</v>
      </c>
      <c r="AC15" s="191">
        <v>2509</v>
      </c>
      <c r="AD15" s="191">
        <v>3993</v>
      </c>
      <c r="AE15" s="191">
        <v>2206</v>
      </c>
      <c r="AF15" s="191">
        <v>2425</v>
      </c>
      <c r="AG15" s="191">
        <v>1728</v>
      </c>
      <c r="AH15" s="196">
        <v>12861</v>
      </c>
      <c r="AI15" s="195">
        <v>15609</v>
      </c>
      <c r="AJ15" s="190">
        <v>88</v>
      </c>
      <c r="AK15" s="191">
        <v>241</v>
      </c>
      <c r="AL15" s="196">
        <v>329</v>
      </c>
      <c r="AM15" s="193">
        <v>0</v>
      </c>
      <c r="AN15" s="191">
        <v>172</v>
      </c>
      <c r="AO15" s="191">
        <v>542</v>
      </c>
      <c r="AP15" s="191">
        <v>207</v>
      </c>
      <c r="AQ15" s="191">
        <v>311</v>
      </c>
      <c r="AR15" s="191">
        <v>115</v>
      </c>
      <c r="AS15" s="196">
        <v>1347</v>
      </c>
      <c r="AT15" s="195">
        <v>1676</v>
      </c>
      <c r="AU15" s="190">
        <v>0</v>
      </c>
      <c r="AV15" s="191">
        <v>0</v>
      </c>
      <c r="AW15" s="196">
        <v>0</v>
      </c>
      <c r="AX15" s="193">
        <v>0</v>
      </c>
      <c r="AY15" s="191">
        <v>6225</v>
      </c>
      <c r="AZ15" s="191">
        <v>4856</v>
      </c>
      <c r="BA15" s="191">
        <v>3309</v>
      </c>
      <c r="BB15" s="191">
        <v>2201</v>
      </c>
      <c r="BC15" s="191">
        <v>843</v>
      </c>
      <c r="BD15" s="194">
        <v>17434</v>
      </c>
      <c r="BE15" s="195">
        <v>17434</v>
      </c>
      <c r="BF15" s="190">
        <v>0</v>
      </c>
      <c r="BG15" s="191">
        <v>0</v>
      </c>
      <c r="BH15" s="196">
        <v>0</v>
      </c>
      <c r="BI15" s="193">
        <v>0</v>
      </c>
      <c r="BJ15" s="191">
        <v>909</v>
      </c>
      <c r="BK15" s="191">
        <v>1543</v>
      </c>
      <c r="BL15" s="191">
        <v>823</v>
      </c>
      <c r="BM15" s="191">
        <v>472</v>
      </c>
      <c r="BN15" s="191">
        <v>163</v>
      </c>
      <c r="BO15" s="196">
        <v>3910</v>
      </c>
      <c r="BP15" s="195">
        <v>3910</v>
      </c>
      <c r="BQ15" s="190">
        <v>21</v>
      </c>
      <c r="BR15" s="191">
        <v>103</v>
      </c>
      <c r="BS15" s="196">
        <v>124</v>
      </c>
      <c r="BT15" s="193">
        <v>0</v>
      </c>
      <c r="BU15" s="191">
        <v>627</v>
      </c>
      <c r="BV15" s="191">
        <v>1063</v>
      </c>
      <c r="BW15" s="191">
        <v>1405</v>
      </c>
      <c r="BX15" s="191">
        <v>1026</v>
      </c>
      <c r="BY15" s="191">
        <v>523</v>
      </c>
      <c r="BZ15" s="196">
        <v>4644</v>
      </c>
      <c r="CA15" s="195">
        <v>4768</v>
      </c>
      <c r="CB15" s="190">
        <v>0</v>
      </c>
      <c r="CC15" s="191">
        <v>19</v>
      </c>
      <c r="CD15" s="196">
        <v>19</v>
      </c>
      <c r="CE15" s="193">
        <v>0</v>
      </c>
      <c r="CF15" s="191">
        <v>39</v>
      </c>
      <c r="CG15" s="191">
        <v>10</v>
      </c>
      <c r="CH15" s="191">
        <v>30</v>
      </c>
      <c r="CI15" s="191">
        <v>32</v>
      </c>
      <c r="CJ15" s="191">
        <v>43</v>
      </c>
      <c r="CK15" s="196">
        <v>154</v>
      </c>
      <c r="CL15" s="195">
        <v>173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0</v>
      </c>
      <c r="CS15" s="191">
        <v>0</v>
      </c>
      <c r="CT15" s="191">
        <v>0</v>
      </c>
      <c r="CU15" s="191">
        <v>0</v>
      </c>
      <c r="CV15" s="196">
        <v>0</v>
      </c>
      <c r="CW15" s="195">
        <v>0</v>
      </c>
      <c r="CX15" s="190">
        <v>0</v>
      </c>
      <c r="CY15" s="191">
        <v>0</v>
      </c>
      <c r="CZ15" s="196">
        <v>0</v>
      </c>
      <c r="DA15" s="193">
        <v>0</v>
      </c>
      <c r="DB15" s="191">
        <v>0</v>
      </c>
      <c r="DC15" s="191">
        <v>0</v>
      </c>
      <c r="DD15" s="191">
        <v>0</v>
      </c>
      <c r="DE15" s="191">
        <v>0</v>
      </c>
      <c r="DF15" s="191">
        <v>0</v>
      </c>
      <c r="DG15" s="196">
        <v>0</v>
      </c>
      <c r="DH15" s="195">
        <v>0</v>
      </c>
    </row>
    <row r="16" spans="2:112" ht="21" customHeight="1" x14ac:dyDescent="0.2">
      <c r="B16" s="106" t="s">
        <v>13</v>
      </c>
      <c r="C16" s="190">
        <v>0</v>
      </c>
      <c r="D16" s="191">
        <v>0</v>
      </c>
      <c r="E16" s="192">
        <v>0</v>
      </c>
      <c r="F16" s="193">
        <v>0</v>
      </c>
      <c r="G16" s="191">
        <v>2020</v>
      </c>
      <c r="H16" s="191">
        <v>3789</v>
      </c>
      <c r="I16" s="191">
        <v>4365</v>
      </c>
      <c r="J16" s="191">
        <v>6069</v>
      </c>
      <c r="K16" s="191">
        <v>6112</v>
      </c>
      <c r="L16" s="194">
        <v>22355</v>
      </c>
      <c r="M16" s="195">
        <v>22355</v>
      </c>
      <c r="N16" s="190">
        <v>0</v>
      </c>
      <c r="O16" s="191">
        <v>0</v>
      </c>
      <c r="P16" s="196">
        <v>0</v>
      </c>
      <c r="Q16" s="193">
        <v>0</v>
      </c>
      <c r="R16" s="191">
        <v>3</v>
      </c>
      <c r="S16" s="191">
        <v>15</v>
      </c>
      <c r="T16" s="191">
        <v>25</v>
      </c>
      <c r="U16" s="191">
        <v>75</v>
      </c>
      <c r="V16" s="191">
        <v>254</v>
      </c>
      <c r="W16" s="196">
        <v>372</v>
      </c>
      <c r="X16" s="195">
        <v>372</v>
      </c>
      <c r="Y16" s="190">
        <v>73</v>
      </c>
      <c r="Z16" s="191">
        <v>186</v>
      </c>
      <c r="AA16" s="196">
        <v>259</v>
      </c>
      <c r="AB16" s="193">
        <v>0</v>
      </c>
      <c r="AC16" s="191">
        <v>1127</v>
      </c>
      <c r="AD16" s="191">
        <v>1981</v>
      </c>
      <c r="AE16" s="191">
        <v>1008</v>
      </c>
      <c r="AF16" s="191">
        <v>957</v>
      </c>
      <c r="AG16" s="191">
        <v>930</v>
      </c>
      <c r="AH16" s="196">
        <v>6003</v>
      </c>
      <c r="AI16" s="195">
        <v>6262</v>
      </c>
      <c r="AJ16" s="190">
        <v>9</v>
      </c>
      <c r="AK16" s="191">
        <v>26</v>
      </c>
      <c r="AL16" s="196">
        <v>35</v>
      </c>
      <c r="AM16" s="193">
        <v>0</v>
      </c>
      <c r="AN16" s="191">
        <v>117</v>
      </c>
      <c r="AO16" s="191">
        <v>183</v>
      </c>
      <c r="AP16" s="191">
        <v>111</v>
      </c>
      <c r="AQ16" s="191">
        <v>48</v>
      </c>
      <c r="AR16" s="191">
        <v>77</v>
      </c>
      <c r="AS16" s="196">
        <v>536</v>
      </c>
      <c r="AT16" s="195">
        <v>571</v>
      </c>
      <c r="AU16" s="190">
        <v>0</v>
      </c>
      <c r="AV16" s="191">
        <v>0</v>
      </c>
      <c r="AW16" s="196">
        <v>0</v>
      </c>
      <c r="AX16" s="193">
        <v>0</v>
      </c>
      <c r="AY16" s="191">
        <v>1464</v>
      </c>
      <c r="AZ16" s="191">
        <v>1752</v>
      </c>
      <c r="BA16" s="191">
        <v>855</v>
      </c>
      <c r="BB16" s="191">
        <v>758</v>
      </c>
      <c r="BC16" s="191">
        <v>338</v>
      </c>
      <c r="BD16" s="194">
        <v>5167</v>
      </c>
      <c r="BE16" s="195">
        <v>5167</v>
      </c>
      <c r="BF16" s="190">
        <v>0</v>
      </c>
      <c r="BG16" s="191">
        <v>0</v>
      </c>
      <c r="BH16" s="196">
        <v>0</v>
      </c>
      <c r="BI16" s="193">
        <v>0</v>
      </c>
      <c r="BJ16" s="191">
        <v>227</v>
      </c>
      <c r="BK16" s="191">
        <v>253</v>
      </c>
      <c r="BL16" s="191">
        <v>163</v>
      </c>
      <c r="BM16" s="191">
        <v>162</v>
      </c>
      <c r="BN16" s="191">
        <v>78</v>
      </c>
      <c r="BO16" s="196">
        <v>883</v>
      </c>
      <c r="BP16" s="195">
        <v>883</v>
      </c>
      <c r="BQ16" s="190">
        <v>0</v>
      </c>
      <c r="BR16" s="191">
        <v>2</v>
      </c>
      <c r="BS16" s="196">
        <v>2</v>
      </c>
      <c r="BT16" s="193">
        <v>0</v>
      </c>
      <c r="BU16" s="191">
        <v>83</v>
      </c>
      <c r="BV16" s="191">
        <v>243</v>
      </c>
      <c r="BW16" s="191">
        <v>519</v>
      </c>
      <c r="BX16" s="191">
        <v>314</v>
      </c>
      <c r="BY16" s="191">
        <v>365</v>
      </c>
      <c r="BZ16" s="196">
        <v>1524</v>
      </c>
      <c r="CA16" s="195">
        <v>1526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27</v>
      </c>
      <c r="CH16" s="191">
        <v>49</v>
      </c>
      <c r="CI16" s="191">
        <v>58</v>
      </c>
      <c r="CJ16" s="191">
        <v>16</v>
      </c>
      <c r="CK16" s="196">
        <v>150</v>
      </c>
      <c r="CL16" s="195">
        <v>150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  <c r="CX16" s="190">
        <v>0</v>
      </c>
      <c r="CY16" s="191">
        <v>0</v>
      </c>
      <c r="CZ16" s="196">
        <v>0</v>
      </c>
      <c r="DA16" s="193">
        <v>0</v>
      </c>
      <c r="DB16" s="191">
        <v>0</v>
      </c>
      <c r="DC16" s="191">
        <v>0</v>
      </c>
      <c r="DD16" s="191">
        <v>0</v>
      </c>
      <c r="DE16" s="191">
        <v>0</v>
      </c>
      <c r="DF16" s="191">
        <v>0</v>
      </c>
      <c r="DG16" s="196">
        <v>0</v>
      </c>
      <c r="DH16" s="195">
        <v>0</v>
      </c>
    </row>
    <row r="17" spans="2:112" ht="21" customHeight="1" x14ac:dyDescent="0.2">
      <c r="B17" s="106" t="s">
        <v>15</v>
      </c>
      <c r="C17" s="190">
        <v>0</v>
      </c>
      <c r="D17" s="191">
        <v>0</v>
      </c>
      <c r="E17" s="192">
        <v>0</v>
      </c>
      <c r="F17" s="193">
        <v>0</v>
      </c>
      <c r="G17" s="191">
        <v>1005</v>
      </c>
      <c r="H17" s="191">
        <v>2193</v>
      </c>
      <c r="I17" s="191">
        <v>1946</v>
      </c>
      <c r="J17" s="191">
        <v>3112</v>
      </c>
      <c r="K17" s="191">
        <v>2252</v>
      </c>
      <c r="L17" s="194">
        <v>10508</v>
      </c>
      <c r="M17" s="195">
        <v>10508</v>
      </c>
      <c r="N17" s="190">
        <v>0</v>
      </c>
      <c r="O17" s="191">
        <v>0</v>
      </c>
      <c r="P17" s="196">
        <v>0</v>
      </c>
      <c r="Q17" s="193">
        <v>0</v>
      </c>
      <c r="R17" s="191">
        <v>4</v>
      </c>
      <c r="S17" s="191">
        <v>9</v>
      </c>
      <c r="T17" s="191">
        <v>14</v>
      </c>
      <c r="U17" s="191">
        <v>75</v>
      </c>
      <c r="V17" s="191">
        <v>91</v>
      </c>
      <c r="W17" s="196">
        <v>193</v>
      </c>
      <c r="X17" s="195">
        <v>193</v>
      </c>
      <c r="Y17" s="190">
        <v>15</v>
      </c>
      <c r="Z17" s="191">
        <v>87</v>
      </c>
      <c r="AA17" s="196">
        <v>102</v>
      </c>
      <c r="AB17" s="193">
        <v>0</v>
      </c>
      <c r="AC17" s="191">
        <v>422</v>
      </c>
      <c r="AD17" s="191">
        <v>641</v>
      </c>
      <c r="AE17" s="191">
        <v>427</v>
      </c>
      <c r="AF17" s="191">
        <v>349</v>
      </c>
      <c r="AG17" s="191">
        <v>406</v>
      </c>
      <c r="AH17" s="196">
        <v>2245</v>
      </c>
      <c r="AI17" s="195">
        <v>2347</v>
      </c>
      <c r="AJ17" s="190">
        <v>0</v>
      </c>
      <c r="AK17" s="191">
        <v>8</v>
      </c>
      <c r="AL17" s="196">
        <v>8</v>
      </c>
      <c r="AM17" s="193">
        <v>0</v>
      </c>
      <c r="AN17" s="191">
        <v>107</v>
      </c>
      <c r="AO17" s="191">
        <v>153</v>
      </c>
      <c r="AP17" s="191">
        <v>64</v>
      </c>
      <c r="AQ17" s="191">
        <v>40</v>
      </c>
      <c r="AR17" s="191">
        <v>32</v>
      </c>
      <c r="AS17" s="196">
        <v>396</v>
      </c>
      <c r="AT17" s="195">
        <v>404</v>
      </c>
      <c r="AU17" s="190">
        <v>0</v>
      </c>
      <c r="AV17" s="191">
        <v>0</v>
      </c>
      <c r="AW17" s="196">
        <v>0</v>
      </c>
      <c r="AX17" s="193">
        <v>0</v>
      </c>
      <c r="AY17" s="191">
        <v>710</v>
      </c>
      <c r="AZ17" s="191">
        <v>976</v>
      </c>
      <c r="BA17" s="191">
        <v>534</v>
      </c>
      <c r="BB17" s="191">
        <v>312</v>
      </c>
      <c r="BC17" s="191">
        <v>132</v>
      </c>
      <c r="BD17" s="194">
        <v>2664</v>
      </c>
      <c r="BE17" s="195">
        <v>2664</v>
      </c>
      <c r="BF17" s="190">
        <v>0</v>
      </c>
      <c r="BG17" s="191">
        <v>0</v>
      </c>
      <c r="BH17" s="196">
        <v>0</v>
      </c>
      <c r="BI17" s="193">
        <v>0</v>
      </c>
      <c r="BJ17" s="191">
        <v>200</v>
      </c>
      <c r="BK17" s="191">
        <v>247</v>
      </c>
      <c r="BL17" s="191">
        <v>250</v>
      </c>
      <c r="BM17" s="191">
        <v>78</v>
      </c>
      <c r="BN17" s="191">
        <v>30</v>
      </c>
      <c r="BO17" s="196">
        <v>805</v>
      </c>
      <c r="BP17" s="195">
        <v>805</v>
      </c>
      <c r="BQ17" s="190">
        <v>0</v>
      </c>
      <c r="BR17" s="191">
        <v>3</v>
      </c>
      <c r="BS17" s="196">
        <v>3</v>
      </c>
      <c r="BT17" s="193">
        <v>0</v>
      </c>
      <c r="BU17" s="191">
        <v>67</v>
      </c>
      <c r="BV17" s="191">
        <v>320</v>
      </c>
      <c r="BW17" s="191">
        <v>615</v>
      </c>
      <c r="BX17" s="191">
        <v>901</v>
      </c>
      <c r="BY17" s="191">
        <v>402</v>
      </c>
      <c r="BZ17" s="196">
        <v>2305</v>
      </c>
      <c r="CA17" s="195">
        <v>2308</v>
      </c>
      <c r="CB17" s="190">
        <v>0</v>
      </c>
      <c r="CC17" s="191">
        <v>0</v>
      </c>
      <c r="CD17" s="196">
        <v>0</v>
      </c>
      <c r="CE17" s="193">
        <v>0</v>
      </c>
      <c r="CF17" s="191">
        <v>33</v>
      </c>
      <c r="CG17" s="191">
        <v>12</v>
      </c>
      <c r="CH17" s="191">
        <v>19</v>
      </c>
      <c r="CI17" s="191">
        <v>15</v>
      </c>
      <c r="CJ17" s="191">
        <v>0</v>
      </c>
      <c r="CK17" s="196">
        <v>79</v>
      </c>
      <c r="CL17" s="195">
        <v>79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0</v>
      </c>
      <c r="CT17" s="191">
        <v>0</v>
      </c>
      <c r="CU17" s="191">
        <v>0</v>
      </c>
      <c r="CV17" s="196">
        <v>0</v>
      </c>
      <c r="CW17" s="195">
        <v>0</v>
      </c>
      <c r="CX17" s="190">
        <v>0</v>
      </c>
      <c r="CY17" s="191">
        <v>0</v>
      </c>
      <c r="CZ17" s="196">
        <v>0</v>
      </c>
      <c r="DA17" s="193">
        <v>0</v>
      </c>
      <c r="DB17" s="191">
        <v>0</v>
      </c>
      <c r="DC17" s="191">
        <v>0</v>
      </c>
      <c r="DD17" s="191">
        <v>0</v>
      </c>
      <c r="DE17" s="191">
        <v>0</v>
      </c>
      <c r="DF17" s="191">
        <v>0</v>
      </c>
      <c r="DG17" s="196">
        <v>0</v>
      </c>
      <c r="DH17" s="195">
        <v>0</v>
      </c>
    </row>
    <row r="18" spans="2:112" ht="21" customHeight="1" x14ac:dyDescent="0.2">
      <c r="B18" s="106" t="s">
        <v>16</v>
      </c>
      <c r="C18" s="190">
        <v>0</v>
      </c>
      <c r="D18" s="191">
        <v>0</v>
      </c>
      <c r="E18" s="192">
        <v>0</v>
      </c>
      <c r="F18" s="193">
        <v>0</v>
      </c>
      <c r="G18" s="191">
        <v>2108</v>
      </c>
      <c r="H18" s="191">
        <v>3659</v>
      </c>
      <c r="I18" s="191">
        <v>5121</v>
      </c>
      <c r="J18" s="191">
        <v>6215</v>
      </c>
      <c r="K18" s="191">
        <v>4635</v>
      </c>
      <c r="L18" s="194">
        <v>21738</v>
      </c>
      <c r="M18" s="195">
        <v>21738</v>
      </c>
      <c r="N18" s="190">
        <v>0</v>
      </c>
      <c r="O18" s="191">
        <v>0</v>
      </c>
      <c r="P18" s="196">
        <v>0</v>
      </c>
      <c r="Q18" s="193">
        <v>0</v>
      </c>
      <c r="R18" s="191">
        <v>11</v>
      </c>
      <c r="S18" s="191">
        <v>17</v>
      </c>
      <c r="T18" s="191">
        <v>47</v>
      </c>
      <c r="U18" s="191">
        <v>103</v>
      </c>
      <c r="V18" s="191">
        <v>219</v>
      </c>
      <c r="W18" s="196">
        <v>397</v>
      </c>
      <c r="X18" s="195">
        <v>397</v>
      </c>
      <c r="Y18" s="190">
        <v>139</v>
      </c>
      <c r="Z18" s="191">
        <v>332</v>
      </c>
      <c r="AA18" s="196">
        <v>471</v>
      </c>
      <c r="AB18" s="193">
        <v>0</v>
      </c>
      <c r="AC18" s="191">
        <v>1051</v>
      </c>
      <c r="AD18" s="191">
        <v>2732</v>
      </c>
      <c r="AE18" s="191">
        <v>1648</v>
      </c>
      <c r="AF18" s="191">
        <v>1518</v>
      </c>
      <c r="AG18" s="191">
        <v>1192</v>
      </c>
      <c r="AH18" s="196">
        <v>8141</v>
      </c>
      <c r="AI18" s="195">
        <v>8612</v>
      </c>
      <c r="AJ18" s="190">
        <v>49</v>
      </c>
      <c r="AK18" s="191">
        <v>135</v>
      </c>
      <c r="AL18" s="196">
        <v>184</v>
      </c>
      <c r="AM18" s="193">
        <v>0</v>
      </c>
      <c r="AN18" s="191">
        <v>93</v>
      </c>
      <c r="AO18" s="191">
        <v>404</v>
      </c>
      <c r="AP18" s="191">
        <v>164</v>
      </c>
      <c r="AQ18" s="191">
        <v>114</v>
      </c>
      <c r="AR18" s="191">
        <v>196</v>
      </c>
      <c r="AS18" s="196">
        <v>971</v>
      </c>
      <c r="AT18" s="195">
        <v>1155</v>
      </c>
      <c r="AU18" s="190">
        <v>0</v>
      </c>
      <c r="AV18" s="191">
        <v>0</v>
      </c>
      <c r="AW18" s="196">
        <v>0</v>
      </c>
      <c r="AX18" s="193">
        <v>0</v>
      </c>
      <c r="AY18" s="191">
        <v>3130</v>
      </c>
      <c r="AZ18" s="191">
        <v>4415</v>
      </c>
      <c r="BA18" s="191">
        <v>2721</v>
      </c>
      <c r="BB18" s="191">
        <v>2183</v>
      </c>
      <c r="BC18" s="191">
        <v>1049</v>
      </c>
      <c r="BD18" s="194">
        <v>13498</v>
      </c>
      <c r="BE18" s="195">
        <v>13498</v>
      </c>
      <c r="BF18" s="190">
        <v>0</v>
      </c>
      <c r="BG18" s="191">
        <v>0</v>
      </c>
      <c r="BH18" s="196">
        <v>0</v>
      </c>
      <c r="BI18" s="193">
        <v>0</v>
      </c>
      <c r="BJ18" s="191">
        <v>1218</v>
      </c>
      <c r="BK18" s="191">
        <v>1908</v>
      </c>
      <c r="BL18" s="191">
        <v>826</v>
      </c>
      <c r="BM18" s="191">
        <v>577</v>
      </c>
      <c r="BN18" s="191">
        <v>203</v>
      </c>
      <c r="BO18" s="196">
        <v>4732</v>
      </c>
      <c r="BP18" s="195">
        <v>4732</v>
      </c>
      <c r="BQ18" s="190">
        <v>0</v>
      </c>
      <c r="BR18" s="191">
        <v>12</v>
      </c>
      <c r="BS18" s="196">
        <v>12</v>
      </c>
      <c r="BT18" s="193">
        <v>0</v>
      </c>
      <c r="BU18" s="191">
        <v>220</v>
      </c>
      <c r="BV18" s="191">
        <v>722</v>
      </c>
      <c r="BW18" s="191">
        <v>962</v>
      </c>
      <c r="BX18" s="191">
        <v>409</v>
      </c>
      <c r="BY18" s="191">
        <v>297</v>
      </c>
      <c r="BZ18" s="196">
        <v>2610</v>
      </c>
      <c r="CA18" s="195">
        <v>2622</v>
      </c>
      <c r="CB18" s="190">
        <v>0</v>
      </c>
      <c r="CC18" s="191">
        <v>0</v>
      </c>
      <c r="CD18" s="196">
        <v>0</v>
      </c>
      <c r="CE18" s="193">
        <v>0</v>
      </c>
      <c r="CF18" s="191">
        <v>10</v>
      </c>
      <c r="CG18" s="191">
        <v>72</v>
      </c>
      <c r="CH18" s="191">
        <v>53</v>
      </c>
      <c r="CI18" s="191">
        <v>18</v>
      </c>
      <c r="CJ18" s="191">
        <v>28</v>
      </c>
      <c r="CK18" s="196">
        <v>181</v>
      </c>
      <c r="CL18" s="195">
        <v>181</v>
      </c>
      <c r="CM18" s="190">
        <v>0</v>
      </c>
      <c r="CN18" s="191">
        <v>0</v>
      </c>
      <c r="CO18" s="196">
        <v>0</v>
      </c>
      <c r="CP18" s="193">
        <v>0</v>
      </c>
      <c r="CQ18" s="191">
        <v>0</v>
      </c>
      <c r="CR18" s="191">
        <v>0</v>
      </c>
      <c r="CS18" s="191">
        <v>0</v>
      </c>
      <c r="CT18" s="191">
        <v>0</v>
      </c>
      <c r="CU18" s="191">
        <v>0</v>
      </c>
      <c r="CV18" s="196">
        <v>0</v>
      </c>
      <c r="CW18" s="195">
        <v>0</v>
      </c>
      <c r="CX18" s="190">
        <v>0</v>
      </c>
      <c r="CY18" s="191">
        <v>0</v>
      </c>
      <c r="CZ18" s="196">
        <v>0</v>
      </c>
      <c r="DA18" s="193">
        <v>0</v>
      </c>
      <c r="DB18" s="191">
        <v>0</v>
      </c>
      <c r="DC18" s="191">
        <v>0</v>
      </c>
      <c r="DD18" s="191">
        <v>0</v>
      </c>
      <c r="DE18" s="191">
        <v>0</v>
      </c>
      <c r="DF18" s="191">
        <v>0</v>
      </c>
      <c r="DG18" s="196">
        <v>0</v>
      </c>
      <c r="DH18" s="195">
        <v>0</v>
      </c>
    </row>
    <row r="19" spans="2:112" ht="21" customHeight="1" x14ac:dyDescent="0.2">
      <c r="B19" s="106" t="s">
        <v>17</v>
      </c>
      <c r="C19" s="190">
        <v>0</v>
      </c>
      <c r="D19" s="191">
        <v>0</v>
      </c>
      <c r="E19" s="192">
        <v>0</v>
      </c>
      <c r="F19" s="193">
        <v>0</v>
      </c>
      <c r="G19" s="191">
        <v>2611</v>
      </c>
      <c r="H19" s="191">
        <v>7568</v>
      </c>
      <c r="I19" s="191">
        <v>10907</v>
      </c>
      <c r="J19" s="191">
        <v>15538</v>
      </c>
      <c r="K19" s="191">
        <v>10232</v>
      </c>
      <c r="L19" s="194">
        <v>46856</v>
      </c>
      <c r="M19" s="195">
        <v>46856</v>
      </c>
      <c r="N19" s="190">
        <v>0</v>
      </c>
      <c r="O19" s="191">
        <v>4</v>
      </c>
      <c r="P19" s="196">
        <v>4</v>
      </c>
      <c r="Q19" s="193">
        <v>0</v>
      </c>
      <c r="R19" s="191">
        <v>0</v>
      </c>
      <c r="S19" s="191">
        <v>30</v>
      </c>
      <c r="T19" s="191">
        <v>103</v>
      </c>
      <c r="U19" s="191">
        <v>222</v>
      </c>
      <c r="V19" s="191">
        <v>358</v>
      </c>
      <c r="W19" s="196">
        <v>713</v>
      </c>
      <c r="X19" s="195">
        <v>717</v>
      </c>
      <c r="Y19" s="190">
        <v>165</v>
      </c>
      <c r="Z19" s="191">
        <v>758</v>
      </c>
      <c r="AA19" s="196">
        <v>923</v>
      </c>
      <c r="AB19" s="193">
        <v>0</v>
      </c>
      <c r="AC19" s="191">
        <v>1329</v>
      </c>
      <c r="AD19" s="191">
        <v>3488</v>
      </c>
      <c r="AE19" s="191">
        <v>2265</v>
      </c>
      <c r="AF19" s="191">
        <v>1874</v>
      </c>
      <c r="AG19" s="191">
        <v>1302</v>
      </c>
      <c r="AH19" s="196">
        <v>10258</v>
      </c>
      <c r="AI19" s="195">
        <v>11181</v>
      </c>
      <c r="AJ19" s="190">
        <v>60</v>
      </c>
      <c r="AK19" s="191">
        <v>112</v>
      </c>
      <c r="AL19" s="196">
        <v>172</v>
      </c>
      <c r="AM19" s="193">
        <v>0</v>
      </c>
      <c r="AN19" s="191">
        <v>125</v>
      </c>
      <c r="AO19" s="191">
        <v>565</v>
      </c>
      <c r="AP19" s="191">
        <v>376</v>
      </c>
      <c r="AQ19" s="191">
        <v>242</v>
      </c>
      <c r="AR19" s="191">
        <v>244</v>
      </c>
      <c r="AS19" s="196">
        <v>1552</v>
      </c>
      <c r="AT19" s="195">
        <v>1724</v>
      </c>
      <c r="AU19" s="190">
        <v>0</v>
      </c>
      <c r="AV19" s="191">
        <v>0</v>
      </c>
      <c r="AW19" s="196">
        <v>0</v>
      </c>
      <c r="AX19" s="193">
        <v>0</v>
      </c>
      <c r="AY19" s="191">
        <v>2836</v>
      </c>
      <c r="AZ19" s="191">
        <v>4977</v>
      </c>
      <c r="BA19" s="191">
        <v>3799</v>
      </c>
      <c r="BB19" s="191">
        <v>2193</v>
      </c>
      <c r="BC19" s="191">
        <v>930</v>
      </c>
      <c r="BD19" s="194">
        <v>14735</v>
      </c>
      <c r="BE19" s="195">
        <v>14735</v>
      </c>
      <c r="BF19" s="190">
        <v>3</v>
      </c>
      <c r="BG19" s="191">
        <v>0</v>
      </c>
      <c r="BH19" s="196">
        <v>3</v>
      </c>
      <c r="BI19" s="193">
        <v>0</v>
      </c>
      <c r="BJ19" s="191">
        <v>487</v>
      </c>
      <c r="BK19" s="191">
        <v>1593</v>
      </c>
      <c r="BL19" s="191">
        <v>937</v>
      </c>
      <c r="BM19" s="191">
        <v>387</v>
      </c>
      <c r="BN19" s="191">
        <v>113</v>
      </c>
      <c r="BO19" s="196">
        <v>3517</v>
      </c>
      <c r="BP19" s="195">
        <v>3520</v>
      </c>
      <c r="BQ19" s="190">
        <v>30</v>
      </c>
      <c r="BR19" s="191">
        <v>17</v>
      </c>
      <c r="BS19" s="196">
        <v>47</v>
      </c>
      <c r="BT19" s="193">
        <v>0</v>
      </c>
      <c r="BU19" s="191">
        <v>270</v>
      </c>
      <c r="BV19" s="191">
        <v>877</v>
      </c>
      <c r="BW19" s="191">
        <v>1396</v>
      </c>
      <c r="BX19" s="191">
        <v>991</v>
      </c>
      <c r="BY19" s="191">
        <v>578</v>
      </c>
      <c r="BZ19" s="196">
        <v>4112</v>
      </c>
      <c r="CA19" s="195">
        <v>4159</v>
      </c>
      <c r="CB19" s="190">
        <v>0</v>
      </c>
      <c r="CC19" s="191">
        <v>2</v>
      </c>
      <c r="CD19" s="196">
        <v>2</v>
      </c>
      <c r="CE19" s="193">
        <v>0</v>
      </c>
      <c r="CF19" s="191">
        <v>34</v>
      </c>
      <c r="CG19" s="191">
        <v>76</v>
      </c>
      <c r="CH19" s="191">
        <v>74</v>
      </c>
      <c r="CI19" s="191">
        <v>177</v>
      </c>
      <c r="CJ19" s="191">
        <v>50</v>
      </c>
      <c r="CK19" s="196">
        <v>411</v>
      </c>
      <c r="CL19" s="195">
        <v>413</v>
      </c>
      <c r="CM19" s="190">
        <v>0</v>
      </c>
      <c r="CN19" s="191">
        <v>0</v>
      </c>
      <c r="CO19" s="196">
        <v>0</v>
      </c>
      <c r="CP19" s="193">
        <v>0</v>
      </c>
      <c r="CQ19" s="191">
        <v>0</v>
      </c>
      <c r="CR19" s="191">
        <v>0</v>
      </c>
      <c r="CS19" s="191">
        <v>0</v>
      </c>
      <c r="CT19" s="191">
        <v>0</v>
      </c>
      <c r="CU19" s="191">
        <v>0</v>
      </c>
      <c r="CV19" s="196">
        <v>0</v>
      </c>
      <c r="CW19" s="195">
        <v>0</v>
      </c>
      <c r="CX19" s="190">
        <v>0</v>
      </c>
      <c r="CY19" s="191">
        <v>0</v>
      </c>
      <c r="CZ19" s="196">
        <v>0</v>
      </c>
      <c r="DA19" s="193">
        <v>0</v>
      </c>
      <c r="DB19" s="191">
        <v>0</v>
      </c>
      <c r="DC19" s="191">
        <v>0</v>
      </c>
      <c r="DD19" s="191">
        <v>0</v>
      </c>
      <c r="DE19" s="191">
        <v>0</v>
      </c>
      <c r="DF19" s="191">
        <v>0</v>
      </c>
      <c r="DG19" s="196">
        <v>0</v>
      </c>
      <c r="DH19" s="195">
        <v>0</v>
      </c>
    </row>
    <row r="20" spans="2:112" ht="21" customHeight="1" x14ac:dyDescent="0.2">
      <c r="B20" s="106" t="s">
        <v>18</v>
      </c>
      <c r="C20" s="190">
        <v>0</v>
      </c>
      <c r="D20" s="191">
        <v>0</v>
      </c>
      <c r="E20" s="192">
        <v>0</v>
      </c>
      <c r="F20" s="193">
        <v>0</v>
      </c>
      <c r="G20" s="191">
        <v>5291</v>
      </c>
      <c r="H20" s="191">
        <v>8659</v>
      </c>
      <c r="I20" s="191">
        <v>11127</v>
      </c>
      <c r="J20" s="191">
        <v>12609</v>
      </c>
      <c r="K20" s="191">
        <v>13126</v>
      </c>
      <c r="L20" s="194">
        <v>50812</v>
      </c>
      <c r="M20" s="195">
        <v>50812</v>
      </c>
      <c r="N20" s="190">
        <v>0</v>
      </c>
      <c r="O20" s="191">
        <v>0</v>
      </c>
      <c r="P20" s="196">
        <v>0</v>
      </c>
      <c r="Q20" s="193">
        <v>0</v>
      </c>
      <c r="R20" s="191">
        <v>12</v>
      </c>
      <c r="S20" s="191">
        <v>47</v>
      </c>
      <c r="T20" s="191">
        <v>51</v>
      </c>
      <c r="U20" s="191">
        <v>248</v>
      </c>
      <c r="V20" s="191">
        <v>401</v>
      </c>
      <c r="W20" s="196">
        <v>759</v>
      </c>
      <c r="X20" s="195">
        <v>759</v>
      </c>
      <c r="Y20" s="190">
        <v>407</v>
      </c>
      <c r="Z20" s="191">
        <v>863</v>
      </c>
      <c r="AA20" s="196">
        <v>1270</v>
      </c>
      <c r="AB20" s="193">
        <v>0</v>
      </c>
      <c r="AC20" s="191">
        <v>2965</v>
      </c>
      <c r="AD20" s="191">
        <v>4046</v>
      </c>
      <c r="AE20" s="191">
        <v>2690</v>
      </c>
      <c r="AF20" s="191">
        <v>2235</v>
      </c>
      <c r="AG20" s="191">
        <v>1609</v>
      </c>
      <c r="AH20" s="196">
        <v>13545</v>
      </c>
      <c r="AI20" s="195">
        <v>14815</v>
      </c>
      <c r="AJ20" s="190">
        <v>58</v>
      </c>
      <c r="AK20" s="191">
        <v>208</v>
      </c>
      <c r="AL20" s="196">
        <v>266</v>
      </c>
      <c r="AM20" s="193">
        <v>0</v>
      </c>
      <c r="AN20" s="191">
        <v>676</v>
      </c>
      <c r="AO20" s="191">
        <v>662</v>
      </c>
      <c r="AP20" s="191">
        <v>631</v>
      </c>
      <c r="AQ20" s="191">
        <v>362</v>
      </c>
      <c r="AR20" s="191">
        <v>211</v>
      </c>
      <c r="AS20" s="196">
        <v>2542</v>
      </c>
      <c r="AT20" s="195">
        <v>2808</v>
      </c>
      <c r="AU20" s="190">
        <v>0</v>
      </c>
      <c r="AV20" s="191">
        <v>0</v>
      </c>
      <c r="AW20" s="196">
        <v>0</v>
      </c>
      <c r="AX20" s="193">
        <v>0</v>
      </c>
      <c r="AY20" s="191">
        <v>5910</v>
      </c>
      <c r="AZ20" s="191">
        <v>5826</v>
      </c>
      <c r="BA20" s="191">
        <v>4489</v>
      </c>
      <c r="BB20" s="191">
        <v>2294</v>
      </c>
      <c r="BC20" s="191">
        <v>1204</v>
      </c>
      <c r="BD20" s="194">
        <v>19723</v>
      </c>
      <c r="BE20" s="195">
        <v>19723</v>
      </c>
      <c r="BF20" s="190">
        <v>0</v>
      </c>
      <c r="BG20" s="191">
        <v>0</v>
      </c>
      <c r="BH20" s="196">
        <v>0</v>
      </c>
      <c r="BI20" s="193">
        <v>0</v>
      </c>
      <c r="BJ20" s="191">
        <v>1364</v>
      </c>
      <c r="BK20" s="191">
        <v>1432</v>
      </c>
      <c r="BL20" s="191">
        <v>920</v>
      </c>
      <c r="BM20" s="191">
        <v>560</v>
      </c>
      <c r="BN20" s="191">
        <v>157</v>
      </c>
      <c r="BO20" s="196">
        <v>4433</v>
      </c>
      <c r="BP20" s="195">
        <v>4433</v>
      </c>
      <c r="BQ20" s="190">
        <v>8</v>
      </c>
      <c r="BR20" s="191">
        <v>38</v>
      </c>
      <c r="BS20" s="196">
        <v>46</v>
      </c>
      <c r="BT20" s="193">
        <v>0</v>
      </c>
      <c r="BU20" s="191">
        <v>475</v>
      </c>
      <c r="BV20" s="191">
        <v>807</v>
      </c>
      <c r="BW20" s="191">
        <v>1698</v>
      </c>
      <c r="BX20" s="191">
        <v>1501</v>
      </c>
      <c r="BY20" s="191">
        <v>630</v>
      </c>
      <c r="BZ20" s="196">
        <v>5111</v>
      </c>
      <c r="CA20" s="195">
        <v>5157</v>
      </c>
      <c r="CB20" s="190">
        <v>0</v>
      </c>
      <c r="CC20" s="191">
        <v>0</v>
      </c>
      <c r="CD20" s="196">
        <v>0</v>
      </c>
      <c r="CE20" s="193">
        <v>0</v>
      </c>
      <c r="CF20" s="191">
        <v>15</v>
      </c>
      <c r="CG20" s="191">
        <v>49</v>
      </c>
      <c r="CH20" s="191">
        <v>67</v>
      </c>
      <c r="CI20" s="191">
        <v>22</v>
      </c>
      <c r="CJ20" s="191">
        <v>0</v>
      </c>
      <c r="CK20" s="196">
        <v>153</v>
      </c>
      <c r="CL20" s="195">
        <v>153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0</v>
      </c>
      <c r="CT20" s="191">
        <v>0</v>
      </c>
      <c r="CU20" s="191">
        <v>0</v>
      </c>
      <c r="CV20" s="196">
        <v>0</v>
      </c>
      <c r="CW20" s="195">
        <v>0</v>
      </c>
      <c r="CX20" s="190">
        <v>0</v>
      </c>
      <c r="CY20" s="191">
        <v>0</v>
      </c>
      <c r="CZ20" s="196">
        <v>0</v>
      </c>
      <c r="DA20" s="193">
        <v>0</v>
      </c>
      <c r="DB20" s="191">
        <v>0</v>
      </c>
      <c r="DC20" s="191">
        <v>0</v>
      </c>
      <c r="DD20" s="191">
        <v>0</v>
      </c>
      <c r="DE20" s="191">
        <v>0</v>
      </c>
      <c r="DF20" s="191">
        <v>0</v>
      </c>
      <c r="DG20" s="196">
        <v>0</v>
      </c>
      <c r="DH20" s="195">
        <v>0</v>
      </c>
    </row>
    <row r="21" spans="2:112" ht="21" customHeight="1" x14ac:dyDescent="0.2">
      <c r="B21" s="106" t="s">
        <v>19</v>
      </c>
      <c r="C21" s="190">
        <v>0</v>
      </c>
      <c r="D21" s="191">
        <v>0</v>
      </c>
      <c r="E21" s="192">
        <v>0</v>
      </c>
      <c r="F21" s="193">
        <v>0</v>
      </c>
      <c r="G21" s="191">
        <v>2222</v>
      </c>
      <c r="H21" s="191">
        <v>2875</v>
      </c>
      <c r="I21" s="191">
        <v>3816</v>
      </c>
      <c r="J21" s="191">
        <v>3823</v>
      </c>
      <c r="K21" s="191">
        <v>2936</v>
      </c>
      <c r="L21" s="194">
        <v>15672</v>
      </c>
      <c r="M21" s="195">
        <v>15672</v>
      </c>
      <c r="N21" s="190">
        <v>0</v>
      </c>
      <c r="O21" s="191">
        <v>0</v>
      </c>
      <c r="P21" s="196">
        <v>0</v>
      </c>
      <c r="Q21" s="193">
        <v>0</v>
      </c>
      <c r="R21" s="191">
        <v>14</v>
      </c>
      <c r="S21" s="191">
        <v>12</v>
      </c>
      <c r="T21" s="191">
        <v>65</v>
      </c>
      <c r="U21" s="191">
        <v>81</v>
      </c>
      <c r="V21" s="191">
        <v>130</v>
      </c>
      <c r="W21" s="196">
        <v>302</v>
      </c>
      <c r="X21" s="195">
        <v>302</v>
      </c>
      <c r="Y21" s="190">
        <v>183</v>
      </c>
      <c r="Z21" s="191">
        <v>351</v>
      </c>
      <c r="AA21" s="196">
        <v>534</v>
      </c>
      <c r="AB21" s="193">
        <v>0</v>
      </c>
      <c r="AC21" s="191">
        <v>1761</v>
      </c>
      <c r="AD21" s="191">
        <v>1258</v>
      </c>
      <c r="AE21" s="191">
        <v>1057</v>
      </c>
      <c r="AF21" s="191">
        <v>744</v>
      </c>
      <c r="AG21" s="191">
        <v>653</v>
      </c>
      <c r="AH21" s="196">
        <v>5473</v>
      </c>
      <c r="AI21" s="195">
        <v>6007</v>
      </c>
      <c r="AJ21" s="190">
        <v>47</v>
      </c>
      <c r="AK21" s="191">
        <v>85</v>
      </c>
      <c r="AL21" s="196">
        <v>132</v>
      </c>
      <c r="AM21" s="193">
        <v>0</v>
      </c>
      <c r="AN21" s="191">
        <v>223</v>
      </c>
      <c r="AO21" s="191">
        <v>89</v>
      </c>
      <c r="AP21" s="191">
        <v>204</v>
      </c>
      <c r="AQ21" s="191">
        <v>118</v>
      </c>
      <c r="AR21" s="191">
        <v>28</v>
      </c>
      <c r="AS21" s="196">
        <v>662</v>
      </c>
      <c r="AT21" s="195">
        <v>794</v>
      </c>
      <c r="AU21" s="190">
        <v>0</v>
      </c>
      <c r="AV21" s="191">
        <v>0</v>
      </c>
      <c r="AW21" s="196">
        <v>0</v>
      </c>
      <c r="AX21" s="193">
        <v>0</v>
      </c>
      <c r="AY21" s="191">
        <v>2172</v>
      </c>
      <c r="AZ21" s="191">
        <v>2125</v>
      </c>
      <c r="BA21" s="191">
        <v>1334</v>
      </c>
      <c r="BB21" s="191">
        <v>596</v>
      </c>
      <c r="BC21" s="191">
        <v>612</v>
      </c>
      <c r="BD21" s="194">
        <v>6839</v>
      </c>
      <c r="BE21" s="195">
        <v>6839</v>
      </c>
      <c r="BF21" s="190">
        <v>0</v>
      </c>
      <c r="BG21" s="191">
        <v>0</v>
      </c>
      <c r="BH21" s="196">
        <v>0</v>
      </c>
      <c r="BI21" s="193">
        <v>0</v>
      </c>
      <c r="BJ21" s="191">
        <v>909</v>
      </c>
      <c r="BK21" s="191">
        <v>785</v>
      </c>
      <c r="BL21" s="191">
        <v>453</v>
      </c>
      <c r="BM21" s="191">
        <v>243</v>
      </c>
      <c r="BN21" s="191">
        <v>65</v>
      </c>
      <c r="BO21" s="196">
        <v>2455</v>
      </c>
      <c r="BP21" s="195">
        <v>2455</v>
      </c>
      <c r="BQ21" s="190">
        <v>3</v>
      </c>
      <c r="BR21" s="191">
        <v>22</v>
      </c>
      <c r="BS21" s="196">
        <v>25</v>
      </c>
      <c r="BT21" s="193">
        <v>0</v>
      </c>
      <c r="BU21" s="191">
        <v>238</v>
      </c>
      <c r="BV21" s="191">
        <v>275</v>
      </c>
      <c r="BW21" s="191">
        <v>583</v>
      </c>
      <c r="BX21" s="191">
        <v>207</v>
      </c>
      <c r="BY21" s="191">
        <v>178</v>
      </c>
      <c r="BZ21" s="196">
        <v>1481</v>
      </c>
      <c r="CA21" s="195">
        <v>1506</v>
      </c>
      <c r="CB21" s="190">
        <v>0</v>
      </c>
      <c r="CC21" s="191">
        <v>0</v>
      </c>
      <c r="CD21" s="196">
        <v>0</v>
      </c>
      <c r="CE21" s="193">
        <v>0</v>
      </c>
      <c r="CF21" s="191">
        <v>24</v>
      </c>
      <c r="CG21" s="191">
        <v>36</v>
      </c>
      <c r="CH21" s="191">
        <v>84</v>
      </c>
      <c r="CI21" s="191">
        <v>84</v>
      </c>
      <c r="CJ21" s="191">
        <v>27</v>
      </c>
      <c r="CK21" s="196">
        <v>255</v>
      </c>
      <c r="CL21" s="195">
        <v>255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0</v>
      </c>
      <c r="CT21" s="191">
        <v>0</v>
      </c>
      <c r="CU21" s="191">
        <v>0</v>
      </c>
      <c r="CV21" s="196">
        <v>0</v>
      </c>
      <c r="CW21" s="195">
        <v>0</v>
      </c>
      <c r="CX21" s="190">
        <v>0</v>
      </c>
      <c r="CY21" s="191">
        <v>0</v>
      </c>
      <c r="CZ21" s="196">
        <v>0</v>
      </c>
      <c r="DA21" s="193">
        <v>0</v>
      </c>
      <c r="DB21" s="191">
        <v>0</v>
      </c>
      <c r="DC21" s="191">
        <v>0</v>
      </c>
      <c r="DD21" s="191">
        <v>0</v>
      </c>
      <c r="DE21" s="191">
        <v>0</v>
      </c>
      <c r="DF21" s="191">
        <v>0</v>
      </c>
      <c r="DG21" s="196">
        <v>0</v>
      </c>
      <c r="DH21" s="195">
        <v>0</v>
      </c>
    </row>
    <row r="22" spans="2:112" ht="21" customHeight="1" x14ac:dyDescent="0.2">
      <c r="B22" s="106" t="s">
        <v>20</v>
      </c>
      <c r="C22" s="190">
        <v>0</v>
      </c>
      <c r="D22" s="191">
        <v>0</v>
      </c>
      <c r="E22" s="192">
        <v>0</v>
      </c>
      <c r="F22" s="193">
        <v>0</v>
      </c>
      <c r="G22" s="191">
        <v>3507</v>
      </c>
      <c r="H22" s="191">
        <v>4440</v>
      </c>
      <c r="I22" s="191">
        <v>5290</v>
      </c>
      <c r="J22" s="191">
        <v>5854</v>
      </c>
      <c r="K22" s="191">
        <v>5763</v>
      </c>
      <c r="L22" s="194">
        <v>24854</v>
      </c>
      <c r="M22" s="195">
        <v>24854</v>
      </c>
      <c r="N22" s="190">
        <v>0</v>
      </c>
      <c r="O22" s="191">
        <v>0</v>
      </c>
      <c r="P22" s="196">
        <v>0</v>
      </c>
      <c r="Q22" s="193">
        <v>0</v>
      </c>
      <c r="R22" s="191">
        <v>9</v>
      </c>
      <c r="S22" s="191">
        <v>22</v>
      </c>
      <c r="T22" s="191">
        <v>50</v>
      </c>
      <c r="U22" s="191">
        <v>123</v>
      </c>
      <c r="V22" s="191">
        <v>162</v>
      </c>
      <c r="W22" s="196">
        <v>366</v>
      </c>
      <c r="X22" s="195">
        <v>366</v>
      </c>
      <c r="Y22" s="190">
        <v>318</v>
      </c>
      <c r="Z22" s="191">
        <v>879</v>
      </c>
      <c r="AA22" s="196">
        <v>1197</v>
      </c>
      <c r="AB22" s="193">
        <v>0</v>
      </c>
      <c r="AC22" s="191">
        <v>2667</v>
      </c>
      <c r="AD22" s="191">
        <v>2159</v>
      </c>
      <c r="AE22" s="191">
        <v>1390</v>
      </c>
      <c r="AF22" s="191">
        <v>1196</v>
      </c>
      <c r="AG22" s="191">
        <v>726</v>
      </c>
      <c r="AH22" s="196">
        <v>8138</v>
      </c>
      <c r="AI22" s="195">
        <v>9335</v>
      </c>
      <c r="AJ22" s="190">
        <v>118</v>
      </c>
      <c r="AK22" s="191">
        <v>390</v>
      </c>
      <c r="AL22" s="196">
        <v>508</v>
      </c>
      <c r="AM22" s="193">
        <v>0</v>
      </c>
      <c r="AN22" s="191">
        <v>796</v>
      </c>
      <c r="AO22" s="191">
        <v>651</v>
      </c>
      <c r="AP22" s="191">
        <v>575</v>
      </c>
      <c r="AQ22" s="191">
        <v>473</v>
      </c>
      <c r="AR22" s="191">
        <v>109</v>
      </c>
      <c r="AS22" s="196">
        <v>2604</v>
      </c>
      <c r="AT22" s="195">
        <v>3112</v>
      </c>
      <c r="AU22" s="190">
        <v>0</v>
      </c>
      <c r="AV22" s="191">
        <v>0</v>
      </c>
      <c r="AW22" s="196">
        <v>0</v>
      </c>
      <c r="AX22" s="193">
        <v>0</v>
      </c>
      <c r="AY22" s="191">
        <v>3143</v>
      </c>
      <c r="AZ22" s="191">
        <v>2325</v>
      </c>
      <c r="BA22" s="191">
        <v>1705</v>
      </c>
      <c r="BB22" s="191">
        <v>1021</v>
      </c>
      <c r="BC22" s="191">
        <v>314</v>
      </c>
      <c r="BD22" s="194">
        <v>8508</v>
      </c>
      <c r="BE22" s="195">
        <v>8508</v>
      </c>
      <c r="BF22" s="190">
        <v>0</v>
      </c>
      <c r="BG22" s="191">
        <v>0</v>
      </c>
      <c r="BH22" s="196">
        <v>0</v>
      </c>
      <c r="BI22" s="193">
        <v>0</v>
      </c>
      <c r="BJ22" s="191">
        <v>897</v>
      </c>
      <c r="BK22" s="191">
        <v>696</v>
      </c>
      <c r="BL22" s="191">
        <v>325</v>
      </c>
      <c r="BM22" s="191">
        <v>307</v>
      </c>
      <c r="BN22" s="191">
        <v>114</v>
      </c>
      <c r="BO22" s="196">
        <v>2339</v>
      </c>
      <c r="BP22" s="195">
        <v>2339</v>
      </c>
      <c r="BQ22" s="190">
        <v>0</v>
      </c>
      <c r="BR22" s="191">
        <v>6</v>
      </c>
      <c r="BS22" s="196">
        <v>6</v>
      </c>
      <c r="BT22" s="193">
        <v>0</v>
      </c>
      <c r="BU22" s="191">
        <v>348</v>
      </c>
      <c r="BV22" s="191">
        <v>441</v>
      </c>
      <c r="BW22" s="191">
        <v>1064</v>
      </c>
      <c r="BX22" s="191">
        <v>593</v>
      </c>
      <c r="BY22" s="191">
        <v>365</v>
      </c>
      <c r="BZ22" s="196">
        <v>2811</v>
      </c>
      <c r="CA22" s="195">
        <v>2817</v>
      </c>
      <c r="CB22" s="190">
        <v>0</v>
      </c>
      <c r="CC22" s="191">
        <v>0</v>
      </c>
      <c r="CD22" s="196">
        <v>0</v>
      </c>
      <c r="CE22" s="193">
        <v>0</v>
      </c>
      <c r="CF22" s="191">
        <v>66</v>
      </c>
      <c r="CG22" s="191">
        <v>7</v>
      </c>
      <c r="CH22" s="191">
        <v>42</v>
      </c>
      <c r="CI22" s="191">
        <v>38</v>
      </c>
      <c r="CJ22" s="191">
        <v>46</v>
      </c>
      <c r="CK22" s="196">
        <v>199</v>
      </c>
      <c r="CL22" s="195">
        <v>199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  <c r="CX22" s="190">
        <v>0</v>
      </c>
      <c r="CY22" s="191">
        <v>0</v>
      </c>
      <c r="CZ22" s="196">
        <v>0</v>
      </c>
      <c r="DA22" s="193">
        <v>0</v>
      </c>
      <c r="DB22" s="191">
        <v>0</v>
      </c>
      <c r="DC22" s="191">
        <v>0</v>
      </c>
      <c r="DD22" s="191">
        <v>0</v>
      </c>
      <c r="DE22" s="191">
        <v>0</v>
      </c>
      <c r="DF22" s="191">
        <v>0</v>
      </c>
      <c r="DG22" s="196">
        <v>0</v>
      </c>
      <c r="DH22" s="195">
        <v>0</v>
      </c>
    </row>
    <row r="23" spans="2:112" ht="21" customHeight="1" x14ac:dyDescent="0.2">
      <c r="B23" s="106" t="s">
        <v>21</v>
      </c>
      <c r="C23" s="190">
        <v>0</v>
      </c>
      <c r="D23" s="191">
        <v>0</v>
      </c>
      <c r="E23" s="192">
        <v>0</v>
      </c>
      <c r="F23" s="193">
        <v>0</v>
      </c>
      <c r="G23" s="191">
        <v>3372</v>
      </c>
      <c r="H23" s="191">
        <v>6622</v>
      </c>
      <c r="I23" s="191">
        <v>7563</v>
      </c>
      <c r="J23" s="191">
        <v>7415</v>
      </c>
      <c r="K23" s="191">
        <v>7882</v>
      </c>
      <c r="L23" s="194">
        <v>32854</v>
      </c>
      <c r="M23" s="195">
        <v>32854</v>
      </c>
      <c r="N23" s="190">
        <v>0</v>
      </c>
      <c r="O23" s="191">
        <v>0</v>
      </c>
      <c r="P23" s="196">
        <v>0</v>
      </c>
      <c r="Q23" s="193">
        <v>0</v>
      </c>
      <c r="R23" s="191">
        <v>3</v>
      </c>
      <c r="S23" s="191">
        <v>17</v>
      </c>
      <c r="T23" s="191">
        <v>49</v>
      </c>
      <c r="U23" s="191">
        <v>125</v>
      </c>
      <c r="V23" s="191">
        <v>213</v>
      </c>
      <c r="W23" s="196">
        <v>407</v>
      </c>
      <c r="X23" s="195">
        <v>407</v>
      </c>
      <c r="Y23" s="190">
        <v>400</v>
      </c>
      <c r="Z23" s="191">
        <v>819</v>
      </c>
      <c r="AA23" s="196">
        <v>1219</v>
      </c>
      <c r="AB23" s="193">
        <v>0</v>
      </c>
      <c r="AC23" s="191">
        <v>1995</v>
      </c>
      <c r="AD23" s="191">
        <v>2728</v>
      </c>
      <c r="AE23" s="191">
        <v>2037</v>
      </c>
      <c r="AF23" s="191">
        <v>1487</v>
      </c>
      <c r="AG23" s="191">
        <v>980</v>
      </c>
      <c r="AH23" s="196">
        <v>9227</v>
      </c>
      <c r="AI23" s="195">
        <v>10446</v>
      </c>
      <c r="AJ23" s="190">
        <v>188</v>
      </c>
      <c r="AK23" s="191">
        <v>391</v>
      </c>
      <c r="AL23" s="196">
        <v>579</v>
      </c>
      <c r="AM23" s="193">
        <v>0</v>
      </c>
      <c r="AN23" s="191">
        <v>267</v>
      </c>
      <c r="AO23" s="191">
        <v>555</v>
      </c>
      <c r="AP23" s="191">
        <v>319</v>
      </c>
      <c r="AQ23" s="191">
        <v>87</v>
      </c>
      <c r="AR23" s="191">
        <v>66</v>
      </c>
      <c r="AS23" s="196">
        <v>1294</v>
      </c>
      <c r="AT23" s="195">
        <v>1873</v>
      </c>
      <c r="AU23" s="190">
        <v>0</v>
      </c>
      <c r="AV23" s="191">
        <v>0</v>
      </c>
      <c r="AW23" s="196">
        <v>0</v>
      </c>
      <c r="AX23" s="193">
        <v>0</v>
      </c>
      <c r="AY23" s="191">
        <v>3094</v>
      </c>
      <c r="AZ23" s="191">
        <v>3278</v>
      </c>
      <c r="BA23" s="191">
        <v>2340</v>
      </c>
      <c r="BB23" s="191">
        <v>1083</v>
      </c>
      <c r="BC23" s="191">
        <v>501</v>
      </c>
      <c r="BD23" s="194">
        <v>10296</v>
      </c>
      <c r="BE23" s="195">
        <v>10296</v>
      </c>
      <c r="BF23" s="190">
        <v>0</v>
      </c>
      <c r="BG23" s="191">
        <v>0</v>
      </c>
      <c r="BH23" s="196">
        <v>0</v>
      </c>
      <c r="BI23" s="193">
        <v>0</v>
      </c>
      <c r="BJ23" s="191">
        <v>452</v>
      </c>
      <c r="BK23" s="191">
        <v>471</v>
      </c>
      <c r="BL23" s="191">
        <v>263</v>
      </c>
      <c r="BM23" s="191">
        <v>139</v>
      </c>
      <c r="BN23" s="191">
        <v>57</v>
      </c>
      <c r="BO23" s="196">
        <v>1382</v>
      </c>
      <c r="BP23" s="195">
        <v>1382</v>
      </c>
      <c r="BQ23" s="190">
        <v>3</v>
      </c>
      <c r="BR23" s="191">
        <v>58</v>
      </c>
      <c r="BS23" s="196">
        <v>61</v>
      </c>
      <c r="BT23" s="193">
        <v>0</v>
      </c>
      <c r="BU23" s="191">
        <v>186</v>
      </c>
      <c r="BV23" s="191">
        <v>493</v>
      </c>
      <c r="BW23" s="191">
        <v>899</v>
      </c>
      <c r="BX23" s="191">
        <v>591</v>
      </c>
      <c r="BY23" s="191">
        <v>607</v>
      </c>
      <c r="BZ23" s="196">
        <v>2776</v>
      </c>
      <c r="CA23" s="195">
        <v>2837</v>
      </c>
      <c r="CB23" s="190">
        <v>0</v>
      </c>
      <c r="CC23" s="191">
        <v>12</v>
      </c>
      <c r="CD23" s="196">
        <v>12</v>
      </c>
      <c r="CE23" s="193">
        <v>0</v>
      </c>
      <c r="CF23" s="191">
        <v>4</v>
      </c>
      <c r="CG23" s="191">
        <v>26</v>
      </c>
      <c r="CH23" s="191">
        <v>49</v>
      </c>
      <c r="CI23" s="191">
        <v>22</v>
      </c>
      <c r="CJ23" s="191">
        <v>29</v>
      </c>
      <c r="CK23" s="196">
        <v>130</v>
      </c>
      <c r="CL23" s="195">
        <v>142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  <c r="CX23" s="190">
        <v>0</v>
      </c>
      <c r="CY23" s="191">
        <v>0</v>
      </c>
      <c r="CZ23" s="196">
        <v>0</v>
      </c>
      <c r="DA23" s="193">
        <v>0</v>
      </c>
      <c r="DB23" s="191">
        <v>0</v>
      </c>
      <c r="DC23" s="191">
        <v>0</v>
      </c>
      <c r="DD23" s="191">
        <v>0</v>
      </c>
      <c r="DE23" s="191">
        <v>0</v>
      </c>
      <c r="DF23" s="191">
        <v>0</v>
      </c>
      <c r="DG23" s="196">
        <v>0</v>
      </c>
      <c r="DH23" s="195">
        <v>0</v>
      </c>
    </row>
    <row r="24" spans="2:112" ht="21" customHeight="1" x14ac:dyDescent="0.2">
      <c r="B24" s="106" t="s">
        <v>22</v>
      </c>
      <c r="C24" s="190">
        <v>0</v>
      </c>
      <c r="D24" s="191">
        <v>0</v>
      </c>
      <c r="E24" s="192">
        <v>0</v>
      </c>
      <c r="F24" s="193">
        <v>0</v>
      </c>
      <c r="G24" s="191">
        <v>692</v>
      </c>
      <c r="H24" s="191">
        <v>1475</v>
      </c>
      <c r="I24" s="191">
        <v>1037</v>
      </c>
      <c r="J24" s="191">
        <v>1988</v>
      </c>
      <c r="K24" s="191">
        <v>1568</v>
      </c>
      <c r="L24" s="194">
        <v>6760</v>
      </c>
      <c r="M24" s="195">
        <v>6760</v>
      </c>
      <c r="N24" s="190">
        <v>0</v>
      </c>
      <c r="O24" s="191">
        <v>0</v>
      </c>
      <c r="P24" s="196">
        <v>0</v>
      </c>
      <c r="Q24" s="193">
        <v>0</v>
      </c>
      <c r="R24" s="191">
        <v>10</v>
      </c>
      <c r="S24" s="191">
        <v>9</v>
      </c>
      <c r="T24" s="191">
        <v>16</v>
      </c>
      <c r="U24" s="191">
        <v>34</v>
      </c>
      <c r="V24" s="191">
        <v>111</v>
      </c>
      <c r="W24" s="196">
        <v>180</v>
      </c>
      <c r="X24" s="195">
        <v>180</v>
      </c>
      <c r="Y24" s="190">
        <v>28</v>
      </c>
      <c r="Z24" s="191">
        <v>75</v>
      </c>
      <c r="AA24" s="196">
        <v>103</v>
      </c>
      <c r="AB24" s="193">
        <v>0</v>
      </c>
      <c r="AC24" s="191">
        <v>419</v>
      </c>
      <c r="AD24" s="191">
        <v>682</v>
      </c>
      <c r="AE24" s="191">
        <v>248</v>
      </c>
      <c r="AF24" s="191">
        <v>395</v>
      </c>
      <c r="AG24" s="191">
        <v>388</v>
      </c>
      <c r="AH24" s="196">
        <v>2132</v>
      </c>
      <c r="AI24" s="195">
        <v>2235</v>
      </c>
      <c r="AJ24" s="190">
        <v>12</v>
      </c>
      <c r="AK24" s="191">
        <v>8</v>
      </c>
      <c r="AL24" s="196">
        <v>20</v>
      </c>
      <c r="AM24" s="193">
        <v>0</v>
      </c>
      <c r="AN24" s="191">
        <v>157</v>
      </c>
      <c r="AO24" s="191">
        <v>105</v>
      </c>
      <c r="AP24" s="191">
        <v>33</v>
      </c>
      <c r="AQ24" s="191">
        <v>69</v>
      </c>
      <c r="AR24" s="191">
        <v>0</v>
      </c>
      <c r="AS24" s="196">
        <v>364</v>
      </c>
      <c r="AT24" s="195">
        <v>384</v>
      </c>
      <c r="AU24" s="190">
        <v>0</v>
      </c>
      <c r="AV24" s="191">
        <v>0</v>
      </c>
      <c r="AW24" s="196">
        <v>0</v>
      </c>
      <c r="AX24" s="193">
        <v>0</v>
      </c>
      <c r="AY24" s="191">
        <v>873</v>
      </c>
      <c r="AZ24" s="191">
        <v>1196</v>
      </c>
      <c r="BA24" s="191">
        <v>801</v>
      </c>
      <c r="BB24" s="191">
        <v>379</v>
      </c>
      <c r="BC24" s="191">
        <v>128</v>
      </c>
      <c r="BD24" s="194">
        <v>3377</v>
      </c>
      <c r="BE24" s="195">
        <v>3377</v>
      </c>
      <c r="BF24" s="190">
        <v>0</v>
      </c>
      <c r="BG24" s="191">
        <v>0</v>
      </c>
      <c r="BH24" s="196">
        <v>0</v>
      </c>
      <c r="BI24" s="193">
        <v>0</v>
      </c>
      <c r="BJ24" s="191">
        <v>234</v>
      </c>
      <c r="BK24" s="191">
        <v>250</v>
      </c>
      <c r="BL24" s="191">
        <v>77</v>
      </c>
      <c r="BM24" s="191">
        <v>108</v>
      </c>
      <c r="BN24" s="191">
        <v>41</v>
      </c>
      <c r="BO24" s="196">
        <v>710</v>
      </c>
      <c r="BP24" s="195">
        <v>710</v>
      </c>
      <c r="BQ24" s="190">
        <v>0</v>
      </c>
      <c r="BR24" s="191">
        <v>0</v>
      </c>
      <c r="BS24" s="196">
        <v>0</v>
      </c>
      <c r="BT24" s="193">
        <v>0</v>
      </c>
      <c r="BU24" s="191">
        <v>37</v>
      </c>
      <c r="BV24" s="191">
        <v>128</v>
      </c>
      <c r="BW24" s="191">
        <v>408</v>
      </c>
      <c r="BX24" s="191">
        <v>214</v>
      </c>
      <c r="BY24" s="191">
        <v>60</v>
      </c>
      <c r="BZ24" s="196">
        <v>847</v>
      </c>
      <c r="CA24" s="195">
        <v>847</v>
      </c>
      <c r="CB24" s="190">
        <v>0</v>
      </c>
      <c r="CC24" s="191">
        <v>0</v>
      </c>
      <c r="CD24" s="196">
        <v>0</v>
      </c>
      <c r="CE24" s="193">
        <v>0</v>
      </c>
      <c r="CF24" s="191">
        <v>10</v>
      </c>
      <c r="CG24" s="191">
        <v>0</v>
      </c>
      <c r="CH24" s="191">
        <v>4</v>
      </c>
      <c r="CI24" s="191">
        <v>21</v>
      </c>
      <c r="CJ24" s="191">
        <v>8</v>
      </c>
      <c r="CK24" s="196">
        <v>43</v>
      </c>
      <c r="CL24" s="195">
        <v>43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  <c r="CX24" s="190">
        <v>0</v>
      </c>
      <c r="CY24" s="191">
        <v>0</v>
      </c>
      <c r="CZ24" s="196">
        <v>0</v>
      </c>
      <c r="DA24" s="193">
        <v>0</v>
      </c>
      <c r="DB24" s="191">
        <v>0</v>
      </c>
      <c r="DC24" s="191">
        <v>0</v>
      </c>
      <c r="DD24" s="191">
        <v>0</v>
      </c>
      <c r="DE24" s="191">
        <v>0</v>
      </c>
      <c r="DF24" s="191">
        <v>0</v>
      </c>
      <c r="DG24" s="196">
        <v>0</v>
      </c>
      <c r="DH24" s="195">
        <v>0</v>
      </c>
    </row>
    <row r="25" spans="2:112" ht="21" customHeight="1" x14ac:dyDescent="0.2">
      <c r="B25" s="106" t="s">
        <v>23</v>
      </c>
      <c r="C25" s="190">
        <v>0</v>
      </c>
      <c r="D25" s="191">
        <v>0</v>
      </c>
      <c r="E25" s="192">
        <v>0</v>
      </c>
      <c r="F25" s="193">
        <v>0</v>
      </c>
      <c r="G25" s="191">
        <v>1823</v>
      </c>
      <c r="H25" s="191">
        <v>2504</v>
      </c>
      <c r="I25" s="191">
        <v>2400</v>
      </c>
      <c r="J25" s="191">
        <v>3509</v>
      </c>
      <c r="K25" s="191">
        <v>3231</v>
      </c>
      <c r="L25" s="194">
        <v>13467</v>
      </c>
      <c r="M25" s="195">
        <v>13467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27</v>
      </c>
      <c r="T25" s="191">
        <v>31</v>
      </c>
      <c r="U25" s="191">
        <v>91</v>
      </c>
      <c r="V25" s="191">
        <v>142</v>
      </c>
      <c r="W25" s="196">
        <v>291</v>
      </c>
      <c r="X25" s="195">
        <v>291</v>
      </c>
      <c r="Y25" s="190">
        <v>264</v>
      </c>
      <c r="Z25" s="191">
        <v>733</v>
      </c>
      <c r="AA25" s="196">
        <v>997</v>
      </c>
      <c r="AB25" s="193">
        <v>0</v>
      </c>
      <c r="AC25" s="191">
        <v>969</v>
      </c>
      <c r="AD25" s="191">
        <v>1944</v>
      </c>
      <c r="AE25" s="191">
        <v>989</v>
      </c>
      <c r="AF25" s="191">
        <v>923</v>
      </c>
      <c r="AG25" s="191">
        <v>634</v>
      </c>
      <c r="AH25" s="196">
        <v>5459</v>
      </c>
      <c r="AI25" s="195">
        <v>6456</v>
      </c>
      <c r="AJ25" s="190">
        <v>24</v>
      </c>
      <c r="AK25" s="191">
        <v>137</v>
      </c>
      <c r="AL25" s="196">
        <v>161</v>
      </c>
      <c r="AM25" s="193">
        <v>0</v>
      </c>
      <c r="AN25" s="191">
        <v>168</v>
      </c>
      <c r="AO25" s="191">
        <v>234</v>
      </c>
      <c r="AP25" s="191">
        <v>148</v>
      </c>
      <c r="AQ25" s="191">
        <v>116</v>
      </c>
      <c r="AR25" s="191">
        <v>43</v>
      </c>
      <c r="AS25" s="196">
        <v>709</v>
      </c>
      <c r="AT25" s="195">
        <v>870</v>
      </c>
      <c r="AU25" s="190">
        <v>0</v>
      </c>
      <c r="AV25" s="191">
        <v>0</v>
      </c>
      <c r="AW25" s="196">
        <v>0</v>
      </c>
      <c r="AX25" s="193">
        <v>0</v>
      </c>
      <c r="AY25" s="191">
        <v>2408</v>
      </c>
      <c r="AZ25" s="191">
        <v>2555</v>
      </c>
      <c r="BA25" s="191">
        <v>1501</v>
      </c>
      <c r="BB25" s="191">
        <v>833</v>
      </c>
      <c r="BC25" s="191">
        <v>313</v>
      </c>
      <c r="BD25" s="194">
        <v>7610</v>
      </c>
      <c r="BE25" s="195">
        <v>7610</v>
      </c>
      <c r="BF25" s="190">
        <v>0</v>
      </c>
      <c r="BG25" s="191">
        <v>0</v>
      </c>
      <c r="BH25" s="196">
        <v>0</v>
      </c>
      <c r="BI25" s="193">
        <v>0</v>
      </c>
      <c r="BJ25" s="191">
        <v>231</v>
      </c>
      <c r="BK25" s="191">
        <v>318</v>
      </c>
      <c r="BL25" s="191">
        <v>206</v>
      </c>
      <c r="BM25" s="191">
        <v>120</v>
      </c>
      <c r="BN25" s="191">
        <v>32</v>
      </c>
      <c r="BO25" s="196">
        <v>907</v>
      </c>
      <c r="BP25" s="195">
        <v>907</v>
      </c>
      <c r="BQ25" s="190">
        <v>7</v>
      </c>
      <c r="BR25" s="191">
        <v>2</v>
      </c>
      <c r="BS25" s="196">
        <v>9</v>
      </c>
      <c r="BT25" s="193">
        <v>0</v>
      </c>
      <c r="BU25" s="191">
        <v>248</v>
      </c>
      <c r="BV25" s="191">
        <v>357</v>
      </c>
      <c r="BW25" s="191">
        <v>645</v>
      </c>
      <c r="BX25" s="191">
        <v>620</v>
      </c>
      <c r="BY25" s="191">
        <v>178</v>
      </c>
      <c r="BZ25" s="196">
        <v>2048</v>
      </c>
      <c r="CA25" s="195">
        <v>2057</v>
      </c>
      <c r="CB25" s="190">
        <v>0</v>
      </c>
      <c r="CC25" s="191">
        <v>0</v>
      </c>
      <c r="CD25" s="196">
        <v>0</v>
      </c>
      <c r="CE25" s="193">
        <v>0</v>
      </c>
      <c r="CF25" s="191">
        <v>8</v>
      </c>
      <c r="CG25" s="191">
        <v>12</v>
      </c>
      <c r="CH25" s="191">
        <v>0</v>
      </c>
      <c r="CI25" s="191">
        <v>15</v>
      </c>
      <c r="CJ25" s="191">
        <v>27</v>
      </c>
      <c r="CK25" s="196">
        <v>62</v>
      </c>
      <c r="CL25" s="195">
        <v>62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0</v>
      </c>
      <c r="CS25" s="191">
        <v>0</v>
      </c>
      <c r="CT25" s="191">
        <v>0</v>
      </c>
      <c r="CU25" s="191">
        <v>0</v>
      </c>
      <c r="CV25" s="196">
        <v>0</v>
      </c>
      <c r="CW25" s="195">
        <v>0</v>
      </c>
      <c r="CX25" s="190">
        <v>0</v>
      </c>
      <c r="CY25" s="191">
        <v>0</v>
      </c>
      <c r="CZ25" s="196">
        <v>0</v>
      </c>
      <c r="DA25" s="193">
        <v>0</v>
      </c>
      <c r="DB25" s="191">
        <v>0</v>
      </c>
      <c r="DC25" s="191">
        <v>0</v>
      </c>
      <c r="DD25" s="191">
        <v>0</v>
      </c>
      <c r="DE25" s="191">
        <v>0</v>
      </c>
      <c r="DF25" s="191">
        <v>0</v>
      </c>
      <c r="DG25" s="196">
        <v>0</v>
      </c>
      <c r="DH25" s="195">
        <v>0</v>
      </c>
    </row>
    <row r="26" spans="2:112" ht="21" customHeight="1" x14ac:dyDescent="0.2">
      <c r="B26" s="106" t="s">
        <v>24</v>
      </c>
      <c r="C26" s="190">
        <v>0</v>
      </c>
      <c r="D26" s="191">
        <v>0</v>
      </c>
      <c r="E26" s="192">
        <v>0</v>
      </c>
      <c r="F26" s="193">
        <v>0</v>
      </c>
      <c r="G26" s="191">
        <v>867</v>
      </c>
      <c r="H26" s="191">
        <v>1162</v>
      </c>
      <c r="I26" s="191">
        <v>1148</v>
      </c>
      <c r="J26" s="191">
        <v>2272</v>
      </c>
      <c r="K26" s="191">
        <v>2291</v>
      </c>
      <c r="L26" s="194">
        <v>7740</v>
      </c>
      <c r="M26" s="195">
        <v>7740</v>
      </c>
      <c r="N26" s="190">
        <v>0</v>
      </c>
      <c r="O26" s="191">
        <v>0</v>
      </c>
      <c r="P26" s="196">
        <v>0</v>
      </c>
      <c r="Q26" s="193">
        <v>0</v>
      </c>
      <c r="R26" s="191">
        <v>4</v>
      </c>
      <c r="S26" s="191">
        <v>10</v>
      </c>
      <c r="T26" s="191">
        <v>13</v>
      </c>
      <c r="U26" s="191">
        <v>42</v>
      </c>
      <c r="V26" s="191">
        <v>112</v>
      </c>
      <c r="W26" s="196">
        <v>181</v>
      </c>
      <c r="X26" s="195">
        <v>181</v>
      </c>
      <c r="Y26" s="190">
        <v>91</v>
      </c>
      <c r="Z26" s="191">
        <v>203</v>
      </c>
      <c r="AA26" s="196">
        <v>294</v>
      </c>
      <c r="AB26" s="193">
        <v>0</v>
      </c>
      <c r="AC26" s="191">
        <v>561</v>
      </c>
      <c r="AD26" s="191">
        <v>648</v>
      </c>
      <c r="AE26" s="191">
        <v>480</v>
      </c>
      <c r="AF26" s="191">
        <v>442</v>
      </c>
      <c r="AG26" s="191">
        <v>362</v>
      </c>
      <c r="AH26" s="196">
        <v>2493</v>
      </c>
      <c r="AI26" s="195">
        <v>2787</v>
      </c>
      <c r="AJ26" s="190">
        <v>0</v>
      </c>
      <c r="AK26" s="191">
        <v>8</v>
      </c>
      <c r="AL26" s="196">
        <v>8</v>
      </c>
      <c r="AM26" s="193">
        <v>0</v>
      </c>
      <c r="AN26" s="191">
        <v>86</v>
      </c>
      <c r="AO26" s="191">
        <v>58</v>
      </c>
      <c r="AP26" s="191">
        <v>42</v>
      </c>
      <c r="AQ26" s="191">
        <v>40</v>
      </c>
      <c r="AR26" s="191">
        <v>50</v>
      </c>
      <c r="AS26" s="196">
        <v>276</v>
      </c>
      <c r="AT26" s="195">
        <v>284</v>
      </c>
      <c r="AU26" s="190">
        <v>0</v>
      </c>
      <c r="AV26" s="191">
        <v>0</v>
      </c>
      <c r="AW26" s="196">
        <v>0</v>
      </c>
      <c r="AX26" s="193">
        <v>0</v>
      </c>
      <c r="AY26" s="191">
        <v>1010</v>
      </c>
      <c r="AZ26" s="191">
        <v>731</v>
      </c>
      <c r="BA26" s="191">
        <v>439</v>
      </c>
      <c r="BB26" s="191">
        <v>278</v>
      </c>
      <c r="BC26" s="191">
        <v>138</v>
      </c>
      <c r="BD26" s="194">
        <v>2596</v>
      </c>
      <c r="BE26" s="195">
        <v>2596</v>
      </c>
      <c r="BF26" s="190">
        <v>0</v>
      </c>
      <c r="BG26" s="191">
        <v>0</v>
      </c>
      <c r="BH26" s="196">
        <v>0</v>
      </c>
      <c r="BI26" s="193">
        <v>0</v>
      </c>
      <c r="BJ26" s="191">
        <v>329</v>
      </c>
      <c r="BK26" s="191">
        <v>197</v>
      </c>
      <c r="BL26" s="191">
        <v>163</v>
      </c>
      <c r="BM26" s="191">
        <v>114</v>
      </c>
      <c r="BN26" s="191">
        <v>61</v>
      </c>
      <c r="BO26" s="196">
        <v>864</v>
      </c>
      <c r="BP26" s="195">
        <v>864</v>
      </c>
      <c r="BQ26" s="190">
        <v>8</v>
      </c>
      <c r="BR26" s="191">
        <v>4</v>
      </c>
      <c r="BS26" s="196">
        <v>12</v>
      </c>
      <c r="BT26" s="193">
        <v>0</v>
      </c>
      <c r="BU26" s="191">
        <v>112</v>
      </c>
      <c r="BV26" s="191">
        <v>191</v>
      </c>
      <c r="BW26" s="191">
        <v>278</v>
      </c>
      <c r="BX26" s="191">
        <v>315</v>
      </c>
      <c r="BY26" s="191">
        <v>145</v>
      </c>
      <c r="BZ26" s="196">
        <v>1041</v>
      </c>
      <c r="CA26" s="195">
        <v>1053</v>
      </c>
      <c r="CB26" s="190">
        <v>0</v>
      </c>
      <c r="CC26" s="191">
        <v>0</v>
      </c>
      <c r="CD26" s="196">
        <v>0</v>
      </c>
      <c r="CE26" s="193">
        <v>0</v>
      </c>
      <c r="CF26" s="191">
        <v>13</v>
      </c>
      <c r="CG26" s="191">
        <v>10</v>
      </c>
      <c r="CH26" s="191">
        <v>4</v>
      </c>
      <c r="CI26" s="191">
        <v>41</v>
      </c>
      <c r="CJ26" s="191">
        <v>8</v>
      </c>
      <c r="CK26" s="196">
        <v>76</v>
      </c>
      <c r="CL26" s="195">
        <v>76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  <c r="CX26" s="190">
        <v>0</v>
      </c>
      <c r="CY26" s="191">
        <v>0</v>
      </c>
      <c r="CZ26" s="196">
        <v>0</v>
      </c>
      <c r="DA26" s="193">
        <v>0</v>
      </c>
      <c r="DB26" s="191">
        <v>0</v>
      </c>
      <c r="DC26" s="191">
        <v>0</v>
      </c>
      <c r="DD26" s="191">
        <v>0</v>
      </c>
      <c r="DE26" s="191">
        <v>0</v>
      </c>
      <c r="DF26" s="191">
        <v>0</v>
      </c>
      <c r="DG26" s="196">
        <v>0</v>
      </c>
      <c r="DH26" s="195">
        <v>0</v>
      </c>
    </row>
    <row r="27" spans="2:112" ht="21" customHeight="1" x14ac:dyDescent="0.2">
      <c r="B27" s="106" t="s">
        <v>25</v>
      </c>
      <c r="C27" s="190">
        <v>0</v>
      </c>
      <c r="D27" s="191">
        <v>0</v>
      </c>
      <c r="E27" s="192">
        <v>0</v>
      </c>
      <c r="F27" s="193">
        <v>0</v>
      </c>
      <c r="G27" s="191">
        <v>1223</v>
      </c>
      <c r="H27" s="191">
        <v>2053</v>
      </c>
      <c r="I27" s="191">
        <v>1877</v>
      </c>
      <c r="J27" s="191">
        <v>2522</v>
      </c>
      <c r="K27" s="191">
        <v>2618</v>
      </c>
      <c r="L27" s="194">
        <v>10293</v>
      </c>
      <c r="M27" s="195">
        <v>10293</v>
      </c>
      <c r="N27" s="190">
        <v>0</v>
      </c>
      <c r="O27" s="191">
        <v>0</v>
      </c>
      <c r="P27" s="196">
        <v>0</v>
      </c>
      <c r="Q27" s="193">
        <v>0</v>
      </c>
      <c r="R27" s="191">
        <v>14</v>
      </c>
      <c r="S27" s="191">
        <v>39</v>
      </c>
      <c r="T27" s="191">
        <v>53</v>
      </c>
      <c r="U27" s="191">
        <v>68</v>
      </c>
      <c r="V27" s="191">
        <v>133</v>
      </c>
      <c r="W27" s="196">
        <v>307</v>
      </c>
      <c r="X27" s="195">
        <v>307</v>
      </c>
      <c r="Y27" s="190">
        <v>163</v>
      </c>
      <c r="Z27" s="191">
        <v>485</v>
      </c>
      <c r="AA27" s="196">
        <v>648</v>
      </c>
      <c r="AB27" s="193">
        <v>0</v>
      </c>
      <c r="AC27" s="191">
        <v>520</v>
      </c>
      <c r="AD27" s="191">
        <v>858</v>
      </c>
      <c r="AE27" s="191">
        <v>354</v>
      </c>
      <c r="AF27" s="191">
        <v>492</v>
      </c>
      <c r="AG27" s="191">
        <v>316</v>
      </c>
      <c r="AH27" s="196">
        <v>2540</v>
      </c>
      <c r="AI27" s="195">
        <v>3188</v>
      </c>
      <c r="AJ27" s="190">
        <v>16</v>
      </c>
      <c r="AK27" s="191">
        <v>54</v>
      </c>
      <c r="AL27" s="196">
        <v>70</v>
      </c>
      <c r="AM27" s="193">
        <v>0</v>
      </c>
      <c r="AN27" s="191">
        <v>0</v>
      </c>
      <c r="AO27" s="191">
        <v>158</v>
      </c>
      <c r="AP27" s="191">
        <v>47</v>
      </c>
      <c r="AQ27" s="191">
        <v>18</v>
      </c>
      <c r="AR27" s="191">
        <v>54</v>
      </c>
      <c r="AS27" s="196">
        <v>277</v>
      </c>
      <c r="AT27" s="195">
        <v>347</v>
      </c>
      <c r="AU27" s="190">
        <v>0</v>
      </c>
      <c r="AV27" s="191">
        <v>0</v>
      </c>
      <c r="AW27" s="196">
        <v>0</v>
      </c>
      <c r="AX27" s="193">
        <v>0</v>
      </c>
      <c r="AY27" s="191">
        <v>1526</v>
      </c>
      <c r="AZ27" s="191">
        <v>1063</v>
      </c>
      <c r="BA27" s="191">
        <v>761</v>
      </c>
      <c r="BB27" s="191">
        <v>444</v>
      </c>
      <c r="BC27" s="191">
        <v>206</v>
      </c>
      <c r="BD27" s="194">
        <v>4000</v>
      </c>
      <c r="BE27" s="195">
        <v>4000</v>
      </c>
      <c r="BF27" s="190">
        <v>0</v>
      </c>
      <c r="BG27" s="191">
        <v>0</v>
      </c>
      <c r="BH27" s="196">
        <v>0</v>
      </c>
      <c r="BI27" s="193">
        <v>0</v>
      </c>
      <c r="BJ27" s="191">
        <v>185</v>
      </c>
      <c r="BK27" s="191">
        <v>426</v>
      </c>
      <c r="BL27" s="191">
        <v>258</v>
      </c>
      <c r="BM27" s="191">
        <v>65</v>
      </c>
      <c r="BN27" s="191">
        <v>16</v>
      </c>
      <c r="BO27" s="196">
        <v>950</v>
      </c>
      <c r="BP27" s="195">
        <v>950</v>
      </c>
      <c r="BQ27" s="190">
        <v>11</v>
      </c>
      <c r="BR27" s="191">
        <v>12</v>
      </c>
      <c r="BS27" s="196">
        <v>23</v>
      </c>
      <c r="BT27" s="193">
        <v>0</v>
      </c>
      <c r="BU27" s="191">
        <v>183</v>
      </c>
      <c r="BV27" s="191">
        <v>242</v>
      </c>
      <c r="BW27" s="191">
        <v>354</v>
      </c>
      <c r="BX27" s="191">
        <v>162</v>
      </c>
      <c r="BY27" s="191">
        <v>40</v>
      </c>
      <c r="BZ27" s="196">
        <v>981</v>
      </c>
      <c r="CA27" s="195">
        <v>1004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44</v>
      </c>
      <c r="CH27" s="191">
        <v>19</v>
      </c>
      <c r="CI27" s="191">
        <v>10</v>
      </c>
      <c r="CJ27" s="191">
        <v>0</v>
      </c>
      <c r="CK27" s="196">
        <v>73</v>
      </c>
      <c r="CL27" s="195">
        <v>73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  <c r="CX27" s="190">
        <v>0</v>
      </c>
      <c r="CY27" s="191">
        <v>0</v>
      </c>
      <c r="CZ27" s="196">
        <v>0</v>
      </c>
      <c r="DA27" s="193">
        <v>0</v>
      </c>
      <c r="DB27" s="191">
        <v>0</v>
      </c>
      <c r="DC27" s="191">
        <v>0</v>
      </c>
      <c r="DD27" s="191">
        <v>0</v>
      </c>
      <c r="DE27" s="191">
        <v>0</v>
      </c>
      <c r="DF27" s="191">
        <v>0</v>
      </c>
      <c r="DG27" s="196">
        <v>0</v>
      </c>
      <c r="DH27" s="195">
        <v>0</v>
      </c>
    </row>
    <row r="28" spans="2:112" ht="21" customHeight="1" x14ac:dyDescent="0.2">
      <c r="B28" s="106" t="s">
        <v>26</v>
      </c>
      <c r="C28" s="190">
        <v>0</v>
      </c>
      <c r="D28" s="191">
        <v>0</v>
      </c>
      <c r="E28" s="192">
        <v>0</v>
      </c>
      <c r="F28" s="193">
        <v>0</v>
      </c>
      <c r="G28" s="191">
        <v>621</v>
      </c>
      <c r="H28" s="191">
        <v>2305</v>
      </c>
      <c r="I28" s="191">
        <v>1811</v>
      </c>
      <c r="J28" s="191">
        <v>1453</v>
      </c>
      <c r="K28" s="191">
        <v>2538</v>
      </c>
      <c r="L28" s="194">
        <v>8728</v>
      </c>
      <c r="M28" s="195">
        <v>8728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21</v>
      </c>
      <c r="U28" s="191">
        <v>40</v>
      </c>
      <c r="V28" s="191">
        <v>93</v>
      </c>
      <c r="W28" s="196">
        <v>154</v>
      </c>
      <c r="X28" s="195">
        <v>154</v>
      </c>
      <c r="Y28" s="190">
        <v>156</v>
      </c>
      <c r="Z28" s="191">
        <v>120</v>
      </c>
      <c r="AA28" s="196">
        <v>276</v>
      </c>
      <c r="AB28" s="193">
        <v>0</v>
      </c>
      <c r="AC28" s="191">
        <v>514</v>
      </c>
      <c r="AD28" s="191">
        <v>823</v>
      </c>
      <c r="AE28" s="191">
        <v>414</v>
      </c>
      <c r="AF28" s="191">
        <v>373</v>
      </c>
      <c r="AG28" s="191">
        <v>462</v>
      </c>
      <c r="AH28" s="196">
        <v>2586</v>
      </c>
      <c r="AI28" s="195">
        <v>2862</v>
      </c>
      <c r="AJ28" s="190">
        <v>20</v>
      </c>
      <c r="AK28" s="191">
        <v>26</v>
      </c>
      <c r="AL28" s="196">
        <v>46</v>
      </c>
      <c r="AM28" s="193">
        <v>0</v>
      </c>
      <c r="AN28" s="191">
        <v>25</v>
      </c>
      <c r="AO28" s="191">
        <v>28</v>
      </c>
      <c r="AP28" s="191">
        <v>59</v>
      </c>
      <c r="AQ28" s="191">
        <v>26</v>
      </c>
      <c r="AR28" s="191">
        <v>32</v>
      </c>
      <c r="AS28" s="196">
        <v>170</v>
      </c>
      <c r="AT28" s="195">
        <v>216</v>
      </c>
      <c r="AU28" s="190">
        <v>0</v>
      </c>
      <c r="AV28" s="191">
        <v>0</v>
      </c>
      <c r="AW28" s="196">
        <v>0</v>
      </c>
      <c r="AX28" s="193">
        <v>0</v>
      </c>
      <c r="AY28" s="191">
        <v>749</v>
      </c>
      <c r="AZ28" s="191">
        <v>1044</v>
      </c>
      <c r="BA28" s="191">
        <v>522</v>
      </c>
      <c r="BB28" s="191">
        <v>164</v>
      </c>
      <c r="BC28" s="191">
        <v>197</v>
      </c>
      <c r="BD28" s="194">
        <v>2676</v>
      </c>
      <c r="BE28" s="195">
        <v>2676</v>
      </c>
      <c r="BF28" s="190">
        <v>0</v>
      </c>
      <c r="BG28" s="191">
        <v>0</v>
      </c>
      <c r="BH28" s="196">
        <v>0</v>
      </c>
      <c r="BI28" s="193">
        <v>0</v>
      </c>
      <c r="BJ28" s="191">
        <v>130</v>
      </c>
      <c r="BK28" s="191">
        <v>202</v>
      </c>
      <c r="BL28" s="191">
        <v>108</v>
      </c>
      <c r="BM28" s="191">
        <v>95</v>
      </c>
      <c r="BN28" s="191">
        <v>36</v>
      </c>
      <c r="BO28" s="196">
        <v>571</v>
      </c>
      <c r="BP28" s="195">
        <v>571</v>
      </c>
      <c r="BQ28" s="190">
        <v>3</v>
      </c>
      <c r="BR28" s="191">
        <v>0</v>
      </c>
      <c r="BS28" s="196">
        <v>3</v>
      </c>
      <c r="BT28" s="193">
        <v>0</v>
      </c>
      <c r="BU28" s="191">
        <v>109</v>
      </c>
      <c r="BV28" s="191">
        <v>230</v>
      </c>
      <c r="BW28" s="191">
        <v>246</v>
      </c>
      <c r="BX28" s="191">
        <v>167</v>
      </c>
      <c r="BY28" s="191">
        <v>179</v>
      </c>
      <c r="BZ28" s="196">
        <v>931</v>
      </c>
      <c r="CA28" s="195">
        <v>934</v>
      </c>
      <c r="CB28" s="190">
        <v>0</v>
      </c>
      <c r="CC28" s="191">
        <v>0</v>
      </c>
      <c r="CD28" s="196">
        <v>0</v>
      </c>
      <c r="CE28" s="193">
        <v>0</v>
      </c>
      <c r="CF28" s="191">
        <v>11</v>
      </c>
      <c r="CG28" s="191">
        <v>15</v>
      </c>
      <c r="CH28" s="191">
        <v>15</v>
      </c>
      <c r="CI28" s="191">
        <v>33</v>
      </c>
      <c r="CJ28" s="191">
        <v>11</v>
      </c>
      <c r="CK28" s="196">
        <v>85</v>
      </c>
      <c r="CL28" s="195">
        <v>85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  <c r="CX28" s="190">
        <v>0</v>
      </c>
      <c r="CY28" s="191">
        <v>0</v>
      </c>
      <c r="CZ28" s="196">
        <v>0</v>
      </c>
      <c r="DA28" s="193">
        <v>0</v>
      </c>
      <c r="DB28" s="191">
        <v>0</v>
      </c>
      <c r="DC28" s="191">
        <v>0</v>
      </c>
      <c r="DD28" s="191">
        <v>0</v>
      </c>
      <c r="DE28" s="191">
        <v>0</v>
      </c>
      <c r="DF28" s="191">
        <v>0</v>
      </c>
      <c r="DG28" s="196">
        <v>0</v>
      </c>
      <c r="DH28" s="195">
        <v>0</v>
      </c>
    </row>
    <row r="29" spans="2:112" ht="21" customHeight="1" x14ac:dyDescent="0.2">
      <c r="B29" s="106" t="s">
        <v>27</v>
      </c>
      <c r="C29" s="190">
        <v>0</v>
      </c>
      <c r="D29" s="191">
        <v>0</v>
      </c>
      <c r="E29" s="192">
        <v>0</v>
      </c>
      <c r="F29" s="193">
        <v>0</v>
      </c>
      <c r="G29" s="191">
        <v>811</v>
      </c>
      <c r="H29" s="191">
        <v>1008</v>
      </c>
      <c r="I29" s="191">
        <v>1064</v>
      </c>
      <c r="J29" s="191">
        <v>1478</v>
      </c>
      <c r="K29" s="191">
        <v>1224</v>
      </c>
      <c r="L29" s="194">
        <v>5585</v>
      </c>
      <c r="M29" s="195">
        <v>5585</v>
      </c>
      <c r="N29" s="190">
        <v>0</v>
      </c>
      <c r="O29" s="191">
        <v>0</v>
      </c>
      <c r="P29" s="196">
        <v>0</v>
      </c>
      <c r="Q29" s="193">
        <v>0</v>
      </c>
      <c r="R29" s="191">
        <v>4</v>
      </c>
      <c r="S29" s="191">
        <v>13</v>
      </c>
      <c r="T29" s="191">
        <v>12</v>
      </c>
      <c r="U29" s="191">
        <v>44</v>
      </c>
      <c r="V29" s="191">
        <v>89</v>
      </c>
      <c r="W29" s="196">
        <v>162</v>
      </c>
      <c r="X29" s="195">
        <v>162</v>
      </c>
      <c r="Y29" s="190">
        <v>167</v>
      </c>
      <c r="Z29" s="191">
        <v>371</v>
      </c>
      <c r="AA29" s="196">
        <v>538</v>
      </c>
      <c r="AB29" s="193">
        <v>0</v>
      </c>
      <c r="AC29" s="191">
        <v>229</v>
      </c>
      <c r="AD29" s="191">
        <v>477</v>
      </c>
      <c r="AE29" s="191">
        <v>301</v>
      </c>
      <c r="AF29" s="191">
        <v>336</v>
      </c>
      <c r="AG29" s="191">
        <v>200</v>
      </c>
      <c r="AH29" s="196">
        <v>1543</v>
      </c>
      <c r="AI29" s="195">
        <v>2081</v>
      </c>
      <c r="AJ29" s="190">
        <v>6</v>
      </c>
      <c r="AK29" s="191">
        <v>38</v>
      </c>
      <c r="AL29" s="196">
        <v>44</v>
      </c>
      <c r="AM29" s="193">
        <v>0</v>
      </c>
      <c r="AN29" s="191">
        <v>12</v>
      </c>
      <c r="AO29" s="191">
        <v>0</v>
      </c>
      <c r="AP29" s="191">
        <v>21</v>
      </c>
      <c r="AQ29" s="191">
        <v>0</v>
      </c>
      <c r="AR29" s="191">
        <v>20</v>
      </c>
      <c r="AS29" s="196">
        <v>53</v>
      </c>
      <c r="AT29" s="195">
        <v>97</v>
      </c>
      <c r="AU29" s="190">
        <v>0</v>
      </c>
      <c r="AV29" s="191">
        <v>0</v>
      </c>
      <c r="AW29" s="196">
        <v>0</v>
      </c>
      <c r="AX29" s="193">
        <v>0</v>
      </c>
      <c r="AY29" s="191">
        <v>933</v>
      </c>
      <c r="AZ29" s="191">
        <v>543</v>
      </c>
      <c r="BA29" s="191">
        <v>363</v>
      </c>
      <c r="BB29" s="191">
        <v>313</v>
      </c>
      <c r="BC29" s="191">
        <v>127</v>
      </c>
      <c r="BD29" s="194">
        <v>2279</v>
      </c>
      <c r="BE29" s="195">
        <v>2279</v>
      </c>
      <c r="BF29" s="190">
        <v>0</v>
      </c>
      <c r="BG29" s="191">
        <v>0</v>
      </c>
      <c r="BH29" s="196">
        <v>0</v>
      </c>
      <c r="BI29" s="193">
        <v>0</v>
      </c>
      <c r="BJ29" s="191">
        <v>194</v>
      </c>
      <c r="BK29" s="191">
        <v>232</v>
      </c>
      <c r="BL29" s="191">
        <v>132</v>
      </c>
      <c r="BM29" s="191">
        <v>56</v>
      </c>
      <c r="BN29" s="191">
        <v>38</v>
      </c>
      <c r="BO29" s="196">
        <v>652</v>
      </c>
      <c r="BP29" s="195">
        <v>652</v>
      </c>
      <c r="BQ29" s="190">
        <v>0</v>
      </c>
      <c r="BR29" s="191">
        <v>4</v>
      </c>
      <c r="BS29" s="196">
        <v>4</v>
      </c>
      <c r="BT29" s="193">
        <v>0</v>
      </c>
      <c r="BU29" s="191">
        <v>58</v>
      </c>
      <c r="BV29" s="191">
        <v>145</v>
      </c>
      <c r="BW29" s="191">
        <v>139</v>
      </c>
      <c r="BX29" s="191">
        <v>126</v>
      </c>
      <c r="BY29" s="191">
        <v>84</v>
      </c>
      <c r="BZ29" s="196">
        <v>552</v>
      </c>
      <c r="CA29" s="195">
        <v>556</v>
      </c>
      <c r="CB29" s="190">
        <v>2</v>
      </c>
      <c r="CC29" s="191">
        <v>2</v>
      </c>
      <c r="CD29" s="196">
        <v>4</v>
      </c>
      <c r="CE29" s="193">
        <v>0</v>
      </c>
      <c r="CF29" s="191">
        <v>6</v>
      </c>
      <c r="CG29" s="191">
        <v>4</v>
      </c>
      <c r="CH29" s="191">
        <v>9</v>
      </c>
      <c r="CI29" s="191">
        <v>0</v>
      </c>
      <c r="CJ29" s="191">
        <v>0</v>
      </c>
      <c r="CK29" s="196">
        <v>19</v>
      </c>
      <c r="CL29" s="195">
        <v>23</v>
      </c>
      <c r="CM29" s="190">
        <v>0</v>
      </c>
      <c r="CN29" s="191">
        <v>0</v>
      </c>
      <c r="CO29" s="196">
        <v>0</v>
      </c>
      <c r="CP29" s="193">
        <v>0</v>
      </c>
      <c r="CQ29" s="191">
        <v>0</v>
      </c>
      <c r="CR29" s="191">
        <v>0</v>
      </c>
      <c r="CS29" s="191">
        <v>0</v>
      </c>
      <c r="CT29" s="191">
        <v>0</v>
      </c>
      <c r="CU29" s="191">
        <v>0</v>
      </c>
      <c r="CV29" s="196">
        <v>0</v>
      </c>
      <c r="CW29" s="195">
        <v>0</v>
      </c>
      <c r="CX29" s="190">
        <v>0</v>
      </c>
      <c r="CY29" s="191">
        <v>0</v>
      </c>
      <c r="CZ29" s="196">
        <v>0</v>
      </c>
      <c r="DA29" s="193">
        <v>0</v>
      </c>
      <c r="DB29" s="191">
        <v>0</v>
      </c>
      <c r="DC29" s="191">
        <v>0</v>
      </c>
      <c r="DD29" s="191">
        <v>0</v>
      </c>
      <c r="DE29" s="191">
        <v>0</v>
      </c>
      <c r="DF29" s="191">
        <v>0</v>
      </c>
      <c r="DG29" s="196">
        <v>0</v>
      </c>
      <c r="DH29" s="195">
        <v>0</v>
      </c>
    </row>
    <row r="30" spans="2:112" ht="21" customHeight="1" x14ac:dyDescent="0.2">
      <c r="B30" s="106" t="s">
        <v>28</v>
      </c>
      <c r="C30" s="190">
        <v>0</v>
      </c>
      <c r="D30" s="191">
        <v>0</v>
      </c>
      <c r="E30" s="192">
        <v>0</v>
      </c>
      <c r="F30" s="193">
        <v>0</v>
      </c>
      <c r="G30" s="191">
        <v>188</v>
      </c>
      <c r="H30" s="191">
        <v>279</v>
      </c>
      <c r="I30" s="191">
        <v>148</v>
      </c>
      <c r="J30" s="191">
        <v>307</v>
      </c>
      <c r="K30" s="191">
        <v>372</v>
      </c>
      <c r="L30" s="194">
        <v>1294</v>
      </c>
      <c r="M30" s="195">
        <v>1294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9</v>
      </c>
      <c r="T30" s="191">
        <v>0</v>
      </c>
      <c r="U30" s="191">
        <v>9</v>
      </c>
      <c r="V30" s="191">
        <v>7</v>
      </c>
      <c r="W30" s="196">
        <v>25</v>
      </c>
      <c r="X30" s="195">
        <v>25</v>
      </c>
      <c r="Y30" s="190">
        <v>12</v>
      </c>
      <c r="Z30" s="191">
        <v>26</v>
      </c>
      <c r="AA30" s="196">
        <v>38</v>
      </c>
      <c r="AB30" s="193">
        <v>0</v>
      </c>
      <c r="AC30" s="191">
        <v>79</v>
      </c>
      <c r="AD30" s="191">
        <v>94</v>
      </c>
      <c r="AE30" s="191">
        <v>54</v>
      </c>
      <c r="AF30" s="191">
        <v>120</v>
      </c>
      <c r="AG30" s="191">
        <v>44</v>
      </c>
      <c r="AH30" s="196">
        <v>391</v>
      </c>
      <c r="AI30" s="195">
        <v>429</v>
      </c>
      <c r="AJ30" s="190">
        <v>0</v>
      </c>
      <c r="AK30" s="191">
        <v>0</v>
      </c>
      <c r="AL30" s="196">
        <v>0</v>
      </c>
      <c r="AM30" s="193">
        <v>0</v>
      </c>
      <c r="AN30" s="191">
        <v>6</v>
      </c>
      <c r="AO30" s="191">
        <v>0</v>
      </c>
      <c r="AP30" s="191">
        <v>42</v>
      </c>
      <c r="AQ30" s="191">
        <v>6</v>
      </c>
      <c r="AR30" s="191">
        <v>6</v>
      </c>
      <c r="AS30" s="196">
        <v>60</v>
      </c>
      <c r="AT30" s="195">
        <v>60</v>
      </c>
      <c r="AU30" s="190">
        <v>0</v>
      </c>
      <c r="AV30" s="191">
        <v>0</v>
      </c>
      <c r="AW30" s="196">
        <v>0</v>
      </c>
      <c r="AX30" s="193">
        <v>0</v>
      </c>
      <c r="AY30" s="191">
        <v>245</v>
      </c>
      <c r="AZ30" s="191">
        <v>379</v>
      </c>
      <c r="BA30" s="191">
        <v>215</v>
      </c>
      <c r="BB30" s="191">
        <v>107</v>
      </c>
      <c r="BC30" s="191">
        <v>47</v>
      </c>
      <c r="BD30" s="194">
        <v>993</v>
      </c>
      <c r="BE30" s="195">
        <v>993</v>
      </c>
      <c r="BF30" s="190">
        <v>0</v>
      </c>
      <c r="BG30" s="191">
        <v>0</v>
      </c>
      <c r="BH30" s="196">
        <v>0</v>
      </c>
      <c r="BI30" s="193">
        <v>0</v>
      </c>
      <c r="BJ30" s="191">
        <v>90</v>
      </c>
      <c r="BK30" s="191">
        <v>118</v>
      </c>
      <c r="BL30" s="191">
        <v>47</v>
      </c>
      <c r="BM30" s="191">
        <v>77</v>
      </c>
      <c r="BN30" s="191">
        <v>25</v>
      </c>
      <c r="BO30" s="196">
        <v>357</v>
      </c>
      <c r="BP30" s="195">
        <v>357</v>
      </c>
      <c r="BQ30" s="190">
        <v>0</v>
      </c>
      <c r="BR30" s="191">
        <v>3</v>
      </c>
      <c r="BS30" s="196">
        <v>3</v>
      </c>
      <c r="BT30" s="193">
        <v>0</v>
      </c>
      <c r="BU30" s="191">
        <v>11</v>
      </c>
      <c r="BV30" s="191">
        <v>28</v>
      </c>
      <c r="BW30" s="191">
        <v>55</v>
      </c>
      <c r="BX30" s="191">
        <v>23</v>
      </c>
      <c r="BY30" s="191">
        <v>5</v>
      </c>
      <c r="BZ30" s="196">
        <v>122</v>
      </c>
      <c r="CA30" s="195">
        <v>125</v>
      </c>
      <c r="CB30" s="190">
        <v>0</v>
      </c>
      <c r="CC30" s="191">
        <v>0</v>
      </c>
      <c r="CD30" s="196">
        <v>0</v>
      </c>
      <c r="CE30" s="193">
        <v>0</v>
      </c>
      <c r="CF30" s="191">
        <v>2</v>
      </c>
      <c r="CG30" s="191">
        <v>0</v>
      </c>
      <c r="CH30" s="191">
        <v>14</v>
      </c>
      <c r="CI30" s="191">
        <v>10</v>
      </c>
      <c r="CJ30" s="191">
        <v>8</v>
      </c>
      <c r="CK30" s="196">
        <v>34</v>
      </c>
      <c r="CL30" s="195">
        <v>34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  <c r="CX30" s="190">
        <v>0</v>
      </c>
      <c r="CY30" s="191">
        <v>0</v>
      </c>
      <c r="CZ30" s="196">
        <v>0</v>
      </c>
      <c r="DA30" s="193">
        <v>0</v>
      </c>
      <c r="DB30" s="191">
        <v>0</v>
      </c>
      <c r="DC30" s="191">
        <v>0</v>
      </c>
      <c r="DD30" s="191">
        <v>0</v>
      </c>
      <c r="DE30" s="191">
        <v>0</v>
      </c>
      <c r="DF30" s="191">
        <v>0</v>
      </c>
      <c r="DG30" s="196">
        <v>0</v>
      </c>
      <c r="DH30" s="195">
        <v>0</v>
      </c>
    </row>
    <row r="31" spans="2:112" ht="21" customHeight="1" x14ac:dyDescent="0.2">
      <c r="B31" s="106" t="s">
        <v>29</v>
      </c>
      <c r="C31" s="190">
        <v>0</v>
      </c>
      <c r="D31" s="191">
        <v>0</v>
      </c>
      <c r="E31" s="192">
        <v>0</v>
      </c>
      <c r="F31" s="193">
        <v>0</v>
      </c>
      <c r="G31" s="191">
        <v>239</v>
      </c>
      <c r="H31" s="191">
        <v>572</v>
      </c>
      <c r="I31" s="191">
        <v>499</v>
      </c>
      <c r="J31" s="191">
        <v>992</v>
      </c>
      <c r="K31" s="191">
        <v>783</v>
      </c>
      <c r="L31" s="194">
        <v>3085</v>
      </c>
      <c r="M31" s="195">
        <v>3085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4</v>
      </c>
      <c r="T31" s="191">
        <v>7</v>
      </c>
      <c r="U31" s="191">
        <v>8</v>
      </c>
      <c r="V31" s="191">
        <v>28</v>
      </c>
      <c r="W31" s="196">
        <v>47</v>
      </c>
      <c r="X31" s="195">
        <v>47</v>
      </c>
      <c r="Y31" s="190">
        <v>16</v>
      </c>
      <c r="Z31" s="191">
        <v>44</v>
      </c>
      <c r="AA31" s="196">
        <v>60</v>
      </c>
      <c r="AB31" s="193">
        <v>0</v>
      </c>
      <c r="AC31" s="191">
        <v>245</v>
      </c>
      <c r="AD31" s="191">
        <v>263</v>
      </c>
      <c r="AE31" s="191">
        <v>134</v>
      </c>
      <c r="AF31" s="191">
        <v>119</v>
      </c>
      <c r="AG31" s="191">
        <v>84</v>
      </c>
      <c r="AH31" s="196">
        <v>845</v>
      </c>
      <c r="AI31" s="195">
        <v>905</v>
      </c>
      <c r="AJ31" s="190">
        <v>0</v>
      </c>
      <c r="AK31" s="191">
        <v>9</v>
      </c>
      <c r="AL31" s="196">
        <v>9</v>
      </c>
      <c r="AM31" s="193">
        <v>0</v>
      </c>
      <c r="AN31" s="191">
        <v>6</v>
      </c>
      <c r="AO31" s="191">
        <v>43</v>
      </c>
      <c r="AP31" s="191">
        <v>23</v>
      </c>
      <c r="AQ31" s="191">
        <v>34</v>
      </c>
      <c r="AR31" s="191">
        <v>0</v>
      </c>
      <c r="AS31" s="196">
        <v>106</v>
      </c>
      <c r="AT31" s="195">
        <v>115</v>
      </c>
      <c r="AU31" s="190">
        <v>0</v>
      </c>
      <c r="AV31" s="191">
        <v>0</v>
      </c>
      <c r="AW31" s="196">
        <v>0</v>
      </c>
      <c r="AX31" s="193">
        <v>0</v>
      </c>
      <c r="AY31" s="191">
        <v>334</v>
      </c>
      <c r="AZ31" s="191">
        <v>374</v>
      </c>
      <c r="BA31" s="191">
        <v>257</v>
      </c>
      <c r="BB31" s="191">
        <v>186</v>
      </c>
      <c r="BC31" s="191">
        <v>55</v>
      </c>
      <c r="BD31" s="194">
        <v>1206</v>
      </c>
      <c r="BE31" s="195">
        <v>1206</v>
      </c>
      <c r="BF31" s="190">
        <v>0</v>
      </c>
      <c r="BG31" s="191">
        <v>0</v>
      </c>
      <c r="BH31" s="196">
        <v>0</v>
      </c>
      <c r="BI31" s="193">
        <v>0</v>
      </c>
      <c r="BJ31" s="191">
        <v>68</v>
      </c>
      <c r="BK31" s="191">
        <v>107</v>
      </c>
      <c r="BL31" s="191">
        <v>101</v>
      </c>
      <c r="BM31" s="191">
        <v>39</v>
      </c>
      <c r="BN31" s="191">
        <v>14</v>
      </c>
      <c r="BO31" s="196">
        <v>329</v>
      </c>
      <c r="BP31" s="195">
        <v>329</v>
      </c>
      <c r="BQ31" s="190">
        <v>0</v>
      </c>
      <c r="BR31" s="191">
        <v>4</v>
      </c>
      <c r="BS31" s="196">
        <v>4</v>
      </c>
      <c r="BT31" s="193">
        <v>0</v>
      </c>
      <c r="BU31" s="191">
        <v>40</v>
      </c>
      <c r="BV31" s="191">
        <v>27</v>
      </c>
      <c r="BW31" s="191">
        <v>83</v>
      </c>
      <c r="BX31" s="191">
        <v>34</v>
      </c>
      <c r="BY31" s="191">
        <v>73</v>
      </c>
      <c r="BZ31" s="196">
        <v>257</v>
      </c>
      <c r="CA31" s="195">
        <v>261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3</v>
      </c>
      <c r="CH31" s="191">
        <v>11</v>
      </c>
      <c r="CI31" s="191">
        <v>0</v>
      </c>
      <c r="CJ31" s="191">
        <v>0</v>
      </c>
      <c r="CK31" s="196">
        <v>14</v>
      </c>
      <c r="CL31" s="195">
        <v>14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  <c r="CX31" s="190">
        <v>0</v>
      </c>
      <c r="CY31" s="191">
        <v>0</v>
      </c>
      <c r="CZ31" s="196">
        <v>0</v>
      </c>
      <c r="DA31" s="193">
        <v>0</v>
      </c>
      <c r="DB31" s="191">
        <v>0</v>
      </c>
      <c r="DC31" s="191">
        <v>0</v>
      </c>
      <c r="DD31" s="191">
        <v>0</v>
      </c>
      <c r="DE31" s="191">
        <v>0</v>
      </c>
      <c r="DF31" s="191">
        <v>0</v>
      </c>
      <c r="DG31" s="196">
        <v>0</v>
      </c>
      <c r="DH31" s="195">
        <v>0</v>
      </c>
    </row>
    <row r="32" spans="2:112" ht="21" customHeight="1" x14ac:dyDescent="0.2">
      <c r="B32" s="106" t="s">
        <v>30</v>
      </c>
      <c r="C32" s="190">
        <v>0</v>
      </c>
      <c r="D32" s="191">
        <v>0</v>
      </c>
      <c r="E32" s="192">
        <v>0</v>
      </c>
      <c r="F32" s="193">
        <v>0</v>
      </c>
      <c r="G32" s="191">
        <v>588</v>
      </c>
      <c r="H32" s="191">
        <v>278</v>
      </c>
      <c r="I32" s="191">
        <v>703</v>
      </c>
      <c r="J32" s="191">
        <v>749</v>
      </c>
      <c r="K32" s="191">
        <v>370</v>
      </c>
      <c r="L32" s="194">
        <v>2688</v>
      </c>
      <c r="M32" s="195">
        <v>2688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2</v>
      </c>
      <c r="T32" s="191">
        <v>30</v>
      </c>
      <c r="U32" s="191">
        <v>28</v>
      </c>
      <c r="V32" s="191">
        <v>6</v>
      </c>
      <c r="W32" s="196">
        <v>66</v>
      </c>
      <c r="X32" s="195">
        <v>66</v>
      </c>
      <c r="Y32" s="190">
        <v>16</v>
      </c>
      <c r="Z32" s="191">
        <v>61</v>
      </c>
      <c r="AA32" s="196">
        <v>77</v>
      </c>
      <c r="AB32" s="193">
        <v>0</v>
      </c>
      <c r="AC32" s="191">
        <v>238</v>
      </c>
      <c r="AD32" s="191">
        <v>121</v>
      </c>
      <c r="AE32" s="191">
        <v>168</v>
      </c>
      <c r="AF32" s="191">
        <v>100</v>
      </c>
      <c r="AG32" s="191">
        <v>18</v>
      </c>
      <c r="AH32" s="196">
        <v>645</v>
      </c>
      <c r="AI32" s="195">
        <v>722</v>
      </c>
      <c r="AJ32" s="190">
        <v>6</v>
      </c>
      <c r="AK32" s="191">
        <v>0</v>
      </c>
      <c r="AL32" s="196">
        <v>6</v>
      </c>
      <c r="AM32" s="193">
        <v>0</v>
      </c>
      <c r="AN32" s="191">
        <v>54</v>
      </c>
      <c r="AO32" s="191">
        <v>19</v>
      </c>
      <c r="AP32" s="191">
        <v>36</v>
      </c>
      <c r="AQ32" s="191">
        <v>0</v>
      </c>
      <c r="AR32" s="191">
        <v>0</v>
      </c>
      <c r="AS32" s="196">
        <v>109</v>
      </c>
      <c r="AT32" s="195">
        <v>115</v>
      </c>
      <c r="AU32" s="190">
        <v>0</v>
      </c>
      <c r="AV32" s="191">
        <v>0</v>
      </c>
      <c r="AW32" s="196">
        <v>0</v>
      </c>
      <c r="AX32" s="193">
        <v>0</v>
      </c>
      <c r="AY32" s="191">
        <v>314</v>
      </c>
      <c r="AZ32" s="191">
        <v>278</v>
      </c>
      <c r="BA32" s="191">
        <v>146</v>
      </c>
      <c r="BB32" s="191">
        <v>117</v>
      </c>
      <c r="BC32" s="191">
        <v>12</v>
      </c>
      <c r="BD32" s="194">
        <v>867</v>
      </c>
      <c r="BE32" s="195">
        <v>867</v>
      </c>
      <c r="BF32" s="190">
        <v>0</v>
      </c>
      <c r="BG32" s="191">
        <v>0</v>
      </c>
      <c r="BH32" s="196">
        <v>0</v>
      </c>
      <c r="BI32" s="193">
        <v>0</v>
      </c>
      <c r="BJ32" s="191">
        <v>57</v>
      </c>
      <c r="BK32" s="191">
        <v>60</v>
      </c>
      <c r="BL32" s="191">
        <v>46</v>
      </c>
      <c r="BM32" s="191">
        <v>24</v>
      </c>
      <c r="BN32" s="191">
        <v>8</v>
      </c>
      <c r="BO32" s="196">
        <v>195</v>
      </c>
      <c r="BP32" s="195">
        <v>195</v>
      </c>
      <c r="BQ32" s="190">
        <v>0</v>
      </c>
      <c r="BR32" s="191">
        <v>4</v>
      </c>
      <c r="BS32" s="196">
        <v>4</v>
      </c>
      <c r="BT32" s="193">
        <v>0</v>
      </c>
      <c r="BU32" s="191">
        <v>26</v>
      </c>
      <c r="BV32" s="191">
        <v>58</v>
      </c>
      <c r="BW32" s="191">
        <v>159</v>
      </c>
      <c r="BX32" s="191">
        <v>46</v>
      </c>
      <c r="BY32" s="191">
        <v>15</v>
      </c>
      <c r="BZ32" s="196">
        <v>304</v>
      </c>
      <c r="CA32" s="195">
        <v>308</v>
      </c>
      <c r="CB32" s="190">
        <v>0</v>
      </c>
      <c r="CC32" s="191">
        <v>0</v>
      </c>
      <c r="CD32" s="196">
        <v>0</v>
      </c>
      <c r="CE32" s="193">
        <v>0</v>
      </c>
      <c r="CF32" s="191">
        <v>4</v>
      </c>
      <c r="CG32" s="191">
        <v>3</v>
      </c>
      <c r="CH32" s="191">
        <v>3</v>
      </c>
      <c r="CI32" s="191">
        <v>41</v>
      </c>
      <c r="CJ32" s="191">
        <v>2</v>
      </c>
      <c r="CK32" s="196">
        <v>53</v>
      </c>
      <c r="CL32" s="195">
        <v>53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  <c r="CX32" s="190">
        <v>0</v>
      </c>
      <c r="CY32" s="191">
        <v>0</v>
      </c>
      <c r="CZ32" s="196">
        <v>0</v>
      </c>
      <c r="DA32" s="193">
        <v>0</v>
      </c>
      <c r="DB32" s="191">
        <v>0</v>
      </c>
      <c r="DC32" s="191">
        <v>0</v>
      </c>
      <c r="DD32" s="191">
        <v>0</v>
      </c>
      <c r="DE32" s="191">
        <v>0</v>
      </c>
      <c r="DF32" s="191">
        <v>0</v>
      </c>
      <c r="DG32" s="196">
        <v>0</v>
      </c>
      <c r="DH32" s="195">
        <v>0</v>
      </c>
    </row>
    <row r="33" spans="2:112" ht="21" customHeight="1" x14ac:dyDescent="0.2">
      <c r="B33" s="106" t="s">
        <v>31</v>
      </c>
      <c r="C33" s="190">
        <v>0</v>
      </c>
      <c r="D33" s="191">
        <v>0</v>
      </c>
      <c r="E33" s="192">
        <v>0</v>
      </c>
      <c r="F33" s="193">
        <v>0</v>
      </c>
      <c r="G33" s="191">
        <v>128</v>
      </c>
      <c r="H33" s="191">
        <v>282</v>
      </c>
      <c r="I33" s="191">
        <v>255</v>
      </c>
      <c r="J33" s="191">
        <v>502</v>
      </c>
      <c r="K33" s="191">
        <v>75</v>
      </c>
      <c r="L33" s="194">
        <v>1242</v>
      </c>
      <c r="M33" s="195">
        <v>1242</v>
      </c>
      <c r="N33" s="190">
        <v>0</v>
      </c>
      <c r="O33" s="191">
        <v>0</v>
      </c>
      <c r="P33" s="196">
        <v>0</v>
      </c>
      <c r="Q33" s="193">
        <v>0</v>
      </c>
      <c r="R33" s="191">
        <v>13</v>
      </c>
      <c r="S33" s="191">
        <v>18</v>
      </c>
      <c r="T33" s="191">
        <v>7</v>
      </c>
      <c r="U33" s="191">
        <v>24</v>
      </c>
      <c r="V33" s="191">
        <v>41</v>
      </c>
      <c r="W33" s="196">
        <v>103</v>
      </c>
      <c r="X33" s="195">
        <v>103</v>
      </c>
      <c r="Y33" s="190">
        <v>12</v>
      </c>
      <c r="Z33" s="191">
        <v>22</v>
      </c>
      <c r="AA33" s="196">
        <v>34</v>
      </c>
      <c r="AB33" s="193">
        <v>0</v>
      </c>
      <c r="AC33" s="191">
        <v>164</v>
      </c>
      <c r="AD33" s="191">
        <v>227</v>
      </c>
      <c r="AE33" s="191">
        <v>200</v>
      </c>
      <c r="AF33" s="191">
        <v>108</v>
      </c>
      <c r="AG33" s="191">
        <v>97</v>
      </c>
      <c r="AH33" s="196">
        <v>796</v>
      </c>
      <c r="AI33" s="195">
        <v>830</v>
      </c>
      <c r="AJ33" s="190">
        <v>0</v>
      </c>
      <c r="AK33" s="191">
        <v>18</v>
      </c>
      <c r="AL33" s="196">
        <v>18</v>
      </c>
      <c r="AM33" s="193">
        <v>0</v>
      </c>
      <c r="AN33" s="191">
        <v>36</v>
      </c>
      <c r="AO33" s="191">
        <v>12</v>
      </c>
      <c r="AP33" s="191">
        <v>33</v>
      </c>
      <c r="AQ33" s="191">
        <v>42</v>
      </c>
      <c r="AR33" s="191">
        <v>0</v>
      </c>
      <c r="AS33" s="196">
        <v>123</v>
      </c>
      <c r="AT33" s="195">
        <v>141</v>
      </c>
      <c r="AU33" s="190">
        <v>0</v>
      </c>
      <c r="AV33" s="191">
        <v>0</v>
      </c>
      <c r="AW33" s="196">
        <v>0</v>
      </c>
      <c r="AX33" s="193">
        <v>0</v>
      </c>
      <c r="AY33" s="191">
        <v>338</v>
      </c>
      <c r="AZ33" s="191">
        <v>407</v>
      </c>
      <c r="BA33" s="191">
        <v>187</v>
      </c>
      <c r="BB33" s="191">
        <v>74</v>
      </c>
      <c r="BC33" s="191">
        <v>55</v>
      </c>
      <c r="BD33" s="194">
        <v>1061</v>
      </c>
      <c r="BE33" s="195">
        <v>1061</v>
      </c>
      <c r="BF33" s="190">
        <v>0</v>
      </c>
      <c r="BG33" s="191">
        <v>0</v>
      </c>
      <c r="BH33" s="196">
        <v>0</v>
      </c>
      <c r="BI33" s="193">
        <v>0</v>
      </c>
      <c r="BJ33" s="191">
        <v>55</v>
      </c>
      <c r="BK33" s="191">
        <v>93</v>
      </c>
      <c r="BL33" s="191">
        <v>89</v>
      </c>
      <c r="BM33" s="191">
        <v>44</v>
      </c>
      <c r="BN33" s="191">
        <v>16</v>
      </c>
      <c r="BO33" s="196">
        <v>297</v>
      </c>
      <c r="BP33" s="195">
        <v>297</v>
      </c>
      <c r="BQ33" s="190">
        <v>0</v>
      </c>
      <c r="BR33" s="191">
        <v>6</v>
      </c>
      <c r="BS33" s="196">
        <v>6</v>
      </c>
      <c r="BT33" s="193">
        <v>0</v>
      </c>
      <c r="BU33" s="191">
        <v>43</v>
      </c>
      <c r="BV33" s="191">
        <v>88</v>
      </c>
      <c r="BW33" s="191">
        <v>242</v>
      </c>
      <c r="BX33" s="191">
        <v>103</v>
      </c>
      <c r="BY33" s="191">
        <v>0</v>
      </c>
      <c r="BZ33" s="196">
        <v>476</v>
      </c>
      <c r="CA33" s="195">
        <v>482</v>
      </c>
      <c r="CB33" s="190">
        <v>0</v>
      </c>
      <c r="CC33" s="191">
        <v>0</v>
      </c>
      <c r="CD33" s="196">
        <v>0</v>
      </c>
      <c r="CE33" s="193">
        <v>0</v>
      </c>
      <c r="CF33" s="191">
        <v>15</v>
      </c>
      <c r="CG33" s="191">
        <v>5</v>
      </c>
      <c r="CH33" s="191">
        <v>15</v>
      </c>
      <c r="CI33" s="191">
        <v>16</v>
      </c>
      <c r="CJ33" s="191">
        <v>10</v>
      </c>
      <c r="CK33" s="196">
        <v>61</v>
      </c>
      <c r="CL33" s="195">
        <v>61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  <c r="CX33" s="190">
        <v>0</v>
      </c>
      <c r="CY33" s="191">
        <v>0</v>
      </c>
      <c r="CZ33" s="196">
        <v>0</v>
      </c>
      <c r="DA33" s="193">
        <v>0</v>
      </c>
      <c r="DB33" s="191">
        <v>0</v>
      </c>
      <c r="DC33" s="191">
        <v>0</v>
      </c>
      <c r="DD33" s="191">
        <v>0</v>
      </c>
      <c r="DE33" s="191">
        <v>0</v>
      </c>
      <c r="DF33" s="191">
        <v>0</v>
      </c>
      <c r="DG33" s="196">
        <v>0</v>
      </c>
      <c r="DH33" s="195">
        <v>0</v>
      </c>
    </row>
    <row r="34" spans="2:112" ht="21" customHeight="1" x14ac:dyDescent="0.2">
      <c r="B34" s="106" t="s">
        <v>32</v>
      </c>
      <c r="C34" s="190">
        <v>0</v>
      </c>
      <c r="D34" s="191">
        <v>0</v>
      </c>
      <c r="E34" s="192">
        <v>0</v>
      </c>
      <c r="F34" s="193">
        <v>0</v>
      </c>
      <c r="G34" s="191">
        <v>415</v>
      </c>
      <c r="H34" s="191">
        <v>305</v>
      </c>
      <c r="I34" s="191">
        <v>405</v>
      </c>
      <c r="J34" s="191">
        <v>398</v>
      </c>
      <c r="K34" s="191">
        <v>810</v>
      </c>
      <c r="L34" s="194">
        <v>2333</v>
      </c>
      <c r="M34" s="195">
        <v>2333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9</v>
      </c>
      <c r="U34" s="191">
        <v>35</v>
      </c>
      <c r="V34" s="191">
        <v>37</v>
      </c>
      <c r="W34" s="196">
        <v>81</v>
      </c>
      <c r="X34" s="195">
        <v>81</v>
      </c>
      <c r="Y34" s="190">
        <v>63</v>
      </c>
      <c r="Z34" s="191">
        <v>52</v>
      </c>
      <c r="AA34" s="196">
        <v>115</v>
      </c>
      <c r="AB34" s="193">
        <v>0</v>
      </c>
      <c r="AC34" s="191">
        <v>195</v>
      </c>
      <c r="AD34" s="191">
        <v>257</v>
      </c>
      <c r="AE34" s="191">
        <v>95</v>
      </c>
      <c r="AF34" s="191">
        <v>148</v>
      </c>
      <c r="AG34" s="191">
        <v>138</v>
      </c>
      <c r="AH34" s="196">
        <v>833</v>
      </c>
      <c r="AI34" s="195">
        <v>948</v>
      </c>
      <c r="AJ34" s="190">
        <v>0</v>
      </c>
      <c r="AK34" s="191">
        <v>12</v>
      </c>
      <c r="AL34" s="196">
        <v>12</v>
      </c>
      <c r="AM34" s="193">
        <v>0</v>
      </c>
      <c r="AN34" s="191">
        <v>69</v>
      </c>
      <c r="AO34" s="191">
        <v>0</v>
      </c>
      <c r="AP34" s="191">
        <v>0</v>
      </c>
      <c r="AQ34" s="191">
        <v>45</v>
      </c>
      <c r="AR34" s="191">
        <v>21</v>
      </c>
      <c r="AS34" s="196">
        <v>135</v>
      </c>
      <c r="AT34" s="195">
        <v>147</v>
      </c>
      <c r="AU34" s="190">
        <v>0</v>
      </c>
      <c r="AV34" s="191">
        <v>0</v>
      </c>
      <c r="AW34" s="196">
        <v>0</v>
      </c>
      <c r="AX34" s="193">
        <v>0</v>
      </c>
      <c r="AY34" s="191">
        <v>518</v>
      </c>
      <c r="AZ34" s="191">
        <v>446</v>
      </c>
      <c r="BA34" s="191">
        <v>356</v>
      </c>
      <c r="BB34" s="191">
        <v>260</v>
      </c>
      <c r="BC34" s="191">
        <v>74</v>
      </c>
      <c r="BD34" s="194">
        <v>1654</v>
      </c>
      <c r="BE34" s="195">
        <v>1654</v>
      </c>
      <c r="BF34" s="190">
        <v>0</v>
      </c>
      <c r="BG34" s="191">
        <v>0</v>
      </c>
      <c r="BH34" s="196">
        <v>0</v>
      </c>
      <c r="BI34" s="193">
        <v>0</v>
      </c>
      <c r="BJ34" s="191">
        <v>46</v>
      </c>
      <c r="BK34" s="191">
        <v>91</v>
      </c>
      <c r="BL34" s="191">
        <v>23</v>
      </c>
      <c r="BM34" s="191">
        <v>29</v>
      </c>
      <c r="BN34" s="191">
        <v>12</v>
      </c>
      <c r="BO34" s="196">
        <v>201</v>
      </c>
      <c r="BP34" s="195">
        <v>201</v>
      </c>
      <c r="BQ34" s="190">
        <v>0</v>
      </c>
      <c r="BR34" s="191">
        <v>6</v>
      </c>
      <c r="BS34" s="196">
        <v>6</v>
      </c>
      <c r="BT34" s="193">
        <v>0</v>
      </c>
      <c r="BU34" s="191">
        <v>17</v>
      </c>
      <c r="BV34" s="191">
        <v>75</v>
      </c>
      <c r="BW34" s="191">
        <v>113</v>
      </c>
      <c r="BX34" s="191">
        <v>51</v>
      </c>
      <c r="BY34" s="191">
        <v>40</v>
      </c>
      <c r="BZ34" s="196">
        <v>296</v>
      </c>
      <c r="CA34" s="195">
        <v>302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14</v>
      </c>
      <c r="CH34" s="191">
        <v>0</v>
      </c>
      <c r="CI34" s="191">
        <v>0</v>
      </c>
      <c r="CJ34" s="191">
        <v>11</v>
      </c>
      <c r="CK34" s="196">
        <v>25</v>
      </c>
      <c r="CL34" s="195">
        <v>25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  <c r="CX34" s="190">
        <v>0</v>
      </c>
      <c r="CY34" s="191">
        <v>0</v>
      </c>
      <c r="CZ34" s="196">
        <v>0</v>
      </c>
      <c r="DA34" s="193">
        <v>0</v>
      </c>
      <c r="DB34" s="191">
        <v>0</v>
      </c>
      <c r="DC34" s="191">
        <v>0</v>
      </c>
      <c r="DD34" s="191">
        <v>0</v>
      </c>
      <c r="DE34" s="191">
        <v>0</v>
      </c>
      <c r="DF34" s="191">
        <v>0</v>
      </c>
      <c r="DG34" s="196">
        <v>0</v>
      </c>
      <c r="DH34" s="195">
        <v>0</v>
      </c>
    </row>
    <row r="35" spans="2:112" ht="21" customHeight="1" x14ac:dyDescent="0.2">
      <c r="B35" s="106" t="s">
        <v>33</v>
      </c>
      <c r="C35" s="190">
        <v>0</v>
      </c>
      <c r="D35" s="191">
        <v>0</v>
      </c>
      <c r="E35" s="192">
        <v>0</v>
      </c>
      <c r="F35" s="193">
        <v>0</v>
      </c>
      <c r="G35" s="191">
        <v>351</v>
      </c>
      <c r="H35" s="191">
        <v>304</v>
      </c>
      <c r="I35" s="191">
        <v>510</v>
      </c>
      <c r="J35" s="191">
        <v>206</v>
      </c>
      <c r="K35" s="191">
        <v>313</v>
      </c>
      <c r="L35" s="194">
        <v>1684</v>
      </c>
      <c r="M35" s="195">
        <v>1684</v>
      </c>
      <c r="N35" s="190">
        <v>0</v>
      </c>
      <c r="O35" s="191">
        <v>0</v>
      </c>
      <c r="P35" s="196">
        <v>0</v>
      </c>
      <c r="Q35" s="193">
        <v>0</v>
      </c>
      <c r="R35" s="191">
        <v>4</v>
      </c>
      <c r="S35" s="191">
        <v>4</v>
      </c>
      <c r="T35" s="191">
        <v>1</v>
      </c>
      <c r="U35" s="191">
        <v>11</v>
      </c>
      <c r="V35" s="191">
        <v>22</v>
      </c>
      <c r="W35" s="196">
        <v>42</v>
      </c>
      <c r="X35" s="195">
        <v>42</v>
      </c>
      <c r="Y35" s="190">
        <v>6</v>
      </c>
      <c r="Z35" s="191">
        <v>35</v>
      </c>
      <c r="AA35" s="196">
        <v>41</v>
      </c>
      <c r="AB35" s="193">
        <v>0</v>
      </c>
      <c r="AC35" s="191">
        <v>129</v>
      </c>
      <c r="AD35" s="191">
        <v>89</v>
      </c>
      <c r="AE35" s="191">
        <v>52</v>
      </c>
      <c r="AF35" s="191">
        <v>24</v>
      </c>
      <c r="AG35" s="191">
        <v>11</v>
      </c>
      <c r="AH35" s="196">
        <v>305</v>
      </c>
      <c r="AI35" s="195">
        <v>346</v>
      </c>
      <c r="AJ35" s="190">
        <v>85</v>
      </c>
      <c r="AK35" s="191">
        <v>218</v>
      </c>
      <c r="AL35" s="196">
        <v>303</v>
      </c>
      <c r="AM35" s="193">
        <v>0</v>
      </c>
      <c r="AN35" s="191">
        <v>525</v>
      </c>
      <c r="AO35" s="191">
        <v>198</v>
      </c>
      <c r="AP35" s="191">
        <v>112</v>
      </c>
      <c r="AQ35" s="191">
        <v>111</v>
      </c>
      <c r="AR35" s="191">
        <v>27</v>
      </c>
      <c r="AS35" s="196">
        <v>973</v>
      </c>
      <c r="AT35" s="195">
        <v>1276</v>
      </c>
      <c r="AU35" s="190">
        <v>0</v>
      </c>
      <c r="AV35" s="191">
        <v>0</v>
      </c>
      <c r="AW35" s="196">
        <v>0</v>
      </c>
      <c r="AX35" s="193">
        <v>0</v>
      </c>
      <c r="AY35" s="191">
        <v>67</v>
      </c>
      <c r="AZ35" s="191">
        <v>84</v>
      </c>
      <c r="BA35" s="191">
        <v>64</v>
      </c>
      <c r="BB35" s="191">
        <v>24</v>
      </c>
      <c r="BC35" s="191">
        <v>41</v>
      </c>
      <c r="BD35" s="194">
        <v>280</v>
      </c>
      <c r="BE35" s="195">
        <v>280</v>
      </c>
      <c r="BF35" s="190">
        <v>0</v>
      </c>
      <c r="BG35" s="191">
        <v>0</v>
      </c>
      <c r="BH35" s="196">
        <v>0</v>
      </c>
      <c r="BI35" s="193">
        <v>0</v>
      </c>
      <c r="BJ35" s="191">
        <v>205</v>
      </c>
      <c r="BK35" s="191">
        <v>104</v>
      </c>
      <c r="BL35" s="191">
        <v>39</v>
      </c>
      <c r="BM35" s="191">
        <v>22</v>
      </c>
      <c r="BN35" s="191">
        <v>11</v>
      </c>
      <c r="BO35" s="196">
        <v>381</v>
      </c>
      <c r="BP35" s="195">
        <v>381</v>
      </c>
      <c r="BQ35" s="190">
        <v>0</v>
      </c>
      <c r="BR35" s="191">
        <v>0</v>
      </c>
      <c r="BS35" s="196">
        <v>0</v>
      </c>
      <c r="BT35" s="193">
        <v>0</v>
      </c>
      <c r="BU35" s="191">
        <v>50</v>
      </c>
      <c r="BV35" s="191">
        <v>74</v>
      </c>
      <c r="BW35" s="191">
        <v>124</v>
      </c>
      <c r="BX35" s="191">
        <v>93</v>
      </c>
      <c r="BY35" s="191">
        <v>36</v>
      </c>
      <c r="BZ35" s="196">
        <v>377</v>
      </c>
      <c r="CA35" s="195">
        <v>377</v>
      </c>
      <c r="CB35" s="190">
        <v>0</v>
      </c>
      <c r="CC35" s="191">
        <v>0</v>
      </c>
      <c r="CD35" s="196">
        <v>0</v>
      </c>
      <c r="CE35" s="193">
        <v>0</v>
      </c>
      <c r="CF35" s="191">
        <v>14</v>
      </c>
      <c r="CG35" s="191">
        <v>1</v>
      </c>
      <c r="CH35" s="191">
        <v>0</v>
      </c>
      <c r="CI35" s="191">
        <v>0</v>
      </c>
      <c r="CJ35" s="191">
        <v>2</v>
      </c>
      <c r="CK35" s="196">
        <v>17</v>
      </c>
      <c r="CL35" s="195">
        <v>17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  <c r="CX35" s="190">
        <v>0</v>
      </c>
      <c r="CY35" s="191">
        <v>0</v>
      </c>
      <c r="CZ35" s="196">
        <v>0</v>
      </c>
      <c r="DA35" s="193">
        <v>0</v>
      </c>
      <c r="DB35" s="191">
        <v>0</v>
      </c>
      <c r="DC35" s="191">
        <v>0</v>
      </c>
      <c r="DD35" s="191">
        <v>0</v>
      </c>
      <c r="DE35" s="191">
        <v>0</v>
      </c>
      <c r="DF35" s="191">
        <v>0</v>
      </c>
      <c r="DG35" s="196">
        <v>0</v>
      </c>
      <c r="DH35" s="195">
        <v>0</v>
      </c>
    </row>
    <row r="36" spans="2:112" ht="21" customHeight="1" x14ac:dyDescent="0.2">
      <c r="B36" s="106" t="s">
        <v>34</v>
      </c>
      <c r="C36" s="190">
        <v>0</v>
      </c>
      <c r="D36" s="191">
        <v>0</v>
      </c>
      <c r="E36" s="192">
        <v>0</v>
      </c>
      <c r="F36" s="193">
        <v>0</v>
      </c>
      <c r="G36" s="191">
        <v>84</v>
      </c>
      <c r="H36" s="191">
        <v>232</v>
      </c>
      <c r="I36" s="191">
        <v>323</v>
      </c>
      <c r="J36" s="191">
        <v>268</v>
      </c>
      <c r="K36" s="191">
        <v>263</v>
      </c>
      <c r="L36" s="194">
        <v>1170</v>
      </c>
      <c r="M36" s="195">
        <v>1170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1</v>
      </c>
      <c r="V36" s="191">
        <v>41</v>
      </c>
      <c r="W36" s="196">
        <v>42</v>
      </c>
      <c r="X36" s="195">
        <v>42</v>
      </c>
      <c r="Y36" s="190">
        <v>38</v>
      </c>
      <c r="Z36" s="191">
        <v>96</v>
      </c>
      <c r="AA36" s="196">
        <v>134</v>
      </c>
      <c r="AB36" s="193">
        <v>0</v>
      </c>
      <c r="AC36" s="191">
        <v>171</v>
      </c>
      <c r="AD36" s="191">
        <v>128</v>
      </c>
      <c r="AE36" s="191">
        <v>53</v>
      </c>
      <c r="AF36" s="191">
        <v>19</v>
      </c>
      <c r="AG36" s="191">
        <v>131</v>
      </c>
      <c r="AH36" s="196">
        <v>502</v>
      </c>
      <c r="AI36" s="195">
        <v>636</v>
      </c>
      <c r="AJ36" s="190">
        <v>0</v>
      </c>
      <c r="AK36" s="191">
        <v>0</v>
      </c>
      <c r="AL36" s="196">
        <v>0</v>
      </c>
      <c r="AM36" s="193">
        <v>0</v>
      </c>
      <c r="AN36" s="191">
        <v>48</v>
      </c>
      <c r="AO36" s="191">
        <v>46</v>
      </c>
      <c r="AP36" s="191">
        <v>21</v>
      </c>
      <c r="AQ36" s="191">
        <v>35</v>
      </c>
      <c r="AR36" s="191">
        <v>38</v>
      </c>
      <c r="AS36" s="196">
        <v>188</v>
      </c>
      <c r="AT36" s="195">
        <v>188</v>
      </c>
      <c r="AU36" s="190">
        <v>0</v>
      </c>
      <c r="AV36" s="191">
        <v>0</v>
      </c>
      <c r="AW36" s="196">
        <v>0</v>
      </c>
      <c r="AX36" s="193">
        <v>0</v>
      </c>
      <c r="AY36" s="191">
        <v>241</v>
      </c>
      <c r="AZ36" s="191">
        <v>155</v>
      </c>
      <c r="BA36" s="191">
        <v>329</v>
      </c>
      <c r="BB36" s="191">
        <v>120</v>
      </c>
      <c r="BC36" s="191">
        <v>41</v>
      </c>
      <c r="BD36" s="194">
        <v>886</v>
      </c>
      <c r="BE36" s="195">
        <v>886</v>
      </c>
      <c r="BF36" s="190">
        <v>0</v>
      </c>
      <c r="BG36" s="191">
        <v>0</v>
      </c>
      <c r="BH36" s="196">
        <v>0</v>
      </c>
      <c r="BI36" s="193">
        <v>0</v>
      </c>
      <c r="BJ36" s="191">
        <v>88</v>
      </c>
      <c r="BK36" s="191">
        <v>20</v>
      </c>
      <c r="BL36" s="191">
        <v>0</v>
      </c>
      <c r="BM36" s="191">
        <v>8</v>
      </c>
      <c r="BN36" s="191">
        <v>0</v>
      </c>
      <c r="BO36" s="196">
        <v>116</v>
      </c>
      <c r="BP36" s="195">
        <v>116</v>
      </c>
      <c r="BQ36" s="190">
        <v>0</v>
      </c>
      <c r="BR36" s="191">
        <v>0</v>
      </c>
      <c r="BS36" s="196">
        <v>0</v>
      </c>
      <c r="BT36" s="193">
        <v>0</v>
      </c>
      <c r="BU36" s="191">
        <v>32</v>
      </c>
      <c r="BV36" s="191">
        <v>9</v>
      </c>
      <c r="BW36" s="191">
        <v>19</v>
      </c>
      <c r="BX36" s="191">
        <v>32</v>
      </c>
      <c r="BY36" s="191">
        <v>5</v>
      </c>
      <c r="BZ36" s="196">
        <v>97</v>
      </c>
      <c r="CA36" s="195">
        <v>97</v>
      </c>
      <c r="CB36" s="190">
        <v>0</v>
      </c>
      <c r="CC36" s="191">
        <v>0</v>
      </c>
      <c r="CD36" s="196">
        <v>0</v>
      </c>
      <c r="CE36" s="193">
        <v>0</v>
      </c>
      <c r="CF36" s="191">
        <v>3</v>
      </c>
      <c r="CG36" s="191">
        <v>0</v>
      </c>
      <c r="CH36" s="191">
        <v>0</v>
      </c>
      <c r="CI36" s="191">
        <v>0</v>
      </c>
      <c r="CJ36" s="191">
        <v>0</v>
      </c>
      <c r="CK36" s="196">
        <v>3</v>
      </c>
      <c r="CL36" s="195">
        <v>3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  <c r="CX36" s="190">
        <v>0</v>
      </c>
      <c r="CY36" s="191">
        <v>0</v>
      </c>
      <c r="CZ36" s="196">
        <v>0</v>
      </c>
      <c r="DA36" s="193">
        <v>0</v>
      </c>
      <c r="DB36" s="191">
        <v>0</v>
      </c>
      <c r="DC36" s="191">
        <v>0</v>
      </c>
      <c r="DD36" s="191">
        <v>0</v>
      </c>
      <c r="DE36" s="191">
        <v>0</v>
      </c>
      <c r="DF36" s="191">
        <v>0</v>
      </c>
      <c r="DG36" s="196">
        <v>0</v>
      </c>
      <c r="DH36" s="195">
        <v>0</v>
      </c>
    </row>
    <row r="37" spans="2:112" ht="21" customHeight="1" x14ac:dyDescent="0.2">
      <c r="B37" s="106" t="s">
        <v>35</v>
      </c>
      <c r="C37" s="190">
        <v>0</v>
      </c>
      <c r="D37" s="191">
        <v>0</v>
      </c>
      <c r="E37" s="192">
        <v>0</v>
      </c>
      <c r="F37" s="193">
        <v>0</v>
      </c>
      <c r="G37" s="191">
        <v>1222</v>
      </c>
      <c r="H37" s="191">
        <v>1268</v>
      </c>
      <c r="I37" s="191">
        <v>1178</v>
      </c>
      <c r="J37" s="191">
        <v>1692</v>
      </c>
      <c r="K37" s="191">
        <v>1413</v>
      </c>
      <c r="L37" s="194">
        <v>6773</v>
      </c>
      <c r="M37" s="195">
        <v>6773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9</v>
      </c>
      <c r="T37" s="191">
        <v>17</v>
      </c>
      <c r="U37" s="191">
        <v>79</v>
      </c>
      <c r="V37" s="191">
        <v>62</v>
      </c>
      <c r="W37" s="196">
        <v>167</v>
      </c>
      <c r="X37" s="195">
        <v>167</v>
      </c>
      <c r="Y37" s="190">
        <v>22</v>
      </c>
      <c r="Z37" s="191">
        <v>129</v>
      </c>
      <c r="AA37" s="196">
        <v>151</v>
      </c>
      <c r="AB37" s="193">
        <v>0</v>
      </c>
      <c r="AC37" s="191">
        <v>477</v>
      </c>
      <c r="AD37" s="191">
        <v>378</v>
      </c>
      <c r="AE37" s="191">
        <v>249</v>
      </c>
      <c r="AF37" s="191">
        <v>216</v>
      </c>
      <c r="AG37" s="191">
        <v>244</v>
      </c>
      <c r="AH37" s="196">
        <v>1564</v>
      </c>
      <c r="AI37" s="195">
        <v>1715</v>
      </c>
      <c r="AJ37" s="190">
        <v>69</v>
      </c>
      <c r="AK37" s="191">
        <v>140</v>
      </c>
      <c r="AL37" s="196">
        <v>209</v>
      </c>
      <c r="AM37" s="193">
        <v>0</v>
      </c>
      <c r="AN37" s="191">
        <v>218</v>
      </c>
      <c r="AO37" s="191">
        <v>168</v>
      </c>
      <c r="AP37" s="191">
        <v>200</v>
      </c>
      <c r="AQ37" s="191">
        <v>175</v>
      </c>
      <c r="AR37" s="191">
        <v>64</v>
      </c>
      <c r="AS37" s="196">
        <v>825</v>
      </c>
      <c r="AT37" s="195">
        <v>1034</v>
      </c>
      <c r="AU37" s="190">
        <v>0</v>
      </c>
      <c r="AV37" s="191">
        <v>0</v>
      </c>
      <c r="AW37" s="196">
        <v>0</v>
      </c>
      <c r="AX37" s="193">
        <v>0</v>
      </c>
      <c r="AY37" s="191">
        <v>1393</v>
      </c>
      <c r="AZ37" s="191">
        <v>765</v>
      </c>
      <c r="BA37" s="191">
        <v>545</v>
      </c>
      <c r="BB37" s="191">
        <v>353</v>
      </c>
      <c r="BC37" s="191">
        <v>261</v>
      </c>
      <c r="BD37" s="194">
        <v>3317</v>
      </c>
      <c r="BE37" s="195">
        <v>3317</v>
      </c>
      <c r="BF37" s="190">
        <v>0</v>
      </c>
      <c r="BG37" s="191">
        <v>0</v>
      </c>
      <c r="BH37" s="196">
        <v>0</v>
      </c>
      <c r="BI37" s="193">
        <v>0</v>
      </c>
      <c r="BJ37" s="191">
        <v>518</v>
      </c>
      <c r="BK37" s="191">
        <v>284</v>
      </c>
      <c r="BL37" s="191">
        <v>134</v>
      </c>
      <c r="BM37" s="191">
        <v>79</v>
      </c>
      <c r="BN37" s="191">
        <v>15</v>
      </c>
      <c r="BO37" s="196">
        <v>1030</v>
      </c>
      <c r="BP37" s="195">
        <v>1030</v>
      </c>
      <c r="BQ37" s="190">
        <v>3</v>
      </c>
      <c r="BR37" s="191">
        <v>7</v>
      </c>
      <c r="BS37" s="196">
        <v>10</v>
      </c>
      <c r="BT37" s="193">
        <v>0</v>
      </c>
      <c r="BU37" s="191">
        <v>78</v>
      </c>
      <c r="BV37" s="191">
        <v>41</v>
      </c>
      <c r="BW37" s="191">
        <v>100</v>
      </c>
      <c r="BX37" s="191">
        <v>144</v>
      </c>
      <c r="BY37" s="191">
        <v>92</v>
      </c>
      <c r="BZ37" s="196">
        <v>455</v>
      </c>
      <c r="CA37" s="195">
        <v>465</v>
      </c>
      <c r="CB37" s="190">
        <v>0</v>
      </c>
      <c r="CC37" s="191">
        <v>0</v>
      </c>
      <c r="CD37" s="196">
        <v>0</v>
      </c>
      <c r="CE37" s="193">
        <v>0</v>
      </c>
      <c r="CF37" s="191">
        <v>10</v>
      </c>
      <c r="CG37" s="191">
        <v>19</v>
      </c>
      <c r="CH37" s="191">
        <v>22</v>
      </c>
      <c r="CI37" s="191">
        <v>3</v>
      </c>
      <c r="CJ37" s="191">
        <v>3</v>
      </c>
      <c r="CK37" s="196">
        <v>57</v>
      </c>
      <c r="CL37" s="195">
        <v>57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  <c r="CX37" s="190">
        <v>0</v>
      </c>
      <c r="CY37" s="191">
        <v>0</v>
      </c>
      <c r="CZ37" s="196">
        <v>0</v>
      </c>
      <c r="DA37" s="193">
        <v>0</v>
      </c>
      <c r="DB37" s="191">
        <v>0</v>
      </c>
      <c r="DC37" s="191">
        <v>0</v>
      </c>
      <c r="DD37" s="191">
        <v>0</v>
      </c>
      <c r="DE37" s="191">
        <v>0</v>
      </c>
      <c r="DF37" s="191">
        <v>0</v>
      </c>
      <c r="DG37" s="196">
        <v>0</v>
      </c>
      <c r="DH37" s="195">
        <v>0</v>
      </c>
    </row>
    <row r="38" spans="2:112" ht="21" customHeight="1" x14ac:dyDescent="0.2">
      <c r="B38" s="106" t="s">
        <v>36</v>
      </c>
      <c r="C38" s="190">
        <v>0</v>
      </c>
      <c r="D38" s="191">
        <v>0</v>
      </c>
      <c r="E38" s="192">
        <v>0</v>
      </c>
      <c r="F38" s="193">
        <v>0</v>
      </c>
      <c r="G38" s="191">
        <v>628</v>
      </c>
      <c r="H38" s="191">
        <v>1689</v>
      </c>
      <c r="I38" s="191">
        <v>1614</v>
      </c>
      <c r="J38" s="191">
        <v>748</v>
      </c>
      <c r="K38" s="191">
        <v>2329</v>
      </c>
      <c r="L38" s="194">
        <v>7008</v>
      </c>
      <c r="M38" s="195">
        <v>7008</v>
      </c>
      <c r="N38" s="190">
        <v>0</v>
      </c>
      <c r="O38" s="191">
        <v>4</v>
      </c>
      <c r="P38" s="196">
        <v>4</v>
      </c>
      <c r="Q38" s="193">
        <v>0</v>
      </c>
      <c r="R38" s="191">
        <v>17</v>
      </c>
      <c r="S38" s="191">
        <v>17</v>
      </c>
      <c r="T38" s="191">
        <v>53</v>
      </c>
      <c r="U38" s="191">
        <v>32</v>
      </c>
      <c r="V38" s="191">
        <v>58</v>
      </c>
      <c r="W38" s="196">
        <v>177</v>
      </c>
      <c r="X38" s="195">
        <v>181</v>
      </c>
      <c r="Y38" s="190">
        <v>40</v>
      </c>
      <c r="Z38" s="191">
        <v>178</v>
      </c>
      <c r="AA38" s="196">
        <v>218</v>
      </c>
      <c r="AB38" s="193">
        <v>0</v>
      </c>
      <c r="AC38" s="191">
        <v>529</v>
      </c>
      <c r="AD38" s="191">
        <v>445</v>
      </c>
      <c r="AE38" s="191">
        <v>525</v>
      </c>
      <c r="AF38" s="191">
        <v>340</v>
      </c>
      <c r="AG38" s="191">
        <v>368</v>
      </c>
      <c r="AH38" s="196">
        <v>2207</v>
      </c>
      <c r="AI38" s="195">
        <v>2425</v>
      </c>
      <c r="AJ38" s="190">
        <v>12</v>
      </c>
      <c r="AK38" s="191">
        <v>125</v>
      </c>
      <c r="AL38" s="196">
        <v>137</v>
      </c>
      <c r="AM38" s="193">
        <v>0</v>
      </c>
      <c r="AN38" s="191">
        <v>184</v>
      </c>
      <c r="AO38" s="191">
        <v>188</v>
      </c>
      <c r="AP38" s="191">
        <v>50</v>
      </c>
      <c r="AQ38" s="191">
        <v>67</v>
      </c>
      <c r="AR38" s="191">
        <v>59</v>
      </c>
      <c r="AS38" s="196">
        <v>548</v>
      </c>
      <c r="AT38" s="195">
        <v>685</v>
      </c>
      <c r="AU38" s="190">
        <v>0</v>
      </c>
      <c r="AV38" s="191">
        <v>0</v>
      </c>
      <c r="AW38" s="196">
        <v>0</v>
      </c>
      <c r="AX38" s="193">
        <v>0</v>
      </c>
      <c r="AY38" s="191">
        <v>691</v>
      </c>
      <c r="AZ38" s="191">
        <v>740</v>
      </c>
      <c r="BA38" s="191">
        <v>539</v>
      </c>
      <c r="BB38" s="191">
        <v>295</v>
      </c>
      <c r="BC38" s="191">
        <v>231</v>
      </c>
      <c r="BD38" s="194">
        <v>2496</v>
      </c>
      <c r="BE38" s="195">
        <v>2496</v>
      </c>
      <c r="BF38" s="190">
        <v>0</v>
      </c>
      <c r="BG38" s="191">
        <v>0</v>
      </c>
      <c r="BH38" s="196">
        <v>0</v>
      </c>
      <c r="BI38" s="193">
        <v>0</v>
      </c>
      <c r="BJ38" s="191">
        <v>251</v>
      </c>
      <c r="BK38" s="191">
        <v>293</v>
      </c>
      <c r="BL38" s="191">
        <v>165</v>
      </c>
      <c r="BM38" s="191">
        <v>63</v>
      </c>
      <c r="BN38" s="191">
        <v>19</v>
      </c>
      <c r="BO38" s="196">
        <v>791</v>
      </c>
      <c r="BP38" s="195">
        <v>791</v>
      </c>
      <c r="BQ38" s="190">
        <v>0</v>
      </c>
      <c r="BR38" s="191">
        <v>9</v>
      </c>
      <c r="BS38" s="196">
        <v>9</v>
      </c>
      <c r="BT38" s="193">
        <v>0</v>
      </c>
      <c r="BU38" s="191">
        <v>74</v>
      </c>
      <c r="BV38" s="191">
        <v>171</v>
      </c>
      <c r="BW38" s="191">
        <v>190</v>
      </c>
      <c r="BX38" s="191">
        <v>242</v>
      </c>
      <c r="BY38" s="191">
        <v>141</v>
      </c>
      <c r="BZ38" s="196">
        <v>818</v>
      </c>
      <c r="CA38" s="195">
        <v>827</v>
      </c>
      <c r="CB38" s="190">
        <v>0</v>
      </c>
      <c r="CC38" s="191">
        <v>0</v>
      </c>
      <c r="CD38" s="196">
        <v>0</v>
      </c>
      <c r="CE38" s="193">
        <v>0</v>
      </c>
      <c r="CF38" s="191">
        <v>7</v>
      </c>
      <c r="CG38" s="191">
        <v>8</v>
      </c>
      <c r="CH38" s="191">
        <v>7</v>
      </c>
      <c r="CI38" s="191">
        <v>8</v>
      </c>
      <c r="CJ38" s="191">
        <v>0</v>
      </c>
      <c r="CK38" s="196">
        <v>30</v>
      </c>
      <c r="CL38" s="195">
        <v>3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  <c r="CX38" s="190">
        <v>0</v>
      </c>
      <c r="CY38" s="191">
        <v>0</v>
      </c>
      <c r="CZ38" s="196">
        <v>0</v>
      </c>
      <c r="DA38" s="193">
        <v>0</v>
      </c>
      <c r="DB38" s="191">
        <v>0</v>
      </c>
      <c r="DC38" s="191">
        <v>0</v>
      </c>
      <c r="DD38" s="191">
        <v>0</v>
      </c>
      <c r="DE38" s="191">
        <v>0</v>
      </c>
      <c r="DF38" s="191">
        <v>0</v>
      </c>
      <c r="DG38" s="196">
        <v>0</v>
      </c>
      <c r="DH38" s="195">
        <v>0</v>
      </c>
    </row>
    <row r="39" spans="2:112" ht="21" customHeight="1" thickBot="1" x14ac:dyDescent="0.25">
      <c r="B39" s="108" t="s">
        <v>37</v>
      </c>
      <c r="C39" s="197">
        <v>0</v>
      </c>
      <c r="D39" s="198">
        <v>0</v>
      </c>
      <c r="E39" s="199">
        <v>0</v>
      </c>
      <c r="F39" s="200">
        <v>0</v>
      </c>
      <c r="G39" s="198">
        <v>33</v>
      </c>
      <c r="H39" s="198">
        <v>38</v>
      </c>
      <c r="I39" s="198">
        <v>149</v>
      </c>
      <c r="J39" s="198">
        <v>4</v>
      </c>
      <c r="K39" s="198">
        <v>37</v>
      </c>
      <c r="L39" s="201">
        <v>261</v>
      </c>
      <c r="M39" s="202">
        <v>261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5</v>
      </c>
      <c r="W39" s="203">
        <v>5</v>
      </c>
      <c r="X39" s="202">
        <v>5</v>
      </c>
      <c r="Y39" s="197">
        <v>10</v>
      </c>
      <c r="Z39" s="198">
        <v>4</v>
      </c>
      <c r="AA39" s="203">
        <v>14</v>
      </c>
      <c r="AB39" s="200">
        <v>0</v>
      </c>
      <c r="AC39" s="198">
        <v>21</v>
      </c>
      <c r="AD39" s="198">
        <v>59</v>
      </c>
      <c r="AE39" s="198">
        <v>32</v>
      </c>
      <c r="AF39" s="198">
        <v>18</v>
      </c>
      <c r="AG39" s="198">
        <v>14</v>
      </c>
      <c r="AH39" s="203">
        <v>144</v>
      </c>
      <c r="AI39" s="202">
        <v>158</v>
      </c>
      <c r="AJ39" s="197">
        <v>0</v>
      </c>
      <c r="AK39" s="198">
        <v>0</v>
      </c>
      <c r="AL39" s="203">
        <v>0</v>
      </c>
      <c r="AM39" s="200">
        <v>0</v>
      </c>
      <c r="AN39" s="198">
        <v>8</v>
      </c>
      <c r="AO39" s="198">
        <v>8</v>
      </c>
      <c r="AP39" s="198">
        <v>0</v>
      </c>
      <c r="AQ39" s="198">
        <v>0</v>
      </c>
      <c r="AR39" s="198">
        <v>8</v>
      </c>
      <c r="AS39" s="203">
        <v>24</v>
      </c>
      <c r="AT39" s="202">
        <v>24</v>
      </c>
      <c r="AU39" s="197">
        <v>0</v>
      </c>
      <c r="AV39" s="198">
        <v>0</v>
      </c>
      <c r="AW39" s="203">
        <v>0</v>
      </c>
      <c r="AX39" s="200">
        <v>0</v>
      </c>
      <c r="AY39" s="198">
        <v>32</v>
      </c>
      <c r="AZ39" s="198">
        <v>45</v>
      </c>
      <c r="BA39" s="198">
        <v>43</v>
      </c>
      <c r="BB39" s="198">
        <v>36</v>
      </c>
      <c r="BC39" s="198">
        <v>9</v>
      </c>
      <c r="BD39" s="201">
        <v>165</v>
      </c>
      <c r="BE39" s="202">
        <v>165</v>
      </c>
      <c r="BF39" s="197">
        <v>0</v>
      </c>
      <c r="BG39" s="198">
        <v>0</v>
      </c>
      <c r="BH39" s="203">
        <v>0</v>
      </c>
      <c r="BI39" s="200">
        <v>0</v>
      </c>
      <c r="BJ39" s="198">
        <v>42</v>
      </c>
      <c r="BK39" s="198">
        <v>53</v>
      </c>
      <c r="BL39" s="198">
        <v>7</v>
      </c>
      <c r="BM39" s="198">
        <v>50</v>
      </c>
      <c r="BN39" s="198">
        <v>8</v>
      </c>
      <c r="BO39" s="203">
        <v>160</v>
      </c>
      <c r="BP39" s="202">
        <v>160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24</v>
      </c>
      <c r="BW39" s="198">
        <v>65</v>
      </c>
      <c r="BX39" s="198">
        <v>0</v>
      </c>
      <c r="BY39" s="198">
        <v>28</v>
      </c>
      <c r="BZ39" s="203">
        <v>117</v>
      </c>
      <c r="CA39" s="202">
        <v>117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  <c r="CX39" s="197">
        <v>0</v>
      </c>
      <c r="CY39" s="198">
        <v>0</v>
      </c>
      <c r="CZ39" s="203">
        <v>0</v>
      </c>
      <c r="DA39" s="200">
        <v>0</v>
      </c>
      <c r="DB39" s="198">
        <v>0</v>
      </c>
      <c r="DC39" s="198">
        <v>0</v>
      </c>
      <c r="DD39" s="198">
        <v>0</v>
      </c>
      <c r="DE39" s="198">
        <v>0</v>
      </c>
      <c r="DF39" s="198">
        <v>0</v>
      </c>
      <c r="DG39" s="203">
        <v>0</v>
      </c>
      <c r="DH39" s="202">
        <v>0</v>
      </c>
    </row>
    <row r="40" spans="2:112" ht="27" customHeight="1" x14ac:dyDescent="0.2"/>
  </sheetData>
  <mergeCells count="43">
    <mergeCell ref="CX3:DH3"/>
    <mergeCell ref="CX4:CZ4"/>
    <mergeCell ref="DA4:DG4"/>
    <mergeCell ref="DH4:DH5"/>
    <mergeCell ref="B3:B5"/>
    <mergeCell ref="C3:M3"/>
    <mergeCell ref="C4:E4"/>
    <mergeCell ref="F4:L4"/>
    <mergeCell ref="M4:M5"/>
    <mergeCell ref="BE4:BE5"/>
    <mergeCell ref="N4:P4"/>
    <mergeCell ref="Q4:W4"/>
    <mergeCell ref="X4:X5"/>
    <mergeCell ref="Y4:AA4"/>
    <mergeCell ref="AB4:AH4"/>
    <mergeCell ref="AI4:AI5"/>
    <mergeCell ref="AJ4:AL4"/>
    <mergeCell ref="AM4:AS4"/>
    <mergeCell ref="AT4:AT5"/>
    <mergeCell ref="AU4:AW4"/>
    <mergeCell ref="AX4:BD4"/>
    <mergeCell ref="CW4:CW5"/>
    <mergeCell ref="BF4:BH4"/>
    <mergeCell ref="BI4:BO4"/>
    <mergeCell ref="BP4:BP5"/>
    <mergeCell ref="BQ4:BS4"/>
    <mergeCell ref="BT4:BZ4"/>
    <mergeCell ref="CA4:CA5"/>
    <mergeCell ref="CB4:CD4"/>
    <mergeCell ref="CE4:CK4"/>
    <mergeCell ref="CL4:CL5"/>
    <mergeCell ref="CM4:CO4"/>
    <mergeCell ref="CP4:CV4"/>
    <mergeCell ref="J1:K1"/>
    <mergeCell ref="M1:N1"/>
    <mergeCell ref="CB3:CL3"/>
    <mergeCell ref="CM3:CW3"/>
    <mergeCell ref="N3:X3"/>
    <mergeCell ref="Y3:AI3"/>
    <mergeCell ref="AJ3:AT3"/>
    <mergeCell ref="AU3:BE3"/>
    <mergeCell ref="BF3:BP3"/>
    <mergeCell ref="BQ3:CA3"/>
  </mergeCells>
  <phoneticPr fontId="4"/>
  <pageMargins left="0.70866141732283472" right="0.70866141732283472" top="0.47244094488188981" bottom="0.59055118110236227" header="0.27559055118110237" footer="0.31496062992125984"/>
  <pageSetup paperSize="9" scale="60" orientation="landscape" r:id="rId1"/>
  <headerFooter>
    <oddFooter>&amp;L&amp;20&amp;A&amp;C&amp;P/&amp;N</oddFooter>
  </headerFooter>
  <colBreaks count="4" manualBreakCount="4">
    <brk id="24" max="39" man="1"/>
    <brk id="46" max="39" man="1"/>
    <brk id="68" max="1048575" man="1"/>
    <brk id="9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2</DocSecurity>
  <ScaleCrop>false</ScaleCrop>
  <HeadingPairs>
    <vt:vector size="4" baseType="variant">
      <vt:variant>
        <vt:lpstr>ワークシート</vt:lpstr>
      </vt:variant>
      <vt:variant>
        <vt:i4>25</vt:i4>
      </vt:variant>
      <vt:variant>
        <vt:lpstr>名前付き一覧</vt:lpstr>
      </vt:variant>
      <vt:variant>
        <vt:i4>22</vt:i4>
      </vt:variant>
    </vt:vector>
  </HeadingPairs>
  <TitlesOfParts>
    <vt:vector size="47" baseType="lpstr">
      <vt:lpstr>第１表</vt:lpstr>
      <vt:lpstr>第２-1表</vt:lpstr>
      <vt:lpstr>第２-2表</vt:lpstr>
      <vt:lpstr>第２-3表</vt:lpstr>
      <vt:lpstr>第３-1表</vt:lpstr>
      <vt:lpstr>第３-2-1表</vt:lpstr>
      <vt:lpstr>第３-2-2表</vt:lpstr>
      <vt:lpstr>第３-2-3表 </vt:lpstr>
      <vt:lpstr>第3-3-1表</vt:lpstr>
      <vt:lpstr>第3-3-2表</vt:lpstr>
      <vt:lpstr>第3-3-3表 </vt:lpstr>
      <vt:lpstr>第４-1表</vt:lpstr>
      <vt:lpstr>第4-2-1表</vt:lpstr>
      <vt:lpstr>第4-2-2表</vt:lpstr>
      <vt:lpstr>第4-2-3表</vt:lpstr>
      <vt:lpstr>第4-3-1表</vt:lpstr>
      <vt:lpstr>第4-3-2表</vt:lpstr>
      <vt:lpstr>第4-3-3表</vt:lpstr>
      <vt:lpstr>第5-1表</vt:lpstr>
      <vt:lpstr>第5-2表</vt:lpstr>
      <vt:lpstr>第5-3表</vt:lpstr>
      <vt:lpstr>第６-1表</vt:lpstr>
      <vt:lpstr>第６-2表</vt:lpstr>
      <vt:lpstr>第６-3表 </vt:lpstr>
      <vt:lpstr>第7表</vt:lpstr>
      <vt:lpstr>第１表!Print_Area</vt:lpstr>
      <vt:lpstr>'第２-1表'!Print_Area</vt:lpstr>
      <vt:lpstr>'第２-2表'!Print_Area</vt:lpstr>
      <vt:lpstr>'第２-3表'!Print_Area</vt:lpstr>
      <vt:lpstr>'第3-3-1表'!Print_Area</vt:lpstr>
      <vt:lpstr>'第3-3-2表'!Print_Area</vt:lpstr>
      <vt:lpstr>'第3-3-3表 '!Print_Area</vt:lpstr>
      <vt:lpstr>'第２-1表'!Print_Titles</vt:lpstr>
      <vt:lpstr>'第２-2表'!Print_Titles</vt:lpstr>
      <vt:lpstr>'第２-3表'!Print_Titles</vt:lpstr>
      <vt:lpstr>'第３-1表'!Print_Titles</vt:lpstr>
      <vt:lpstr>'第３-2-1表'!Print_Titles</vt:lpstr>
      <vt:lpstr>'第３-2-2表'!Print_Titles</vt:lpstr>
      <vt:lpstr>'第３-2-3表 '!Print_Titles</vt:lpstr>
      <vt:lpstr>'第４-1表'!Print_Titles</vt:lpstr>
      <vt:lpstr>'第5-1表'!Print_Titles</vt:lpstr>
      <vt:lpstr>'第5-2表'!Print_Titles</vt:lpstr>
      <vt:lpstr>'第5-3表'!Print_Titles</vt:lpstr>
      <vt:lpstr>'第６-1表'!Print_Titles</vt:lpstr>
      <vt:lpstr>'第６-2表'!Print_Titles</vt:lpstr>
      <vt:lpstr>'第６-3表 '!Print_Titles</vt:lpstr>
      <vt:lpstr>第7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齢福祉課</dc:creator>
  <cp:lastModifiedBy>user</cp:lastModifiedBy>
  <cp:lastPrinted>2023-10-11T06:18:35Z</cp:lastPrinted>
  <dcterms:created xsi:type="dcterms:W3CDTF">2008-02-08T04:23:07Z</dcterms:created>
  <dcterms:modified xsi:type="dcterms:W3CDTF">2025-05-22T01:11:37Z</dcterms:modified>
</cp:coreProperties>
</file>